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9.xml" ContentType="application/vnd.openxmlformats-officedocument.wordprocessingml.header+xml"/>
  <Override PartName="/word/footer9.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12.xml" ContentType="application/vnd.openxmlformats-officedocument.wordprocessingml.header+xml"/>
  <Override PartName="/word/footer12.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15.xml" ContentType="application/vnd.openxmlformats-officedocument.wordprocessingml.header+xml"/>
  <Override PartName="/word/footer15.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E65E204" w14:textId="77777777" w:rsidR="00CF54CB" w:rsidRDefault="00344004">
      <w:pPr>
        <w:spacing w:after="0" w:line="259" w:lineRule="auto"/>
        <w:ind w:left="2310" w:firstLine="0"/>
        <w:jc w:val="left"/>
      </w:pPr>
      <w:r>
        <w:rPr>
          <w:noProof/>
        </w:rPr>
        <w:drawing>
          <wp:anchor distT="0" distB="0" distL="114300" distR="114300" simplePos="0" relativeHeight="251652096" behindDoc="0" locked="0" layoutInCell="1" hidden="0" allowOverlap="1" wp14:anchorId="1037E3C1" wp14:editId="031B04FA">
            <wp:simplePos x="0" y="0"/>
            <wp:positionH relativeFrom="page">
              <wp:posOffset>158750</wp:posOffset>
            </wp:positionH>
            <wp:positionV relativeFrom="page">
              <wp:posOffset>123190</wp:posOffset>
            </wp:positionV>
            <wp:extent cx="7616952" cy="1155192"/>
            <wp:effectExtent l="0" t="0" r="0" b="0"/>
            <wp:wrapTopAndBottom distT="0" distB="0"/>
            <wp:docPr id="117440" name="image22.png" descr="P1#y1"/>
            <wp:cNvGraphicFramePr/>
            <a:graphic xmlns:a="http://schemas.openxmlformats.org/drawingml/2006/main">
              <a:graphicData uri="http://schemas.openxmlformats.org/drawingml/2006/picture">
                <pic:pic xmlns:pic="http://schemas.openxmlformats.org/drawingml/2006/picture">
                  <pic:nvPicPr>
                    <pic:cNvPr id="0" name="image22.png" descr="P1#y1"/>
                    <pic:cNvPicPr preferRelativeResize="0"/>
                  </pic:nvPicPr>
                  <pic:blipFill>
                    <a:blip r:embed="rId12"/>
                    <a:srcRect/>
                    <a:stretch>
                      <a:fillRect/>
                    </a:stretch>
                  </pic:blipFill>
                  <pic:spPr>
                    <a:xfrm>
                      <a:off x="0" y="0"/>
                      <a:ext cx="7616952" cy="1155192"/>
                    </a:xfrm>
                    <a:prstGeom prst="rect">
                      <a:avLst/>
                    </a:prstGeom>
                    <a:ln/>
                  </pic:spPr>
                </pic:pic>
              </a:graphicData>
            </a:graphic>
          </wp:anchor>
        </w:drawing>
      </w:r>
      <w:r>
        <w:rPr>
          <w:b/>
          <w:sz w:val="52"/>
          <w:szCs w:val="52"/>
        </w:rPr>
        <w:t xml:space="preserve">Restructuring Mechanisms </w:t>
      </w:r>
    </w:p>
    <w:p w14:paraId="059CADAA" w14:textId="000068B6" w:rsidR="00CF54CB" w:rsidRDefault="00D65155">
      <w:pPr>
        <w:spacing w:after="2226" w:line="259" w:lineRule="auto"/>
        <w:ind w:left="710" w:firstLine="0"/>
        <w:jc w:val="left"/>
      </w:pPr>
      <w:r>
        <w:rPr>
          <w:noProof/>
        </w:rPr>
        <mc:AlternateContent>
          <mc:Choice Requires="wpg">
            <w:drawing>
              <wp:inline distT="0" distB="0" distL="0" distR="0" wp14:anchorId="2ABDB335" wp14:editId="7378A360">
                <wp:extent cx="5151308" cy="5442275"/>
                <wp:effectExtent l="0" t="0" r="11430" b="0"/>
                <wp:docPr id="1" name="Group 1"/>
                <wp:cNvGraphicFramePr/>
                <a:graphic xmlns:a="http://schemas.openxmlformats.org/drawingml/2006/main">
                  <a:graphicData uri="http://schemas.microsoft.com/office/word/2010/wordprocessingGroup">
                    <wpg:wgp>
                      <wpg:cNvGrpSpPr/>
                      <wpg:grpSpPr>
                        <a:xfrm>
                          <a:off x="0" y="0"/>
                          <a:ext cx="5151308" cy="5442275"/>
                          <a:chOff x="0" y="0"/>
                          <a:chExt cx="5477915" cy="5442275"/>
                        </a:xfrm>
                      </wpg:grpSpPr>
                      <wps:wsp>
                        <wps:cNvPr id="2" name="Rectangle 2"/>
                        <wps:cNvSpPr/>
                        <wps:spPr>
                          <a:xfrm>
                            <a:off x="0" y="0"/>
                            <a:ext cx="5151300" cy="5442275"/>
                          </a:xfrm>
                          <a:prstGeom prst="rect">
                            <a:avLst/>
                          </a:prstGeom>
                          <a:noFill/>
                          <a:ln>
                            <a:noFill/>
                          </a:ln>
                        </wps:spPr>
                        <wps:txbx>
                          <w:txbxContent>
                            <w:p w14:paraId="7F3AED5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 name="Rectangle 11"/>
                        <wps:cNvSpPr/>
                        <wps:spPr>
                          <a:xfrm>
                            <a:off x="2153086" y="1180818"/>
                            <a:ext cx="1928902" cy="181116"/>
                          </a:xfrm>
                          <a:prstGeom prst="rect">
                            <a:avLst/>
                          </a:prstGeom>
                          <a:noFill/>
                          <a:ln>
                            <a:noFill/>
                          </a:ln>
                        </wps:spPr>
                        <wps:txbx>
                          <w:txbxContent>
                            <w:p w14:paraId="5CDC667F" w14:textId="77777777" w:rsidR="00CF54CB" w:rsidRDefault="00344004">
                              <w:pPr>
                                <w:spacing w:after="160" w:line="258" w:lineRule="auto"/>
                                <w:ind w:left="0" w:firstLine="0"/>
                                <w:jc w:val="left"/>
                                <w:textDirection w:val="btLr"/>
                              </w:pPr>
                              <w:r>
                                <w:rPr>
                                  <w:b/>
                                  <w:i/>
                                </w:rPr>
                                <w:t xml:space="preserve">An NAIC White Paper </w:t>
                              </w:r>
                            </w:p>
                          </w:txbxContent>
                        </wps:txbx>
                        <wps:bodyPr spcFirstLastPara="1" wrap="square" lIns="0" tIns="0" rIns="0" bIns="0" anchor="t" anchorCtr="0">
                          <a:noAutofit/>
                        </wps:bodyPr>
                      </wps:wsp>
                      <wps:wsp>
                        <wps:cNvPr id="12" name="Rectangle 12"/>
                        <wps:cNvSpPr/>
                        <wps:spPr>
                          <a:xfrm>
                            <a:off x="2277704" y="2298700"/>
                            <a:ext cx="1719839" cy="335819"/>
                          </a:xfrm>
                          <a:prstGeom prst="rect">
                            <a:avLst/>
                          </a:prstGeom>
                          <a:noFill/>
                          <a:ln>
                            <a:noFill/>
                          </a:ln>
                        </wps:spPr>
                        <wps:txbx>
                          <w:txbxContent>
                            <w:p w14:paraId="6DC601A0" w14:textId="777CCCBE" w:rsidR="00CF54CB" w:rsidRDefault="00C42E3F">
                              <w:pPr>
                                <w:spacing w:after="160" w:line="258" w:lineRule="auto"/>
                                <w:ind w:left="0" w:firstLine="0"/>
                                <w:jc w:val="left"/>
                                <w:textDirection w:val="btLr"/>
                              </w:pPr>
                              <w:r>
                                <w:rPr>
                                  <w:b/>
                                  <w:highlight w:val="yellow"/>
                                </w:rPr>
                                <w:t>March 2</w:t>
                              </w:r>
                              <w:r w:rsidR="00D70358">
                                <w:rPr>
                                  <w:b/>
                                  <w:highlight w:val="yellow"/>
                                </w:rPr>
                                <w:t>8</w:t>
                              </w:r>
                              <w:r>
                                <w:rPr>
                                  <w:b/>
                                  <w:highlight w:val="yellow"/>
                                </w:rPr>
                                <w:t>, 2022</w:t>
                              </w:r>
                              <w:r w:rsidR="00344004" w:rsidRPr="00D65155">
                                <w:rPr>
                                  <w:b/>
                                  <w:highlight w:val="yellow"/>
                                </w:rPr>
                                <w:t xml:space="preserve"> </w:t>
                              </w:r>
                            </w:p>
                          </w:txbxContent>
                        </wps:txbx>
                        <wps:bodyPr spcFirstLastPara="1" wrap="square" lIns="0" tIns="0" rIns="0" bIns="0" anchor="t" anchorCtr="0">
                          <a:noAutofit/>
                        </wps:bodyPr>
                      </wps:wsp>
                      <wps:wsp>
                        <wps:cNvPr id="13" name="Rectangle 13"/>
                        <wps:cNvSpPr/>
                        <wps:spPr>
                          <a:xfrm>
                            <a:off x="2386397" y="3414100"/>
                            <a:ext cx="1330876" cy="181116"/>
                          </a:xfrm>
                          <a:prstGeom prst="rect">
                            <a:avLst/>
                          </a:prstGeom>
                          <a:noFill/>
                          <a:ln>
                            <a:noFill/>
                          </a:ln>
                        </wps:spPr>
                        <wps:txbx>
                          <w:txbxContent>
                            <w:p w14:paraId="0FFDE41D" w14:textId="77777777" w:rsidR="00CF54CB" w:rsidRDefault="00344004">
                              <w:pPr>
                                <w:spacing w:after="160" w:line="258" w:lineRule="auto"/>
                                <w:ind w:left="0" w:firstLine="0"/>
                                <w:jc w:val="left"/>
                                <w:textDirection w:val="btLr"/>
                              </w:pPr>
                              <w:r>
                                <w:rPr>
                                  <w:b/>
                                </w:rPr>
                                <w:t xml:space="preserve">Created by the </w:t>
                              </w:r>
                            </w:p>
                          </w:txbxContent>
                        </wps:txbx>
                        <wps:bodyPr spcFirstLastPara="1" wrap="square" lIns="0" tIns="0" rIns="0" bIns="0" anchor="t" anchorCtr="0">
                          <a:noAutofit/>
                        </wps:bodyPr>
                      </wps:wsp>
                      <wps:wsp>
                        <wps:cNvPr id="14" name="Rectangle 14"/>
                        <wps:cNvSpPr/>
                        <wps:spPr>
                          <a:xfrm>
                            <a:off x="1325769" y="3706708"/>
                            <a:ext cx="4152146" cy="181116"/>
                          </a:xfrm>
                          <a:prstGeom prst="rect">
                            <a:avLst/>
                          </a:prstGeom>
                          <a:noFill/>
                          <a:ln>
                            <a:noFill/>
                          </a:ln>
                        </wps:spPr>
                        <wps:txbx>
                          <w:txbxContent>
                            <w:p w14:paraId="165066A2" w14:textId="77777777" w:rsidR="00CF54CB" w:rsidRDefault="00344004">
                              <w:pPr>
                                <w:spacing w:after="160" w:line="258" w:lineRule="auto"/>
                                <w:ind w:left="0" w:firstLine="0"/>
                                <w:jc w:val="left"/>
                                <w:textDirection w:val="btLr"/>
                              </w:pPr>
                              <w:r>
                                <w:rPr>
                                  <w:b/>
                                </w:rPr>
                                <w:t xml:space="preserve">Restructuring Mechanisms (E) Working Group </w:t>
                              </w:r>
                            </w:p>
                          </w:txbxContent>
                        </wps:txbx>
                        <wps:bodyPr spcFirstLastPara="1" wrap="square" lIns="0" tIns="0" rIns="0" bIns="0" anchor="t" anchorCtr="0">
                          <a:noAutofit/>
                        </wps:bodyPr>
                      </wps:wsp>
                      <wps:wsp>
                        <wps:cNvPr id="15" name="Rectangle 15"/>
                        <wps:cNvSpPr/>
                        <wps:spPr>
                          <a:xfrm>
                            <a:off x="2763787" y="4447257"/>
                            <a:ext cx="541188" cy="181116"/>
                          </a:xfrm>
                          <a:prstGeom prst="rect">
                            <a:avLst/>
                          </a:prstGeom>
                          <a:noFill/>
                          <a:ln>
                            <a:noFill/>
                          </a:ln>
                        </wps:spPr>
                        <wps:txbx>
                          <w:txbxContent>
                            <w:p w14:paraId="6ED5F2E7" w14:textId="77777777" w:rsidR="00CF54CB" w:rsidRDefault="00344004">
                              <w:pPr>
                                <w:spacing w:after="160" w:line="258" w:lineRule="auto"/>
                                <w:ind w:left="0" w:firstLine="0"/>
                                <w:jc w:val="left"/>
                                <w:textDirection w:val="btLr"/>
                              </w:pPr>
                              <w:r>
                                <w:rPr>
                                  <w:b/>
                                </w:rPr>
                                <w:t xml:space="preserve">of the </w:t>
                              </w:r>
                            </w:p>
                          </w:txbxContent>
                        </wps:txbx>
                        <wps:bodyPr spcFirstLastPara="1" wrap="square" lIns="0" tIns="0" rIns="0" bIns="0" anchor="t" anchorCtr="0">
                          <a:noAutofit/>
                        </wps:bodyPr>
                      </wps:wsp>
                      <wps:wsp>
                        <wps:cNvPr id="16" name="Rectangle 16"/>
                        <wps:cNvSpPr/>
                        <wps:spPr>
                          <a:xfrm>
                            <a:off x="1800619" y="4736817"/>
                            <a:ext cx="3107268" cy="181116"/>
                          </a:xfrm>
                          <a:prstGeom prst="rect">
                            <a:avLst/>
                          </a:prstGeom>
                          <a:noFill/>
                          <a:ln>
                            <a:noFill/>
                          </a:ln>
                        </wps:spPr>
                        <wps:txbx>
                          <w:txbxContent>
                            <w:p w14:paraId="101E70FC" w14:textId="77777777" w:rsidR="00CF54CB" w:rsidRDefault="00344004">
                              <w:pPr>
                                <w:spacing w:after="160" w:line="258" w:lineRule="auto"/>
                                <w:ind w:left="0" w:firstLine="0"/>
                                <w:jc w:val="left"/>
                                <w:textDirection w:val="btLr"/>
                              </w:pPr>
                              <w:r>
                                <w:rPr>
                                  <w:b/>
                                </w:rPr>
                                <w:t xml:space="preserve">Financial Condition (E) Committee </w:t>
                              </w:r>
                            </w:p>
                          </w:txbxContent>
                        </wps:txbx>
                        <wps:bodyPr spcFirstLastPara="1" wrap="square" lIns="0" tIns="0" rIns="0" bIns="0" anchor="t" anchorCtr="0">
                          <a:noAutofit/>
                        </wps:bodyPr>
                      </wps:wsp>
                    </wpg:wgp>
                  </a:graphicData>
                </a:graphic>
              </wp:inline>
            </w:drawing>
          </mc:Choice>
          <mc:Fallback>
            <w:pict>
              <v:group w14:anchorId="2ABDB335" id="Group 1" o:spid="_x0000_s1026" style="width:405.6pt;height:428.55pt;mso-position-horizontal-relative:char;mso-position-vertical-relative:line" coordsize="54779,5442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">
                <v:rect id="Rectangle 2" o:spid="_x0000_s1027" style="position:absolute;width:51513;height:5442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" filled="f" stroked="f">
                  <v:textbox inset="2.53958mm,2.53958mm,2.53958mm,2.53958mm">
                    <w:txbxContent>
                      <w:p w14:paraId="7F3AED55" w14:textId="77777777" w:rsidR="00CF54CB" w:rsidRDefault="00CF54CB">
                        <w:pPr>
                          <w:spacing w:after="0" w:line="240" w:lineRule="auto"/>
                          <w:ind w:left="0" w:firstLine="0"/>
                          <w:jc w:val="left"/>
                          <w:textDirection w:val="btLr"/>
                        </w:pPr>
                      </w:p>
                    </w:txbxContent>
                  </v:textbox>
                </v:rect>
                <v:rect id="Rectangle 11" o:spid="_x0000_s1028" style="position:absolute;left:21530;top:11808;width:19289;height:181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" filled="f" stroked="f">
                  <v:textbox inset="0,0,0,0">
                    <w:txbxContent>
                      <w:p w14:paraId="5CDC667F" w14:textId="77777777" w:rsidR="00CF54CB" w:rsidRDefault="00344004">
                        <w:pPr>
                          <w:spacing w:after="160" w:line="258" w:lineRule="auto"/>
                          <w:ind w:left="0" w:firstLine="0"/>
                          <w:jc w:val="left"/>
                          <w:textDirection w:val="btLr"/>
                        </w:pPr>
                        <w:r>
                          <w:rPr>
                            <w:b/>
                            <w:i/>
                          </w:rPr>
                          <w:t xml:space="preserve">An NAIC White Paper </w:t>
                        </w:r>
                      </w:p>
                    </w:txbxContent>
                  </v:textbox>
                </v:rect>
                <v:rect id="Rectangle 12" o:spid="_x0000_s1029" style="position:absolute;left:22777;top:22987;width:17198;height:3358;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" filled="f" stroked="f">
                  <v:textbox inset="0,0,0,0">
                    <w:txbxContent>
                      <w:p w14:paraId="6DC601A0" w14:textId="777CCCBE" w:rsidR="00CF54CB" w:rsidRDefault="00C42E3F">
                        <w:pPr>
                          <w:spacing w:after="160" w:line="258" w:lineRule="auto"/>
                          <w:ind w:left="0" w:firstLine="0"/>
                          <w:jc w:val="left"/>
                          <w:textDirection w:val="btLr"/>
                        </w:pPr>
                        <w:r>
                          <w:rPr>
                            <w:b/>
                            <w:highlight w:val="yellow"/>
                          </w:rPr>
                          <w:t>March 2</w:t>
                        </w:r>
                        <w:r w:rsidR="00D70358">
                          <w:rPr>
                            <w:b/>
                            <w:highlight w:val="yellow"/>
                          </w:rPr>
                          <w:t>8</w:t>
                        </w:r>
                        <w:r>
                          <w:rPr>
                            <w:b/>
                            <w:highlight w:val="yellow"/>
                          </w:rPr>
                          <w:t>, 2022</w:t>
                        </w:r>
                        <w:r w:rsidR="00344004" w:rsidRPr="00D65155">
                          <w:rPr>
                            <w:b/>
                            <w:highlight w:val="yellow"/>
                          </w:rPr>
                          <w:t xml:space="preserve"> </w:t>
                        </w:r>
                      </w:p>
                    </w:txbxContent>
                  </v:textbox>
                </v:rect>
                <v:rect id="Rectangle 13" o:spid="_x0000_s1030" style="position:absolute;left:23863;top:34141;width:13309;height:181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" filled="f" stroked="f">
                  <v:textbox inset="0,0,0,0">
                    <w:txbxContent>
                      <w:p w14:paraId="0FFDE41D" w14:textId="77777777" w:rsidR="00CF54CB" w:rsidRDefault="00344004">
                        <w:pPr>
                          <w:spacing w:after="160" w:line="258" w:lineRule="auto"/>
                          <w:ind w:left="0" w:firstLine="0"/>
                          <w:jc w:val="left"/>
                          <w:textDirection w:val="btLr"/>
                        </w:pPr>
                        <w:r>
                          <w:rPr>
                            <w:b/>
                          </w:rPr>
                          <w:t xml:space="preserve">Created by the </w:t>
                        </w:r>
                      </w:p>
                    </w:txbxContent>
                  </v:textbox>
                </v:rect>
                <v:rect id="Rectangle 14" o:spid="_x0000_s1031" style="position:absolute;left:13257;top:37067;width:41522;height:181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" filled="f" stroked="f">
                  <v:textbox inset="0,0,0,0">
                    <w:txbxContent>
                      <w:p w14:paraId="165066A2" w14:textId="77777777" w:rsidR="00CF54CB" w:rsidRDefault="00344004">
                        <w:pPr>
                          <w:spacing w:after="160" w:line="258" w:lineRule="auto"/>
                          <w:ind w:left="0" w:firstLine="0"/>
                          <w:jc w:val="left"/>
                          <w:textDirection w:val="btLr"/>
                        </w:pPr>
                        <w:r>
                          <w:rPr>
                            <w:b/>
                          </w:rPr>
                          <w:t xml:space="preserve">Restructuring Mechanisms (E) Working Group </w:t>
                        </w:r>
                      </w:p>
                    </w:txbxContent>
                  </v:textbox>
                </v:rect>
                <v:rect id="Rectangle 15" o:spid="_x0000_s1032" style="position:absolute;left:27637;top:44472;width:5412;height:181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" filled="f" stroked="f">
                  <v:textbox inset="0,0,0,0">
                    <w:txbxContent>
                      <w:p w14:paraId="6ED5F2E7" w14:textId="77777777" w:rsidR="00CF54CB" w:rsidRDefault="00344004">
                        <w:pPr>
                          <w:spacing w:after="160" w:line="258" w:lineRule="auto"/>
                          <w:ind w:left="0" w:firstLine="0"/>
                          <w:jc w:val="left"/>
                          <w:textDirection w:val="btLr"/>
                        </w:pPr>
                        <w:r>
                          <w:rPr>
                            <w:b/>
                          </w:rPr>
                          <w:t xml:space="preserve">of the </w:t>
                        </w:r>
                      </w:p>
                    </w:txbxContent>
                  </v:textbox>
                </v:rect>
                <v:rect id="Rectangle 16" o:spid="_x0000_s1033" style="position:absolute;left:18006;top:47368;width:31072;height:181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" filled="f" stroked="f">
                  <v:textbox inset="0,0,0,0">
                    <w:txbxContent>
                      <w:p w14:paraId="101E70FC" w14:textId="77777777" w:rsidR="00CF54CB" w:rsidRDefault="00344004">
                        <w:pPr>
                          <w:spacing w:after="160" w:line="258" w:lineRule="auto"/>
                          <w:ind w:left="0" w:firstLine="0"/>
                          <w:jc w:val="left"/>
                          <w:textDirection w:val="btLr"/>
                        </w:pPr>
                        <w:r>
                          <w:rPr>
                            <w:b/>
                          </w:rPr>
                          <w:t xml:space="preserve">Financial Condition (E) Committee </w:t>
                        </w:r>
                      </w:p>
                    </w:txbxContent>
                  </v:textbox>
                </v:rect>
                <w10:anchorlock/>
              </v:group>
            </w:pict>
          </mc:Fallback>
        </mc:AlternateContent>
      </w:r>
    </w:p>
    <w:p w14:paraId="66BF100C" w14:textId="77777777" w:rsidR="00CF54CB" w:rsidRDefault="00344004">
      <w:pPr>
        <w:spacing w:after="0" w:line="259" w:lineRule="auto"/>
        <w:ind w:left="35" w:firstLine="0"/>
        <w:jc w:val="center"/>
      </w:pPr>
      <w:r>
        <w:rPr>
          <w:sz w:val="22"/>
          <w:szCs w:val="22"/>
        </w:rPr>
        <w:t xml:space="preserve">1 </w:t>
      </w:r>
    </w:p>
    <w:p w14:paraId="4AD78C87" w14:textId="77777777" w:rsidR="00CF54CB" w:rsidRDefault="00344004">
      <w:pPr>
        <w:spacing w:after="583" w:line="259" w:lineRule="auto"/>
        <w:ind w:left="0" w:right="-40" w:firstLine="0"/>
        <w:jc w:val="left"/>
      </w:pPr>
      <w:r>
        <w:rPr>
          <w:rFonts w:ascii="Calibri" w:eastAsia="Calibri" w:hAnsi="Calibri" w:cs="Calibri"/>
          <w:noProof/>
          <w:sz w:val="22"/>
          <w:szCs w:val="22"/>
        </w:rPr>
        <w:lastRenderedPageBreak/>
        <mc:AlternateContent>
          <mc:Choice Requires="wpg">
            <w:drawing>
              <wp:inline distT="0" distB="0" distL="0" distR="0" wp14:anchorId="04A72370" wp14:editId="4D5002CD">
                <wp:extent cx="6629400" cy="886968"/>
                <wp:effectExtent l="0" t="0" r="0" b="0"/>
                <wp:docPr id="117427" name="Group 117427" descr="P4#y1"/>
                <wp:cNvGraphicFramePr/>
                <a:graphic xmlns:a="http://schemas.openxmlformats.org/drawingml/2006/main">
                  <a:graphicData uri="http://schemas.microsoft.com/office/word/2010/wordprocessingGroup">
                    <wpg:wgp>
                      <wpg:cNvGrpSpPr/>
                      <wpg:grpSpPr>
                        <a:xfrm>
                          <a:off x="0" y="0"/>
                          <a:ext cx="6629400" cy="886968"/>
                          <a:chOff x="2031300" y="3336516"/>
                          <a:chExt cx="6629400" cy="886968"/>
                        </a:xfrm>
                      </wpg:grpSpPr>
                      <wpg:grpSp>
                        <wpg:cNvPr id="17" name="Group 17"/>
                        <wpg:cNvGrpSpPr/>
                        <wpg:grpSpPr>
                          <a:xfrm>
                            <a:off x="2031300" y="3336516"/>
                            <a:ext cx="6629400" cy="886968"/>
                            <a:chOff x="0" y="0"/>
                            <a:chExt cx="6629400" cy="886968"/>
                          </a:xfrm>
                        </wpg:grpSpPr>
                        <wps:wsp>
                          <wps:cNvPr id="18" name="Rectangle 18"/>
                          <wps:cNvSpPr/>
                          <wps:spPr>
                            <a:xfrm>
                              <a:off x="0" y="0"/>
                              <a:ext cx="6629400" cy="886950"/>
                            </a:xfrm>
                            <a:prstGeom prst="rect">
                              <a:avLst/>
                            </a:prstGeom>
                            <a:noFill/>
                            <a:ln>
                              <a:noFill/>
                            </a:ln>
                          </wps:spPr>
                          <wps:txbx>
                            <w:txbxContent>
                              <w:p w14:paraId="2DDBDDBD"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9" name="Freeform: Shape 19"/>
                          <wps:cNvSpPr/>
                          <wps:spPr>
                            <a:xfrm>
                              <a:off x="0" y="790956"/>
                              <a:ext cx="6629400" cy="96012"/>
                            </a:xfrm>
                            <a:custGeom>
                              <a:avLst/>
                              <a:gdLst/>
                              <a:ahLst/>
                              <a:cxnLst/>
                              <a:rect l="l" t="t" r="r" b="b"/>
                              <a:pathLst>
                                <a:path w="6629400" h="96012" extrusionOk="0">
                                  <a:moveTo>
                                    <a:pt x="0" y="0"/>
                                  </a:moveTo>
                                  <a:lnTo>
                                    <a:pt x="6629400" y="0"/>
                                  </a:lnTo>
                                  <a:lnTo>
                                    <a:pt x="6629400" y="96012"/>
                                  </a:lnTo>
                                  <a:lnTo>
                                    <a:pt x="0" y="96012"/>
                                  </a:lnTo>
                                  <a:lnTo>
                                    <a:pt x="0" y="0"/>
                                  </a:lnTo>
                                </a:path>
                              </a:pathLst>
                            </a:custGeom>
                            <a:solidFill>
                              <a:srgbClr val="ACA19B"/>
                            </a:solidFill>
                            <a:ln>
                              <a:noFill/>
                            </a:ln>
                          </wps:spPr>
                          <wps:bodyPr spcFirstLastPara="1" wrap="square" lIns="91425" tIns="91425" rIns="91425" bIns="91425" anchor="ctr" anchorCtr="0">
                            <a:noAutofit/>
                          </wps:bodyPr>
                        </wps:wsp>
                        <wps:wsp>
                          <wps:cNvPr id="20" name="Freeform: Shape 20"/>
                          <wps:cNvSpPr/>
                          <wps:spPr>
                            <a:xfrm>
                              <a:off x="0" y="0"/>
                              <a:ext cx="6629400" cy="708660"/>
                            </a:xfrm>
                            <a:custGeom>
                              <a:avLst/>
                              <a:gdLst/>
                              <a:ahLst/>
                              <a:cxnLst/>
                              <a:rect l="l" t="t" r="r" b="b"/>
                              <a:pathLst>
                                <a:path w="6629400" h="708660" extrusionOk="0">
                                  <a:moveTo>
                                    <a:pt x="0" y="0"/>
                                  </a:moveTo>
                                  <a:lnTo>
                                    <a:pt x="6629400" y="0"/>
                                  </a:lnTo>
                                  <a:lnTo>
                                    <a:pt x="6629400" y="708660"/>
                                  </a:lnTo>
                                  <a:lnTo>
                                    <a:pt x="0" y="708660"/>
                                  </a:lnTo>
                                  <a:lnTo>
                                    <a:pt x="0" y="0"/>
                                  </a:lnTo>
                                </a:path>
                              </a:pathLst>
                            </a:custGeom>
                            <a:solidFill>
                              <a:srgbClr val="26588F"/>
                            </a:solidFill>
                            <a:ln>
                              <a:noFill/>
                            </a:ln>
                          </wps:spPr>
                          <wps:bodyPr spcFirstLastPara="1" wrap="square" lIns="91425" tIns="91425" rIns="91425" bIns="91425" anchor="ctr" anchorCtr="0">
                            <a:noAutofit/>
                          </wps:bodyPr>
                        </wps:wsp>
                        <wps:wsp>
                          <wps:cNvPr id="21" name="Freeform: Shape 21"/>
                          <wps:cNvSpPr/>
                          <wps:spPr>
                            <a:xfrm>
                              <a:off x="1845247" y="414579"/>
                              <a:ext cx="31458" cy="85827"/>
                            </a:xfrm>
                            <a:custGeom>
                              <a:avLst/>
                              <a:gdLst/>
                              <a:ahLst/>
                              <a:cxnLst/>
                              <a:rect l="l" t="t" r="r" b="b"/>
                              <a:pathLst>
                                <a:path w="31458" h="85827" extrusionOk="0">
                                  <a:moveTo>
                                    <a:pt x="0" y="0"/>
                                  </a:moveTo>
                                  <a:lnTo>
                                    <a:pt x="31052" y="0"/>
                                  </a:lnTo>
                                  <a:lnTo>
                                    <a:pt x="31458" y="40"/>
                                  </a:lnTo>
                                  <a:lnTo>
                                    <a:pt x="31458" y="12772"/>
                                  </a:lnTo>
                                  <a:lnTo>
                                    <a:pt x="30150" y="12675"/>
                                  </a:lnTo>
                                  <a:lnTo>
                                    <a:pt x="15646" y="12675"/>
                                  </a:lnTo>
                                  <a:lnTo>
                                    <a:pt x="15646" y="36919"/>
                                  </a:lnTo>
                                  <a:lnTo>
                                    <a:pt x="29159" y="36919"/>
                                  </a:lnTo>
                                  <a:lnTo>
                                    <a:pt x="31458" y="36702"/>
                                  </a:lnTo>
                                  <a:lnTo>
                                    <a:pt x="31458" y="55493"/>
                                  </a:lnTo>
                                  <a:lnTo>
                                    <a:pt x="28143" y="49581"/>
                                  </a:lnTo>
                                  <a:lnTo>
                                    <a:pt x="15646" y="49581"/>
                                  </a:lnTo>
                                  <a:lnTo>
                                    <a:pt x="15646" y="85827"/>
                                  </a:lnTo>
                                  <a:lnTo>
                                    <a:pt x="0" y="85827"/>
                                  </a:lnTo>
                                  <a:lnTo>
                                    <a:pt x="0" y="0"/>
                                  </a:lnTo>
                                  <a:close/>
                                </a:path>
                              </a:pathLst>
                            </a:custGeom>
                            <a:solidFill>
                              <a:srgbClr val="FFFEFD"/>
                            </a:solidFill>
                            <a:ln>
                              <a:noFill/>
                            </a:ln>
                          </wps:spPr>
                          <wps:bodyPr spcFirstLastPara="1" wrap="square" lIns="91425" tIns="91425" rIns="91425" bIns="91425" anchor="ctr" anchorCtr="0">
                            <a:noAutofit/>
                          </wps:bodyPr>
                        </wps:wsp>
                        <wps:wsp>
                          <wps:cNvPr id="22" name="Freeform: Shape 22"/>
                          <wps:cNvSpPr/>
                          <wps:spPr>
                            <a:xfrm>
                              <a:off x="1740751" y="414413"/>
                              <a:ext cx="71564" cy="88253"/>
                            </a:xfrm>
                            <a:custGeom>
                              <a:avLst/>
                              <a:gdLst/>
                              <a:ahLst/>
                              <a:cxnLst/>
                              <a:rect l="l" t="t" r="r" b="b"/>
                              <a:pathLst>
                                <a:path w="71564" h="88253" extrusionOk="0">
                                  <a:moveTo>
                                    <a:pt x="0" y="0"/>
                                  </a:moveTo>
                                  <a:lnTo>
                                    <a:pt x="15646" y="0"/>
                                  </a:lnTo>
                                  <a:lnTo>
                                    <a:pt x="15646" y="52794"/>
                                  </a:lnTo>
                                  <a:cubicBezTo>
                                    <a:pt x="15646" y="55690"/>
                                    <a:pt x="16002" y="58395"/>
                                    <a:pt x="16713" y="60973"/>
                                  </a:cubicBezTo>
                                  <a:cubicBezTo>
                                    <a:pt x="17424" y="63538"/>
                                    <a:pt x="18555" y="65837"/>
                                    <a:pt x="20142" y="67882"/>
                                  </a:cubicBezTo>
                                  <a:cubicBezTo>
                                    <a:pt x="21717" y="69901"/>
                                    <a:pt x="23774" y="71514"/>
                                    <a:pt x="26327" y="72682"/>
                                  </a:cubicBezTo>
                                  <a:cubicBezTo>
                                    <a:pt x="28892" y="73876"/>
                                    <a:pt x="32017" y="74447"/>
                                    <a:pt x="35712" y="74447"/>
                                  </a:cubicBezTo>
                                  <a:cubicBezTo>
                                    <a:pt x="39408" y="74447"/>
                                    <a:pt x="42507" y="73876"/>
                                    <a:pt x="45072" y="72682"/>
                                  </a:cubicBezTo>
                                  <a:cubicBezTo>
                                    <a:pt x="47625" y="71514"/>
                                    <a:pt x="49720" y="69901"/>
                                    <a:pt x="51359" y="67882"/>
                                  </a:cubicBezTo>
                                  <a:cubicBezTo>
                                    <a:pt x="52984" y="65837"/>
                                    <a:pt x="54153" y="63538"/>
                                    <a:pt x="54851" y="60973"/>
                                  </a:cubicBezTo>
                                  <a:cubicBezTo>
                                    <a:pt x="55575" y="58395"/>
                                    <a:pt x="55918" y="55690"/>
                                    <a:pt x="55918" y="52794"/>
                                  </a:cubicBezTo>
                                  <a:lnTo>
                                    <a:pt x="55918" y="0"/>
                                  </a:lnTo>
                                  <a:lnTo>
                                    <a:pt x="71564" y="0"/>
                                  </a:lnTo>
                                  <a:lnTo>
                                    <a:pt x="71564" y="53911"/>
                                  </a:lnTo>
                                  <a:cubicBezTo>
                                    <a:pt x="71564" y="58827"/>
                                    <a:pt x="70752" y="63386"/>
                                    <a:pt x="69113" y="67552"/>
                                  </a:cubicBezTo>
                                  <a:cubicBezTo>
                                    <a:pt x="67488" y="71730"/>
                                    <a:pt x="65151" y="75336"/>
                                    <a:pt x="62103" y="78372"/>
                                  </a:cubicBezTo>
                                  <a:cubicBezTo>
                                    <a:pt x="59068" y="81445"/>
                                    <a:pt x="55321" y="83845"/>
                                    <a:pt x="50851" y="85598"/>
                                  </a:cubicBezTo>
                                  <a:cubicBezTo>
                                    <a:pt x="46406" y="87364"/>
                                    <a:pt x="41364" y="88253"/>
                                    <a:pt x="35712" y="88253"/>
                                  </a:cubicBezTo>
                                  <a:cubicBezTo>
                                    <a:pt x="30061" y="88253"/>
                                    <a:pt x="24994" y="87364"/>
                                    <a:pt x="20549" y="85598"/>
                                  </a:cubicBezTo>
                                  <a:cubicBezTo>
                                    <a:pt x="16078" y="83845"/>
                                    <a:pt x="12332" y="81445"/>
                                    <a:pt x="9296" y="78372"/>
                                  </a:cubicBezTo>
                                  <a:cubicBezTo>
                                    <a:pt x="6248" y="75336"/>
                                    <a:pt x="3937" y="71730"/>
                                    <a:pt x="2375" y="67552"/>
                                  </a:cubicBezTo>
                                  <a:cubicBezTo>
                                    <a:pt x="787" y="63386"/>
                                    <a:pt x="0" y="58827"/>
                                    <a:pt x="0" y="53911"/>
                                  </a:cubicBezTo>
                                  <a:lnTo>
                                    <a:pt x="0" y="0"/>
                                  </a:lnTo>
                                  <a:close/>
                                </a:path>
                              </a:pathLst>
                            </a:custGeom>
                            <a:solidFill>
                              <a:srgbClr val="FFFEFD"/>
                            </a:solidFill>
                            <a:ln>
                              <a:noFill/>
                            </a:ln>
                          </wps:spPr>
                          <wps:txbx>
                            <w:txbxContent>
                              <w:p w14:paraId="479278C8"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23" name="Freeform: Shape 23"/>
                          <wps:cNvSpPr/>
                          <wps:spPr>
                            <a:xfrm>
                              <a:off x="1552156" y="414413"/>
                              <a:ext cx="73355" cy="85992"/>
                            </a:xfrm>
                            <a:custGeom>
                              <a:avLst/>
                              <a:gdLst/>
                              <a:ahLst/>
                              <a:cxnLst/>
                              <a:rect l="l" t="t" r="r" b="b"/>
                              <a:pathLst>
                                <a:path w="73355" h="85992" extrusionOk="0">
                                  <a:moveTo>
                                    <a:pt x="0" y="0"/>
                                  </a:moveTo>
                                  <a:lnTo>
                                    <a:pt x="18898" y="0"/>
                                  </a:lnTo>
                                  <a:lnTo>
                                    <a:pt x="57874" y="65151"/>
                                  </a:lnTo>
                                  <a:lnTo>
                                    <a:pt x="58191" y="65151"/>
                                  </a:lnTo>
                                  <a:lnTo>
                                    <a:pt x="58191" y="0"/>
                                  </a:lnTo>
                                  <a:lnTo>
                                    <a:pt x="73355" y="0"/>
                                  </a:lnTo>
                                  <a:lnTo>
                                    <a:pt x="73355" y="85992"/>
                                  </a:lnTo>
                                  <a:lnTo>
                                    <a:pt x="54775" y="85992"/>
                                  </a:lnTo>
                                  <a:lnTo>
                                    <a:pt x="15494" y="21184"/>
                                  </a:lnTo>
                                  <a:lnTo>
                                    <a:pt x="15164" y="21184"/>
                                  </a:lnTo>
                                  <a:lnTo>
                                    <a:pt x="15164" y="85992"/>
                                  </a:lnTo>
                                  <a:lnTo>
                                    <a:pt x="0" y="85992"/>
                                  </a:lnTo>
                                  <a:lnTo>
                                    <a:pt x="0" y="0"/>
                                  </a:lnTo>
                                  <a:close/>
                                </a:path>
                              </a:pathLst>
                            </a:custGeom>
                            <a:solidFill>
                              <a:srgbClr val="FFFEFD"/>
                            </a:solidFill>
                            <a:ln>
                              <a:noFill/>
                            </a:ln>
                          </wps:spPr>
                          <wps:bodyPr spcFirstLastPara="1" wrap="square" lIns="91425" tIns="91425" rIns="91425" bIns="91425" anchor="ctr" anchorCtr="0">
                            <a:noAutofit/>
                          </wps:bodyPr>
                        </wps:wsp>
                        <wps:wsp>
                          <wps:cNvPr id="24" name="Freeform: Shape 24"/>
                          <wps:cNvSpPr/>
                          <wps:spPr>
                            <a:xfrm>
                              <a:off x="1502601" y="414413"/>
                              <a:ext cx="15646" cy="85992"/>
                            </a:xfrm>
                            <a:custGeom>
                              <a:avLst/>
                              <a:gdLst/>
                              <a:ahLst/>
                              <a:cxnLst/>
                              <a:rect l="l" t="t" r="r" b="b"/>
                              <a:pathLst>
                                <a:path w="15646" h="85992" extrusionOk="0">
                                  <a:moveTo>
                                    <a:pt x="0" y="0"/>
                                  </a:moveTo>
                                  <a:lnTo>
                                    <a:pt x="15646" y="0"/>
                                  </a:lnTo>
                                  <a:lnTo>
                                    <a:pt x="15646" y="85992"/>
                                  </a:lnTo>
                                  <a:lnTo>
                                    <a:pt x="0" y="85992"/>
                                  </a:lnTo>
                                  <a:lnTo>
                                    <a:pt x="0" y="0"/>
                                  </a:lnTo>
                                </a:path>
                              </a:pathLst>
                            </a:custGeom>
                            <a:solidFill>
                              <a:srgbClr val="FFFEFD"/>
                            </a:solidFill>
                            <a:ln>
                              <a:noFill/>
                            </a:ln>
                          </wps:spPr>
                          <wps:bodyPr spcFirstLastPara="1" wrap="square" lIns="91425" tIns="91425" rIns="91425" bIns="91425" anchor="ctr" anchorCtr="0">
                            <a:noAutofit/>
                          </wps:bodyPr>
                        </wps:wsp>
                        <wps:wsp>
                          <wps:cNvPr id="25" name="Freeform: Shape 25"/>
                          <wps:cNvSpPr/>
                          <wps:spPr>
                            <a:xfrm>
                              <a:off x="1651280" y="412179"/>
                              <a:ext cx="61277" cy="90488"/>
                            </a:xfrm>
                            <a:custGeom>
                              <a:avLst/>
                              <a:gdLst/>
                              <a:ahLst/>
                              <a:cxnLst/>
                              <a:rect l="l" t="t" r="r" b="b"/>
                              <a:pathLst>
                                <a:path w="61277" h="90488" extrusionOk="0">
                                  <a:moveTo>
                                    <a:pt x="34861" y="0"/>
                                  </a:moveTo>
                                  <a:cubicBezTo>
                                    <a:pt x="40297" y="0"/>
                                    <a:pt x="45250" y="965"/>
                                    <a:pt x="49695" y="2883"/>
                                  </a:cubicBezTo>
                                  <a:cubicBezTo>
                                    <a:pt x="54165" y="4813"/>
                                    <a:pt x="57912" y="7442"/>
                                    <a:pt x="60947" y="10757"/>
                                  </a:cubicBezTo>
                                  <a:lnTo>
                                    <a:pt x="51054" y="21018"/>
                                  </a:lnTo>
                                  <a:cubicBezTo>
                                    <a:pt x="49213" y="18669"/>
                                    <a:pt x="46774" y="16776"/>
                                    <a:pt x="43751" y="15316"/>
                                  </a:cubicBezTo>
                                  <a:cubicBezTo>
                                    <a:pt x="40704" y="13881"/>
                                    <a:pt x="37465" y="13157"/>
                                    <a:pt x="33998" y="13157"/>
                                  </a:cubicBezTo>
                                  <a:cubicBezTo>
                                    <a:pt x="30099" y="13157"/>
                                    <a:pt x="26772" y="14135"/>
                                    <a:pt x="24016" y="16128"/>
                                  </a:cubicBezTo>
                                  <a:cubicBezTo>
                                    <a:pt x="21234" y="18110"/>
                                    <a:pt x="19876" y="20968"/>
                                    <a:pt x="19876" y="24702"/>
                                  </a:cubicBezTo>
                                  <a:cubicBezTo>
                                    <a:pt x="19876" y="26632"/>
                                    <a:pt x="20231" y="28257"/>
                                    <a:pt x="20930" y="29604"/>
                                  </a:cubicBezTo>
                                  <a:cubicBezTo>
                                    <a:pt x="21628" y="30937"/>
                                    <a:pt x="22670" y="32093"/>
                                    <a:pt x="24016" y="33045"/>
                                  </a:cubicBezTo>
                                  <a:cubicBezTo>
                                    <a:pt x="25375" y="34010"/>
                                    <a:pt x="27013" y="34887"/>
                                    <a:pt x="28969" y="35699"/>
                                  </a:cubicBezTo>
                                  <a:cubicBezTo>
                                    <a:pt x="30912" y="36499"/>
                                    <a:pt x="33122" y="37274"/>
                                    <a:pt x="35623" y="38023"/>
                                  </a:cubicBezTo>
                                  <a:cubicBezTo>
                                    <a:pt x="38646" y="38989"/>
                                    <a:pt x="41707" y="40106"/>
                                    <a:pt x="44793" y="41389"/>
                                  </a:cubicBezTo>
                                  <a:cubicBezTo>
                                    <a:pt x="47866" y="42672"/>
                                    <a:pt x="50635" y="44285"/>
                                    <a:pt x="53073" y="46215"/>
                                  </a:cubicBezTo>
                                  <a:cubicBezTo>
                                    <a:pt x="55512" y="48133"/>
                                    <a:pt x="57493" y="50520"/>
                                    <a:pt x="59017" y="53353"/>
                                  </a:cubicBezTo>
                                  <a:cubicBezTo>
                                    <a:pt x="60515" y="56185"/>
                                    <a:pt x="61277" y="59639"/>
                                    <a:pt x="61277" y="63703"/>
                                  </a:cubicBezTo>
                                  <a:cubicBezTo>
                                    <a:pt x="61277" y="68287"/>
                                    <a:pt x="60465" y="72275"/>
                                    <a:pt x="58826" y="75641"/>
                                  </a:cubicBezTo>
                                  <a:cubicBezTo>
                                    <a:pt x="57201" y="79019"/>
                                    <a:pt x="54978" y="81800"/>
                                    <a:pt x="52159" y="83985"/>
                                  </a:cubicBezTo>
                                  <a:cubicBezTo>
                                    <a:pt x="49327" y="86169"/>
                                    <a:pt x="46050" y="87808"/>
                                    <a:pt x="42380" y="88874"/>
                                  </a:cubicBezTo>
                                  <a:cubicBezTo>
                                    <a:pt x="38684" y="89941"/>
                                    <a:pt x="34696" y="90488"/>
                                    <a:pt x="30467" y="90488"/>
                                  </a:cubicBezTo>
                                  <a:cubicBezTo>
                                    <a:pt x="24270" y="90488"/>
                                    <a:pt x="18491" y="89306"/>
                                    <a:pt x="13094" y="86944"/>
                                  </a:cubicBezTo>
                                  <a:cubicBezTo>
                                    <a:pt x="7734" y="84595"/>
                                    <a:pt x="3353" y="81343"/>
                                    <a:pt x="0" y="77177"/>
                                  </a:cubicBezTo>
                                  <a:lnTo>
                                    <a:pt x="10744" y="67386"/>
                                  </a:lnTo>
                                  <a:cubicBezTo>
                                    <a:pt x="13348" y="70803"/>
                                    <a:pt x="16510" y="73254"/>
                                    <a:pt x="20206" y="74752"/>
                                  </a:cubicBezTo>
                                  <a:cubicBezTo>
                                    <a:pt x="23876" y="76250"/>
                                    <a:pt x="27432" y="77012"/>
                                    <a:pt x="30798" y="77012"/>
                                  </a:cubicBezTo>
                                  <a:cubicBezTo>
                                    <a:pt x="34912" y="77012"/>
                                    <a:pt x="38481" y="76073"/>
                                    <a:pt x="41465" y="74193"/>
                                  </a:cubicBezTo>
                                  <a:cubicBezTo>
                                    <a:pt x="44463" y="72339"/>
                                    <a:pt x="45949" y="69469"/>
                                    <a:pt x="45949" y="65621"/>
                                  </a:cubicBezTo>
                                  <a:cubicBezTo>
                                    <a:pt x="45949" y="61354"/>
                                    <a:pt x="44297" y="58141"/>
                                    <a:pt x="40983" y="55994"/>
                                  </a:cubicBezTo>
                                  <a:cubicBezTo>
                                    <a:pt x="37668" y="53860"/>
                                    <a:pt x="32969" y="51867"/>
                                    <a:pt x="26873" y="50050"/>
                                  </a:cubicBezTo>
                                  <a:cubicBezTo>
                                    <a:pt x="24054" y="49199"/>
                                    <a:pt x="21273" y="48184"/>
                                    <a:pt x="18567" y="47015"/>
                                  </a:cubicBezTo>
                                  <a:cubicBezTo>
                                    <a:pt x="15862" y="45834"/>
                                    <a:pt x="13437" y="44335"/>
                                    <a:pt x="11316" y="42519"/>
                                  </a:cubicBezTo>
                                  <a:cubicBezTo>
                                    <a:pt x="9195" y="40691"/>
                                    <a:pt x="7480" y="38455"/>
                                    <a:pt x="6185" y="35775"/>
                                  </a:cubicBezTo>
                                  <a:cubicBezTo>
                                    <a:pt x="4877" y="33109"/>
                                    <a:pt x="4229" y="29781"/>
                                    <a:pt x="4229" y="25844"/>
                                  </a:cubicBezTo>
                                  <a:cubicBezTo>
                                    <a:pt x="4229" y="21450"/>
                                    <a:pt x="5093" y="17628"/>
                                    <a:pt x="6833" y="14351"/>
                                  </a:cubicBezTo>
                                  <a:cubicBezTo>
                                    <a:pt x="8573" y="11099"/>
                                    <a:pt x="10871" y="8395"/>
                                    <a:pt x="13754" y="6261"/>
                                  </a:cubicBezTo>
                                  <a:cubicBezTo>
                                    <a:pt x="16650" y="4114"/>
                                    <a:pt x="19926" y="2540"/>
                                    <a:pt x="23622" y="1524"/>
                                  </a:cubicBezTo>
                                  <a:cubicBezTo>
                                    <a:pt x="27318" y="520"/>
                                    <a:pt x="31051" y="0"/>
                                    <a:pt x="34861" y="0"/>
                                  </a:cubicBezTo>
                                  <a:close/>
                                </a:path>
                              </a:pathLst>
                            </a:custGeom>
                            <a:solidFill>
                              <a:srgbClr val="FFFEFD"/>
                            </a:solidFill>
                            <a:ln>
                              <a:noFill/>
                            </a:ln>
                          </wps:spPr>
                          <wps:txbx>
                            <w:txbxContent>
                              <w:p w14:paraId="327ACFE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26" name="Freeform: Shape 26"/>
                          <wps:cNvSpPr/>
                          <wps:spPr>
                            <a:xfrm>
                              <a:off x="1876705" y="414619"/>
                              <a:ext cx="35090" cy="85787"/>
                            </a:xfrm>
                            <a:custGeom>
                              <a:avLst/>
                              <a:gdLst/>
                              <a:ahLst/>
                              <a:cxnLst/>
                              <a:rect l="l" t="t" r="r" b="b"/>
                              <a:pathLst>
                                <a:path w="35090" h="85787" extrusionOk="0">
                                  <a:moveTo>
                                    <a:pt x="0" y="0"/>
                                  </a:moveTo>
                                  <a:lnTo>
                                    <a:pt x="11862" y="1167"/>
                                  </a:lnTo>
                                  <a:cubicBezTo>
                                    <a:pt x="15710" y="1954"/>
                                    <a:pt x="19101" y="3275"/>
                                    <a:pt x="22035" y="5078"/>
                                  </a:cubicBezTo>
                                  <a:cubicBezTo>
                                    <a:pt x="24955" y="6894"/>
                                    <a:pt x="27254" y="9345"/>
                                    <a:pt x="28931" y="12431"/>
                                  </a:cubicBezTo>
                                  <a:cubicBezTo>
                                    <a:pt x="30607" y="15518"/>
                                    <a:pt x="31458" y="19302"/>
                                    <a:pt x="31458" y="23772"/>
                                  </a:cubicBezTo>
                                  <a:cubicBezTo>
                                    <a:pt x="31458" y="30059"/>
                                    <a:pt x="29693" y="35177"/>
                                    <a:pt x="26175" y="39114"/>
                                  </a:cubicBezTo>
                                  <a:cubicBezTo>
                                    <a:pt x="22657" y="43064"/>
                                    <a:pt x="18072" y="45769"/>
                                    <a:pt x="12433" y="47268"/>
                                  </a:cubicBezTo>
                                  <a:lnTo>
                                    <a:pt x="35090" y="85787"/>
                                  </a:lnTo>
                                  <a:lnTo>
                                    <a:pt x="17005" y="85787"/>
                                  </a:lnTo>
                                  <a:lnTo>
                                    <a:pt x="0" y="55453"/>
                                  </a:lnTo>
                                  <a:lnTo>
                                    <a:pt x="0" y="36662"/>
                                  </a:lnTo>
                                  <a:lnTo>
                                    <a:pt x="4559" y="36231"/>
                                  </a:lnTo>
                                  <a:cubicBezTo>
                                    <a:pt x="6731" y="35800"/>
                                    <a:pt x="8661" y="35076"/>
                                    <a:pt x="10351" y="34073"/>
                                  </a:cubicBezTo>
                                  <a:cubicBezTo>
                                    <a:pt x="12027" y="33069"/>
                                    <a:pt x="13360" y="31774"/>
                                    <a:pt x="14351" y="30174"/>
                                  </a:cubicBezTo>
                                  <a:cubicBezTo>
                                    <a:pt x="15316" y="28586"/>
                                    <a:pt x="15811" y="26554"/>
                                    <a:pt x="15811" y="24128"/>
                                  </a:cubicBezTo>
                                  <a:cubicBezTo>
                                    <a:pt x="15811" y="21880"/>
                                    <a:pt x="15342" y="20026"/>
                                    <a:pt x="14427" y="18540"/>
                                  </a:cubicBezTo>
                                  <a:cubicBezTo>
                                    <a:pt x="13513" y="17042"/>
                                    <a:pt x="12243" y="15861"/>
                                    <a:pt x="10681" y="14959"/>
                                  </a:cubicBezTo>
                                  <a:cubicBezTo>
                                    <a:pt x="9093" y="14058"/>
                                    <a:pt x="7277" y="13448"/>
                                    <a:pt x="5207" y="13117"/>
                                  </a:cubicBezTo>
                                  <a:lnTo>
                                    <a:pt x="0" y="12732"/>
                                  </a:lnTo>
                                  <a:lnTo>
                                    <a:pt x="0" y="0"/>
                                  </a:lnTo>
                                  <a:close/>
                                </a:path>
                              </a:pathLst>
                            </a:custGeom>
                            <a:solidFill>
                              <a:srgbClr val="FFFEFD"/>
                            </a:solidFill>
                            <a:ln>
                              <a:noFill/>
                            </a:ln>
                          </wps:spPr>
                          <wps:txbx>
                            <w:txbxContent>
                              <w:p w14:paraId="516C5AB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27" name="Freeform: Shape 27"/>
                          <wps:cNvSpPr/>
                          <wps:spPr>
                            <a:xfrm>
                              <a:off x="1922018" y="414413"/>
                              <a:ext cx="44094" cy="85992"/>
                            </a:xfrm>
                            <a:custGeom>
                              <a:avLst/>
                              <a:gdLst/>
                              <a:ahLst/>
                              <a:cxnLst/>
                              <a:rect l="l" t="t" r="r" b="b"/>
                              <a:pathLst>
                                <a:path w="44094" h="85992" extrusionOk="0">
                                  <a:moveTo>
                                    <a:pt x="37173" y="0"/>
                                  </a:moveTo>
                                  <a:lnTo>
                                    <a:pt x="44094" y="0"/>
                                  </a:lnTo>
                                  <a:lnTo>
                                    <a:pt x="44094" y="17884"/>
                                  </a:lnTo>
                                  <a:lnTo>
                                    <a:pt x="29502" y="53760"/>
                                  </a:lnTo>
                                  <a:lnTo>
                                    <a:pt x="44094" y="53760"/>
                                  </a:lnTo>
                                  <a:lnTo>
                                    <a:pt x="44094" y="66104"/>
                                  </a:lnTo>
                                  <a:lnTo>
                                    <a:pt x="24791" y="66104"/>
                                  </a:lnTo>
                                  <a:lnTo>
                                    <a:pt x="16459" y="85992"/>
                                  </a:lnTo>
                                  <a:lnTo>
                                    <a:pt x="0" y="85992"/>
                                  </a:lnTo>
                                  <a:lnTo>
                                    <a:pt x="37173" y="0"/>
                                  </a:lnTo>
                                  <a:close/>
                                </a:path>
                              </a:pathLst>
                            </a:custGeom>
                            <a:solidFill>
                              <a:srgbClr val="FFFEFD"/>
                            </a:solidFill>
                            <a:ln>
                              <a:noFill/>
                            </a:ln>
                          </wps:spPr>
                          <wps:bodyPr spcFirstLastPara="1" wrap="square" lIns="91425" tIns="91425" rIns="91425" bIns="91425" anchor="ctr" anchorCtr="0">
                            <a:noAutofit/>
                          </wps:bodyPr>
                        </wps:wsp>
                        <wps:wsp>
                          <wps:cNvPr id="28" name="Freeform: Shape 28"/>
                          <wps:cNvSpPr/>
                          <wps:spPr>
                            <a:xfrm>
                              <a:off x="2237435" y="414579"/>
                              <a:ext cx="60147" cy="85827"/>
                            </a:xfrm>
                            <a:custGeom>
                              <a:avLst/>
                              <a:gdLst/>
                              <a:ahLst/>
                              <a:cxnLst/>
                              <a:rect l="l" t="t" r="r" b="b"/>
                              <a:pathLst>
                                <a:path w="60147" h="85827" extrusionOk="0">
                                  <a:moveTo>
                                    <a:pt x="0" y="0"/>
                                  </a:moveTo>
                                  <a:lnTo>
                                    <a:pt x="58191" y="0"/>
                                  </a:lnTo>
                                  <a:lnTo>
                                    <a:pt x="58191" y="12675"/>
                                  </a:lnTo>
                                  <a:lnTo>
                                    <a:pt x="15647" y="12675"/>
                                  </a:lnTo>
                                  <a:lnTo>
                                    <a:pt x="15647" y="35293"/>
                                  </a:lnTo>
                                  <a:lnTo>
                                    <a:pt x="55906" y="35293"/>
                                  </a:lnTo>
                                  <a:lnTo>
                                    <a:pt x="55906" y="47651"/>
                                  </a:lnTo>
                                  <a:lnTo>
                                    <a:pt x="15647" y="47651"/>
                                  </a:lnTo>
                                  <a:lnTo>
                                    <a:pt x="15647" y="72847"/>
                                  </a:lnTo>
                                  <a:lnTo>
                                    <a:pt x="60147" y="72847"/>
                                  </a:lnTo>
                                  <a:lnTo>
                                    <a:pt x="60147" y="85827"/>
                                  </a:lnTo>
                                  <a:lnTo>
                                    <a:pt x="0" y="85827"/>
                                  </a:lnTo>
                                  <a:lnTo>
                                    <a:pt x="0" y="0"/>
                                  </a:lnTo>
                                  <a:close/>
                                </a:path>
                              </a:pathLst>
                            </a:custGeom>
                            <a:solidFill>
                              <a:srgbClr val="FFFEFD"/>
                            </a:solidFill>
                            <a:ln>
                              <a:noFill/>
                            </a:ln>
                          </wps:spPr>
                          <wps:bodyPr spcFirstLastPara="1" wrap="square" lIns="91425" tIns="91425" rIns="91425" bIns="91425" anchor="ctr" anchorCtr="0">
                            <a:noAutofit/>
                          </wps:bodyPr>
                        </wps:wsp>
                        <wps:wsp>
                          <wps:cNvPr id="29" name="Freeform: Shape 29"/>
                          <wps:cNvSpPr/>
                          <wps:spPr>
                            <a:xfrm>
                              <a:off x="2031390" y="414413"/>
                              <a:ext cx="73343" cy="85992"/>
                            </a:xfrm>
                            <a:custGeom>
                              <a:avLst/>
                              <a:gdLst/>
                              <a:ahLst/>
                              <a:cxnLst/>
                              <a:rect l="l" t="t" r="r" b="b"/>
                              <a:pathLst>
                                <a:path w="73343" h="85992" extrusionOk="0">
                                  <a:moveTo>
                                    <a:pt x="0" y="0"/>
                                  </a:moveTo>
                                  <a:lnTo>
                                    <a:pt x="18910" y="0"/>
                                  </a:lnTo>
                                  <a:lnTo>
                                    <a:pt x="57874" y="65151"/>
                                  </a:lnTo>
                                  <a:lnTo>
                                    <a:pt x="58204" y="65151"/>
                                  </a:lnTo>
                                  <a:lnTo>
                                    <a:pt x="58204" y="0"/>
                                  </a:lnTo>
                                  <a:lnTo>
                                    <a:pt x="73343" y="0"/>
                                  </a:lnTo>
                                  <a:lnTo>
                                    <a:pt x="73343" y="85992"/>
                                  </a:lnTo>
                                  <a:lnTo>
                                    <a:pt x="54775" y="85992"/>
                                  </a:lnTo>
                                  <a:lnTo>
                                    <a:pt x="15481" y="21184"/>
                                  </a:lnTo>
                                  <a:lnTo>
                                    <a:pt x="15177" y="21184"/>
                                  </a:lnTo>
                                  <a:lnTo>
                                    <a:pt x="15177" y="85992"/>
                                  </a:lnTo>
                                  <a:lnTo>
                                    <a:pt x="0" y="85992"/>
                                  </a:lnTo>
                                  <a:lnTo>
                                    <a:pt x="0" y="0"/>
                                  </a:lnTo>
                                  <a:close/>
                                </a:path>
                              </a:pathLst>
                            </a:custGeom>
                            <a:solidFill>
                              <a:srgbClr val="FFFEFD"/>
                            </a:solidFill>
                            <a:ln>
                              <a:noFill/>
                            </a:ln>
                          </wps:spPr>
                          <wps:bodyPr spcFirstLastPara="1" wrap="square" lIns="91425" tIns="91425" rIns="91425" bIns="91425" anchor="ctr" anchorCtr="0">
                            <a:noAutofit/>
                          </wps:bodyPr>
                        </wps:wsp>
                        <wps:wsp>
                          <wps:cNvPr id="30" name="Freeform: Shape 30"/>
                          <wps:cNvSpPr/>
                          <wps:spPr>
                            <a:xfrm>
                              <a:off x="1966112" y="414413"/>
                              <a:ext cx="44590" cy="85992"/>
                            </a:xfrm>
                            <a:custGeom>
                              <a:avLst/>
                              <a:gdLst/>
                              <a:ahLst/>
                              <a:cxnLst/>
                              <a:rect l="l" t="t" r="r" b="b"/>
                              <a:pathLst>
                                <a:path w="44590" h="85992" extrusionOk="0">
                                  <a:moveTo>
                                    <a:pt x="0" y="0"/>
                                  </a:moveTo>
                                  <a:lnTo>
                                    <a:pt x="7569" y="0"/>
                                  </a:lnTo>
                                  <a:lnTo>
                                    <a:pt x="44590" y="85992"/>
                                  </a:lnTo>
                                  <a:lnTo>
                                    <a:pt x="27635" y="85992"/>
                                  </a:lnTo>
                                  <a:lnTo>
                                    <a:pt x="19482" y="66104"/>
                                  </a:lnTo>
                                  <a:lnTo>
                                    <a:pt x="0" y="66104"/>
                                  </a:lnTo>
                                  <a:lnTo>
                                    <a:pt x="0" y="53760"/>
                                  </a:lnTo>
                                  <a:lnTo>
                                    <a:pt x="14592" y="53760"/>
                                  </a:lnTo>
                                  <a:lnTo>
                                    <a:pt x="89" y="17666"/>
                                  </a:lnTo>
                                  <a:lnTo>
                                    <a:pt x="0" y="17884"/>
                                  </a:lnTo>
                                  <a:lnTo>
                                    <a:pt x="0" y="0"/>
                                  </a:lnTo>
                                  <a:close/>
                                </a:path>
                              </a:pathLst>
                            </a:custGeom>
                            <a:solidFill>
                              <a:srgbClr val="FFFEFD"/>
                            </a:solidFill>
                            <a:ln>
                              <a:noFill/>
                            </a:ln>
                          </wps:spPr>
                          <wps:bodyPr spcFirstLastPara="1" wrap="square" lIns="91425" tIns="91425" rIns="91425" bIns="91425" anchor="ctr" anchorCtr="0">
                            <a:noAutofit/>
                          </wps:bodyPr>
                        </wps:wsp>
                        <wps:wsp>
                          <wps:cNvPr id="31" name="Freeform: Shape 31"/>
                          <wps:cNvSpPr/>
                          <wps:spPr>
                            <a:xfrm>
                              <a:off x="2465464" y="412179"/>
                              <a:ext cx="47047" cy="90488"/>
                            </a:xfrm>
                            <a:custGeom>
                              <a:avLst/>
                              <a:gdLst/>
                              <a:ahLst/>
                              <a:cxnLst/>
                              <a:rect l="l" t="t" r="r" b="b"/>
                              <a:pathLst>
                                <a:path w="47047" h="90488" extrusionOk="0">
                                  <a:moveTo>
                                    <a:pt x="46799" y="0"/>
                                  </a:moveTo>
                                  <a:lnTo>
                                    <a:pt x="47047" y="44"/>
                                  </a:lnTo>
                                  <a:lnTo>
                                    <a:pt x="47047" y="13700"/>
                                  </a:lnTo>
                                  <a:lnTo>
                                    <a:pt x="46799" y="13653"/>
                                  </a:lnTo>
                                  <a:cubicBezTo>
                                    <a:pt x="42240" y="13653"/>
                                    <a:pt x="38113" y="14439"/>
                                    <a:pt x="34417" y="16053"/>
                                  </a:cubicBezTo>
                                  <a:cubicBezTo>
                                    <a:pt x="30721" y="17640"/>
                                    <a:pt x="27559" y="19862"/>
                                    <a:pt x="24943" y="22695"/>
                                  </a:cubicBezTo>
                                  <a:cubicBezTo>
                                    <a:pt x="22339" y="25540"/>
                                    <a:pt x="20333" y="28854"/>
                                    <a:pt x="18936" y="32651"/>
                                  </a:cubicBezTo>
                                  <a:cubicBezTo>
                                    <a:pt x="17513" y="36449"/>
                                    <a:pt x="16815" y="40601"/>
                                    <a:pt x="16815" y="45085"/>
                                  </a:cubicBezTo>
                                  <a:cubicBezTo>
                                    <a:pt x="16815" y="49581"/>
                                    <a:pt x="17513" y="53784"/>
                                    <a:pt x="18936" y="57670"/>
                                  </a:cubicBezTo>
                                  <a:cubicBezTo>
                                    <a:pt x="20333" y="61582"/>
                                    <a:pt x="22339" y="64947"/>
                                    <a:pt x="24943" y="67780"/>
                                  </a:cubicBezTo>
                                  <a:cubicBezTo>
                                    <a:pt x="27559" y="70624"/>
                                    <a:pt x="30721" y="72834"/>
                                    <a:pt x="34417" y="74447"/>
                                  </a:cubicBezTo>
                                  <a:cubicBezTo>
                                    <a:pt x="38113" y="76035"/>
                                    <a:pt x="42240" y="76847"/>
                                    <a:pt x="46799" y="76847"/>
                                  </a:cubicBezTo>
                                  <a:lnTo>
                                    <a:pt x="47047" y="76800"/>
                                  </a:lnTo>
                                  <a:lnTo>
                                    <a:pt x="47047" y="90443"/>
                                  </a:lnTo>
                                  <a:lnTo>
                                    <a:pt x="46799" y="90488"/>
                                  </a:lnTo>
                                  <a:cubicBezTo>
                                    <a:pt x="40170" y="90488"/>
                                    <a:pt x="33998" y="89370"/>
                                    <a:pt x="28296" y="87109"/>
                                  </a:cubicBezTo>
                                  <a:cubicBezTo>
                                    <a:pt x="22593" y="84874"/>
                                    <a:pt x="17640" y="81737"/>
                                    <a:pt x="13462" y="77736"/>
                                  </a:cubicBezTo>
                                  <a:cubicBezTo>
                                    <a:pt x="9284" y="73723"/>
                                    <a:pt x="5994" y="68935"/>
                                    <a:pt x="3594" y="63373"/>
                                  </a:cubicBezTo>
                                  <a:cubicBezTo>
                                    <a:pt x="1207" y="57810"/>
                                    <a:pt x="0" y="51714"/>
                                    <a:pt x="0" y="45085"/>
                                  </a:cubicBezTo>
                                  <a:cubicBezTo>
                                    <a:pt x="0" y="38341"/>
                                    <a:pt x="1207" y="32194"/>
                                    <a:pt x="3594" y="26632"/>
                                  </a:cubicBezTo>
                                  <a:cubicBezTo>
                                    <a:pt x="5994" y="21069"/>
                                    <a:pt x="9284" y="16345"/>
                                    <a:pt x="13462" y="12420"/>
                                  </a:cubicBezTo>
                                  <a:cubicBezTo>
                                    <a:pt x="17640" y="8534"/>
                                    <a:pt x="22593" y="5486"/>
                                    <a:pt x="28296" y="3302"/>
                                  </a:cubicBezTo>
                                  <a:cubicBezTo>
                                    <a:pt x="33998" y="1092"/>
                                    <a:pt x="40170" y="0"/>
                                    <a:pt x="46799" y="0"/>
                                  </a:cubicBezTo>
                                  <a:close/>
                                </a:path>
                              </a:pathLst>
                            </a:custGeom>
                            <a:solidFill>
                              <a:srgbClr val="FFFEFD"/>
                            </a:solidFill>
                            <a:ln>
                              <a:noFill/>
                            </a:ln>
                          </wps:spPr>
                          <wps:txbx>
                            <w:txbxContent>
                              <w:p w14:paraId="2375DBF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32" name="Freeform: Shape 32"/>
                          <wps:cNvSpPr/>
                          <wps:spPr>
                            <a:xfrm>
                              <a:off x="2368652" y="412179"/>
                              <a:ext cx="80848" cy="90488"/>
                            </a:xfrm>
                            <a:custGeom>
                              <a:avLst/>
                              <a:gdLst/>
                              <a:ahLst/>
                              <a:cxnLst/>
                              <a:rect l="l" t="t" r="r" b="b"/>
                              <a:pathLst>
                                <a:path w="80848" h="90488" extrusionOk="0">
                                  <a:moveTo>
                                    <a:pt x="47117" y="0"/>
                                  </a:moveTo>
                                  <a:cubicBezTo>
                                    <a:pt x="53632" y="0"/>
                                    <a:pt x="59741" y="1206"/>
                                    <a:pt x="65456" y="3607"/>
                                  </a:cubicBezTo>
                                  <a:cubicBezTo>
                                    <a:pt x="71158" y="6007"/>
                                    <a:pt x="75730" y="9461"/>
                                    <a:pt x="79210" y="13957"/>
                                  </a:cubicBezTo>
                                  <a:lnTo>
                                    <a:pt x="66993" y="23419"/>
                                  </a:lnTo>
                                  <a:cubicBezTo>
                                    <a:pt x="64719" y="20206"/>
                                    <a:pt x="61773" y="17793"/>
                                    <a:pt x="58204" y="16128"/>
                                  </a:cubicBezTo>
                                  <a:cubicBezTo>
                                    <a:pt x="54610" y="14465"/>
                                    <a:pt x="50813" y="13653"/>
                                    <a:pt x="46774" y="13653"/>
                                  </a:cubicBezTo>
                                  <a:cubicBezTo>
                                    <a:pt x="42215" y="13653"/>
                                    <a:pt x="38087" y="14439"/>
                                    <a:pt x="34392" y="16053"/>
                                  </a:cubicBezTo>
                                  <a:cubicBezTo>
                                    <a:pt x="30696" y="17640"/>
                                    <a:pt x="27546" y="19862"/>
                                    <a:pt x="24943" y="22695"/>
                                  </a:cubicBezTo>
                                  <a:cubicBezTo>
                                    <a:pt x="22339" y="25540"/>
                                    <a:pt x="20307" y="28854"/>
                                    <a:pt x="18910" y="32651"/>
                                  </a:cubicBezTo>
                                  <a:cubicBezTo>
                                    <a:pt x="17488" y="36449"/>
                                    <a:pt x="16789" y="40601"/>
                                    <a:pt x="16789" y="45085"/>
                                  </a:cubicBezTo>
                                  <a:cubicBezTo>
                                    <a:pt x="16789" y="49466"/>
                                    <a:pt x="17551" y="53581"/>
                                    <a:pt x="19075" y="57429"/>
                                  </a:cubicBezTo>
                                  <a:cubicBezTo>
                                    <a:pt x="20600" y="61278"/>
                                    <a:pt x="22657" y="64656"/>
                                    <a:pt x="25260" y="67551"/>
                                  </a:cubicBezTo>
                                  <a:cubicBezTo>
                                    <a:pt x="27877" y="70421"/>
                                    <a:pt x="30963" y="72695"/>
                                    <a:pt x="34557" y="74358"/>
                                  </a:cubicBezTo>
                                  <a:cubicBezTo>
                                    <a:pt x="38138" y="76022"/>
                                    <a:pt x="41999" y="76847"/>
                                    <a:pt x="46126" y="76847"/>
                                  </a:cubicBezTo>
                                  <a:cubicBezTo>
                                    <a:pt x="50686" y="76847"/>
                                    <a:pt x="54851" y="75958"/>
                                    <a:pt x="58598" y="74193"/>
                                  </a:cubicBezTo>
                                  <a:cubicBezTo>
                                    <a:pt x="62344" y="72441"/>
                                    <a:pt x="65646" y="69621"/>
                                    <a:pt x="68466" y="65773"/>
                                  </a:cubicBezTo>
                                  <a:lnTo>
                                    <a:pt x="80848" y="74282"/>
                                  </a:lnTo>
                                  <a:cubicBezTo>
                                    <a:pt x="76721" y="79311"/>
                                    <a:pt x="71946" y="83261"/>
                                    <a:pt x="66510" y="86157"/>
                                  </a:cubicBezTo>
                                  <a:cubicBezTo>
                                    <a:pt x="61074" y="89040"/>
                                    <a:pt x="54280" y="90488"/>
                                    <a:pt x="46126" y="90488"/>
                                  </a:cubicBezTo>
                                  <a:cubicBezTo>
                                    <a:pt x="39281" y="90488"/>
                                    <a:pt x="33033" y="89382"/>
                                    <a:pt x="27381" y="87198"/>
                                  </a:cubicBezTo>
                                  <a:cubicBezTo>
                                    <a:pt x="21730" y="85001"/>
                                    <a:pt x="16866" y="81928"/>
                                    <a:pt x="12789" y="77965"/>
                                  </a:cubicBezTo>
                                  <a:cubicBezTo>
                                    <a:pt x="8712" y="74016"/>
                                    <a:pt x="5563" y="69266"/>
                                    <a:pt x="3353" y="63703"/>
                                  </a:cubicBezTo>
                                  <a:cubicBezTo>
                                    <a:pt x="1105" y="58141"/>
                                    <a:pt x="0" y="51930"/>
                                    <a:pt x="0" y="45085"/>
                                  </a:cubicBezTo>
                                  <a:cubicBezTo>
                                    <a:pt x="0" y="38341"/>
                                    <a:pt x="1194" y="32194"/>
                                    <a:pt x="3581" y="26632"/>
                                  </a:cubicBezTo>
                                  <a:cubicBezTo>
                                    <a:pt x="5969" y="21069"/>
                                    <a:pt x="9271" y="16345"/>
                                    <a:pt x="13437" y="12420"/>
                                  </a:cubicBezTo>
                                  <a:cubicBezTo>
                                    <a:pt x="17628" y="8534"/>
                                    <a:pt x="22606" y="5486"/>
                                    <a:pt x="28359" y="3302"/>
                                  </a:cubicBezTo>
                                  <a:cubicBezTo>
                                    <a:pt x="34125" y="1092"/>
                                    <a:pt x="40373" y="0"/>
                                    <a:pt x="47117" y="0"/>
                                  </a:cubicBezTo>
                                  <a:close/>
                                </a:path>
                              </a:pathLst>
                            </a:custGeom>
                            <a:solidFill>
                              <a:srgbClr val="FFFEFD"/>
                            </a:solidFill>
                            <a:ln>
                              <a:noFill/>
                            </a:ln>
                          </wps:spPr>
                          <wps:txbx>
                            <w:txbxContent>
                              <w:p w14:paraId="2BE83FC0"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33" name="Freeform: Shape 33"/>
                          <wps:cNvSpPr/>
                          <wps:spPr>
                            <a:xfrm>
                              <a:off x="2133422" y="412179"/>
                              <a:ext cx="80874" cy="90488"/>
                            </a:xfrm>
                            <a:custGeom>
                              <a:avLst/>
                              <a:gdLst/>
                              <a:ahLst/>
                              <a:cxnLst/>
                              <a:rect l="l" t="t" r="r" b="b"/>
                              <a:pathLst>
                                <a:path w="80874" h="90488" extrusionOk="0">
                                  <a:moveTo>
                                    <a:pt x="47117" y="0"/>
                                  </a:moveTo>
                                  <a:cubicBezTo>
                                    <a:pt x="53632" y="0"/>
                                    <a:pt x="59754" y="1206"/>
                                    <a:pt x="65456" y="3607"/>
                                  </a:cubicBezTo>
                                  <a:cubicBezTo>
                                    <a:pt x="71158" y="6007"/>
                                    <a:pt x="75756" y="9461"/>
                                    <a:pt x="79235" y="13957"/>
                                  </a:cubicBezTo>
                                  <a:lnTo>
                                    <a:pt x="67018" y="23419"/>
                                  </a:lnTo>
                                  <a:cubicBezTo>
                                    <a:pt x="64719" y="20206"/>
                                    <a:pt x="61798" y="17793"/>
                                    <a:pt x="58204" y="16128"/>
                                  </a:cubicBezTo>
                                  <a:cubicBezTo>
                                    <a:pt x="54623" y="14465"/>
                                    <a:pt x="50813" y="13653"/>
                                    <a:pt x="46800" y="13653"/>
                                  </a:cubicBezTo>
                                  <a:cubicBezTo>
                                    <a:pt x="42228" y="13653"/>
                                    <a:pt x="38100" y="14439"/>
                                    <a:pt x="34417" y="16053"/>
                                  </a:cubicBezTo>
                                  <a:cubicBezTo>
                                    <a:pt x="30721" y="17640"/>
                                    <a:pt x="27559" y="19862"/>
                                    <a:pt x="24956" y="22695"/>
                                  </a:cubicBezTo>
                                  <a:cubicBezTo>
                                    <a:pt x="22339" y="25540"/>
                                    <a:pt x="20333" y="28854"/>
                                    <a:pt x="18910" y="32651"/>
                                  </a:cubicBezTo>
                                  <a:cubicBezTo>
                                    <a:pt x="17513" y="36449"/>
                                    <a:pt x="16802" y="40601"/>
                                    <a:pt x="16802" y="45085"/>
                                  </a:cubicBezTo>
                                  <a:cubicBezTo>
                                    <a:pt x="16802" y="49466"/>
                                    <a:pt x="17551" y="53581"/>
                                    <a:pt x="19088" y="57429"/>
                                  </a:cubicBezTo>
                                  <a:cubicBezTo>
                                    <a:pt x="20600" y="61278"/>
                                    <a:pt x="22670" y="64656"/>
                                    <a:pt x="25286" y="67551"/>
                                  </a:cubicBezTo>
                                  <a:cubicBezTo>
                                    <a:pt x="27889" y="70421"/>
                                    <a:pt x="30988" y="72695"/>
                                    <a:pt x="34557" y="74358"/>
                                  </a:cubicBezTo>
                                  <a:cubicBezTo>
                                    <a:pt x="38151" y="76022"/>
                                    <a:pt x="42012" y="76847"/>
                                    <a:pt x="46139" y="76847"/>
                                  </a:cubicBezTo>
                                  <a:cubicBezTo>
                                    <a:pt x="50711" y="76847"/>
                                    <a:pt x="54864" y="75958"/>
                                    <a:pt x="58623" y="74193"/>
                                  </a:cubicBezTo>
                                  <a:cubicBezTo>
                                    <a:pt x="62370" y="72441"/>
                                    <a:pt x="65646" y="69621"/>
                                    <a:pt x="68479" y="65773"/>
                                  </a:cubicBezTo>
                                  <a:lnTo>
                                    <a:pt x="80874" y="74282"/>
                                  </a:lnTo>
                                  <a:cubicBezTo>
                                    <a:pt x="76721" y="79311"/>
                                    <a:pt x="71946" y="83261"/>
                                    <a:pt x="66523" y="86157"/>
                                  </a:cubicBezTo>
                                  <a:cubicBezTo>
                                    <a:pt x="61074" y="89040"/>
                                    <a:pt x="54293" y="90488"/>
                                    <a:pt x="46139" y="90488"/>
                                  </a:cubicBezTo>
                                  <a:cubicBezTo>
                                    <a:pt x="39294" y="90488"/>
                                    <a:pt x="33045" y="89382"/>
                                    <a:pt x="27394" y="87198"/>
                                  </a:cubicBezTo>
                                  <a:cubicBezTo>
                                    <a:pt x="21742" y="85001"/>
                                    <a:pt x="16891" y="81928"/>
                                    <a:pt x="12814" y="77965"/>
                                  </a:cubicBezTo>
                                  <a:cubicBezTo>
                                    <a:pt x="8725" y="74016"/>
                                    <a:pt x="5575" y="69266"/>
                                    <a:pt x="3353" y="63703"/>
                                  </a:cubicBezTo>
                                  <a:cubicBezTo>
                                    <a:pt x="1130" y="58141"/>
                                    <a:pt x="0" y="51930"/>
                                    <a:pt x="0" y="45085"/>
                                  </a:cubicBezTo>
                                  <a:cubicBezTo>
                                    <a:pt x="0" y="38341"/>
                                    <a:pt x="1207" y="32194"/>
                                    <a:pt x="3607" y="26632"/>
                                  </a:cubicBezTo>
                                  <a:cubicBezTo>
                                    <a:pt x="5994" y="21069"/>
                                    <a:pt x="9284" y="16345"/>
                                    <a:pt x="13462" y="12420"/>
                                  </a:cubicBezTo>
                                  <a:cubicBezTo>
                                    <a:pt x="17640" y="8534"/>
                                    <a:pt x="22606" y="5486"/>
                                    <a:pt x="28372" y="3302"/>
                                  </a:cubicBezTo>
                                  <a:cubicBezTo>
                                    <a:pt x="34125" y="1092"/>
                                    <a:pt x="40386" y="0"/>
                                    <a:pt x="47117" y="0"/>
                                  </a:cubicBezTo>
                                  <a:close/>
                                </a:path>
                              </a:pathLst>
                            </a:custGeom>
                            <a:solidFill>
                              <a:srgbClr val="FFFEFD"/>
                            </a:solidFill>
                            <a:ln>
                              <a:noFill/>
                            </a:ln>
                          </wps:spPr>
                          <wps:txbx>
                            <w:txbxContent>
                              <w:p w14:paraId="16B0386E"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34" name="Freeform: Shape 34"/>
                          <wps:cNvSpPr/>
                          <wps:spPr>
                            <a:xfrm>
                              <a:off x="3053766" y="414413"/>
                              <a:ext cx="15646" cy="85992"/>
                            </a:xfrm>
                            <a:custGeom>
                              <a:avLst/>
                              <a:gdLst/>
                              <a:ahLst/>
                              <a:cxnLst/>
                              <a:rect l="l" t="t" r="r" b="b"/>
                              <a:pathLst>
                                <a:path w="15646" h="85992" extrusionOk="0">
                                  <a:moveTo>
                                    <a:pt x="0" y="0"/>
                                  </a:moveTo>
                                  <a:lnTo>
                                    <a:pt x="15646" y="0"/>
                                  </a:lnTo>
                                  <a:lnTo>
                                    <a:pt x="15646" y="85992"/>
                                  </a:lnTo>
                                  <a:lnTo>
                                    <a:pt x="0" y="85992"/>
                                  </a:lnTo>
                                  <a:lnTo>
                                    <a:pt x="0" y="0"/>
                                  </a:lnTo>
                                </a:path>
                              </a:pathLst>
                            </a:custGeom>
                            <a:solidFill>
                              <a:srgbClr val="FFFEFD"/>
                            </a:solidFill>
                            <a:ln>
                              <a:noFill/>
                            </a:ln>
                          </wps:spPr>
                          <wps:bodyPr spcFirstLastPara="1" wrap="square" lIns="91425" tIns="91425" rIns="91425" bIns="91425" anchor="ctr" anchorCtr="0">
                            <a:noAutofit/>
                          </wps:bodyPr>
                        </wps:wsp>
                        <wps:wsp>
                          <wps:cNvPr id="35" name="Freeform: Shape 35"/>
                          <wps:cNvSpPr/>
                          <wps:spPr>
                            <a:xfrm>
                              <a:off x="2841536" y="414413"/>
                              <a:ext cx="15646" cy="85992"/>
                            </a:xfrm>
                            <a:custGeom>
                              <a:avLst/>
                              <a:gdLst/>
                              <a:ahLst/>
                              <a:cxnLst/>
                              <a:rect l="l" t="t" r="r" b="b"/>
                              <a:pathLst>
                                <a:path w="15646" h="85992" extrusionOk="0">
                                  <a:moveTo>
                                    <a:pt x="0" y="0"/>
                                  </a:moveTo>
                                  <a:lnTo>
                                    <a:pt x="15646" y="0"/>
                                  </a:lnTo>
                                  <a:lnTo>
                                    <a:pt x="15646" y="85992"/>
                                  </a:lnTo>
                                  <a:lnTo>
                                    <a:pt x="0" y="85992"/>
                                  </a:lnTo>
                                  <a:lnTo>
                                    <a:pt x="0" y="0"/>
                                  </a:lnTo>
                                </a:path>
                              </a:pathLst>
                            </a:custGeom>
                            <a:solidFill>
                              <a:srgbClr val="FFFEFD"/>
                            </a:solidFill>
                            <a:ln>
                              <a:noFill/>
                            </a:ln>
                          </wps:spPr>
                          <wps:bodyPr spcFirstLastPara="1" wrap="square" lIns="91425" tIns="91425" rIns="91425" bIns="91425" anchor="ctr" anchorCtr="0">
                            <a:noAutofit/>
                          </wps:bodyPr>
                        </wps:wsp>
                        <wps:wsp>
                          <wps:cNvPr id="36" name="Freeform: Shape 36"/>
                          <wps:cNvSpPr/>
                          <wps:spPr>
                            <a:xfrm>
                              <a:off x="2714867" y="414413"/>
                              <a:ext cx="92761" cy="85992"/>
                            </a:xfrm>
                            <a:custGeom>
                              <a:avLst/>
                              <a:gdLst/>
                              <a:ahLst/>
                              <a:cxnLst/>
                              <a:rect l="l" t="t" r="r" b="b"/>
                              <a:pathLst>
                                <a:path w="92761" h="85992" extrusionOk="0">
                                  <a:moveTo>
                                    <a:pt x="0" y="0"/>
                                  </a:moveTo>
                                  <a:lnTo>
                                    <a:pt x="23164" y="0"/>
                                  </a:lnTo>
                                  <a:lnTo>
                                    <a:pt x="46799" y="61468"/>
                                  </a:lnTo>
                                  <a:lnTo>
                                    <a:pt x="47117" y="61468"/>
                                  </a:lnTo>
                                  <a:lnTo>
                                    <a:pt x="70269" y="0"/>
                                  </a:lnTo>
                                  <a:lnTo>
                                    <a:pt x="92761" y="0"/>
                                  </a:lnTo>
                                  <a:lnTo>
                                    <a:pt x="92761" y="85992"/>
                                  </a:lnTo>
                                  <a:lnTo>
                                    <a:pt x="77445" y="85992"/>
                                  </a:lnTo>
                                  <a:lnTo>
                                    <a:pt x="77445" y="20396"/>
                                  </a:lnTo>
                                  <a:lnTo>
                                    <a:pt x="77114" y="20396"/>
                                  </a:lnTo>
                                  <a:lnTo>
                                    <a:pt x="51511" y="85992"/>
                                  </a:lnTo>
                                  <a:lnTo>
                                    <a:pt x="41084" y="85992"/>
                                  </a:lnTo>
                                  <a:lnTo>
                                    <a:pt x="15646" y="20396"/>
                                  </a:lnTo>
                                  <a:lnTo>
                                    <a:pt x="15341" y="20396"/>
                                  </a:lnTo>
                                  <a:lnTo>
                                    <a:pt x="15341" y="85992"/>
                                  </a:lnTo>
                                  <a:lnTo>
                                    <a:pt x="0" y="85992"/>
                                  </a:lnTo>
                                  <a:lnTo>
                                    <a:pt x="0" y="0"/>
                                  </a:lnTo>
                                  <a:close/>
                                </a:path>
                              </a:pathLst>
                            </a:custGeom>
                            <a:solidFill>
                              <a:srgbClr val="FFFEFD"/>
                            </a:solidFill>
                            <a:ln>
                              <a:noFill/>
                            </a:ln>
                          </wps:spPr>
                          <wps:bodyPr spcFirstLastPara="1" wrap="square" lIns="91425" tIns="91425" rIns="91425" bIns="91425" anchor="ctr" anchorCtr="0">
                            <a:noAutofit/>
                          </wps:bodyPr>
                        </wps:wsp>
                        <wps:wsp>
                          <wps:cNvPr id="37" name="Freeform: Shape 37"/>
                          <wps:cNvSpPr/>
                          <wps:spPr>
                            <a:xfrm>
                              <a:off x="2588222" y="414413"/>
                              <a:ext cx="92748" cy="85992"/>
                            </a:xfrm>
                            <a:custGeom>
                              <a:avLst/>
                              <a:gdLst/>
                              <a:ahLst/>
                              <a:cxnLst/>
                              <a:rect l="l" t="t" r="r" b="b"/>
                              <a:pathLst>
                                <a:path w="92748" h="85992" extrusionOk="0">
                                  <a:moveTo>
                                    <a:pt x="0" y="0"/>
                                  </a:moveTo>
                                  <a:lnTo>
                                    <a:pt x="23152" y="0"/>
                                  </a:lnTo>
                                  <a:lnTo>
                                    <a:pt x="46787" y="61468"/>
                                  </a:lnTo>
                                  <a:lnTo>
                                    <a:pt x="47104" y="61468"/>
                                  </a:lnTo>
                                  <a:lnTo>
                                    <a:pt x="70256" y="0"/>
                                  </a:lnTo>
                                  <a:lnTo>
                                    <a:pt x="92748" y="0"/>
                                  </a:lnTo>
                                  <a:lnTo>
                                    <a:pt x="92748" y="85992"/>
                                  </a:lnTo>
                                  <a:lnTo>
                                    <a:pt x="77432" y="85992"/>
                                  </a:lnTo>
                                  <a:lnTo>
                                    <a:pt x="77432" y="20396"/>
                                  </a:lnTo>
                                  <a:lnTo>
                                    <a:pt x="77102" y="20396"/>
                                  </a:lnTo>
                                  <a:lnTo>
                                    <a:pt x="51499" y="85992"/>
                                  </a:lnTo>
                                  <a:lnTo>
                                    <a:pt x="41072" y="85992"/>
                                  </a:lnTo>
                                  <a:lnTo>
                                    <a:pt x="15647" y="20396"/>
                                  </a:lnTo>
                                  <a:lnTo>
                                    <a:pt x="15329" y="20396"/>
                                  </a:lnTo>
                                  <a:lnTo>
                                    <a:pt x="15329" y="85992"/>
                                  </a:lnTo>
                                  <a:lnTo>
                                    <a:pt x="0" y="85992"/>
                                  </a:lnTo>
                                  <a:lnTo>
                                    <a:pt x="0" y="0"/>
                                  </a:lnTo>
                                  <a:close/>
                                </a:path>
                              </a:pathLst>
                            </a:custGeom>
                            <a:solidFill>
                              <a:srgbClr val="FFFEFD"/>
                            </a:solidFill>
                            <a:ln>
                              <a:noFill/>
                            </a:ln>
                          </wps:spPr>
                          <wps:bodyPr spcFirstLastPara="1" wrap="square" lIns="91425" tIns="91425" rIns="91425" bIns="91425" anchor="ctr" anchorCtr="0">
                            <a:noAutofit/>
                          </wps:bodyPr>
                        </wps:wsp>
                        <wps:wsp>
                          <wps:cNvPr id="38" name="Freeform: Shape 38"/>
                          <wps:cNvSpPr/>
                          <wps:spPr>
                            <a:xfrm>
                              <a:off x="2512511" y="412222"/>
                              <a:ext cx="47009" cy="90399"/>
                            </a:xfrm>
                            <a:custGeom>
                              <a:avLst/>
                              <a:gdLst/>
                              <a:ahLst/>
                              <a:cxnLst/>
                              <a:rect l="l" t="t" r="r" b="b"/>
                              <a:pathLst>
                                <a:path w="47009" h="90399" extrusionOk="0">
                                  <a:moveTo>
                                    <a:pt x="0" y="0"/>
                                  </a:moveTo>
                                  <a:lnTo>
                                    <a:pt x="18498" y="3258"/>
                                  </a:lnTo>
                                  <a:cubicBezTo>
                                    <a:pt x="24263" y="5443"/>
                                    <a:pt x="29254" y="8491"/>
                                    <a:pt x="33483" y="12376"/>
                                  </a:cubicBezTo>
                                  <a:cubicBezTo>
                                    <a:pt x="37738" y="16301"/>
                                    <a:pt x="41053" y="21026"/>
                                    <a:pt x="43440" y="26588"/>
                                  </a:cubicBezTo>
                                  <a:cubicBezTo>
                                    <a:pt x="45828" y="32150"/>
                                    <a:pt x="47009" y="38297"/>
                                    <a:pt x="47009" y="45041"/>
                                  </a:cubicBezTo>
                                  <a:cubicBezTo>
                                    <a:pt x="47009" y="51670"/>
                                    <a:pt x="45828" y="57767"/>
                                    <a:pt x="43440" y="63329"/>
                                  </a:cubicBezTo>
                                  <a:cubicBezTo>
                                    <a:pt x="41053" y="68892"/>
                                    <a:pt x="37738" y="73680"/>
                                    <a:pt x="33483" y="77693"/>
                                  </a:cubicBezTo>
                                  <a:cubicBezTo>
                                    <a:pt x="29254" y="81693"/>
                                    <a:pt x="24263" y="84830"/>
                                    <a:pt x="18498" y="87066"/>
                                  </a:cubicBezTo>
                                  <a:lnTo>
                                    <a:pt x="0" y="90399"/>
                                  </a:lnTo>
                                  <a:lnTo>
                                    <a:pt x="0" y="76756"/>
                                  </a:lnTo>
                                  <a:lnTo>
                                    <a:pt x="12376" y="74404"/>
                                  </a:lnTo>
                                  <a:cubicBezTo>
                                    <a:pt x="16135" y="72791"/>
                                    <a:pt x="19336" y="70581"/>
                                    <a:pt x="22003" y="67736"/>
                                  </a:cubicBezTo>
                                  <a:cubicBezTo>
                                    <a:pt x="24657" y="64904"/>
                                    <a:pt x="26702" y="61539"/>
                                    <a:pt x="28111" y="57626"/>
                                  </a:cubicBezTo>
                                  <a:cubicBezTo>
                                    <a:pt x="29534" y="53741"/>
                                    <a:pt x="30232" y="49537"/>
                                    <a:pt x="30232" y="45041"/>
                                  </a:cubicBezTo>
                                  <a:cubicBezTo>
                                    <a:pt x="30232" y="40558"/>
                                    <a:pt x="29534" y="36405"/>
                                    <a:pt x="28111" y="32608"/>
                                  </a:cubicBezTo>
                                  <a:cubicBezTo>
                                    <a:pt x="26702" y="28810"/>
                                    <a:pt x="24657" y="25496"/>
                                    <a:pt x="22003" y="22651"/>
                                  </a:cubicBezTo>
                                  <a:cubicBezTo>
                                    <a:pt x="19336" y="19819"/>
                                    <a:pt x="16135" y="17596"/>
                                    <a:pt x="12376" y="16009"/>
                                  </a:cubicBezTo>
                                  <a:lnTo>
                                    <a:pt x="0" y="13656"/>
                                  </a:lnTo>
                                  <a:lnTo>
                                    <a:pt x="0" y="0"/>
                                  </a:lnTo>
                                  <a:close/>
                                </a:path>
                              </a:pathLst>
                            </a:custGeom>
                            <a:solidFill>
                              <a:srgbClr val="FFFEFD"/>
                            </a:solidFill>
                            <a:ln>
                              <a:noFill/>
                            </a:ln>
                          </wps:spPr>
                          <wps:txbx>
                            <w:txbxContent>
                              <w:p w14:paraId="7AA7EDE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39" name="Freeform: Shape 39"/>
                          <wps:cNvSpPr/>
                          <wps:spPr>
                            <a:xfrm>
                              <a:off x="3098102" y="412179"/>
                              <a:ext cx="47034" cy="90488"/>
                            </a:xfrm>
                            <a:custGeom>
                              <a:avLst/>
                              <a:gdLst/>
                              <a:ahLst/>
                              <a:cxnLst/>
                              <a:rect l="l" t="t" r="r" b="b"/>
                              <a:pathLst>
                                <a:path w="47034" h="90488" extrusionOk="0">
                                  <a:moveTo>
                                    <a:pt x="46774" y="0"/>
                                  </a:moveTo>
                                  <a:lnTo>
                                    <a:pt x="47034" y="46"/>
                                  </a:lnTo>
                                  <a:lnTo>
                                    <a:pt x="47034" y="13702"/>
                                  </a:lnTo>
                                  <a:lnTo>
                                    <a:pt x="46774" y="13653"/>
                                  </a:lnTo>
                                  <a:cubicBezTo>
                                    <a:pt x="42215" y="13653"/>
                                    <a:pt x="38087" y="14439"/>
                                    <a:pt x="34392" y="16053"/>
                                  </a:cubicBezTo>
                                  <a:cubicBezTo>
                                    <a:pt x="30696" y="17640"/>
                                    <a:pt x="27559" y="19862"/>
                                    <a:pt x="24943" y="22695"/>
                                  </a:cubicBezTo>
                                  <a:cubicBezTo>
                                    <a:pt x="22339" y="25540"/>
                                    <a:pt x="20320" y="28854"/>
                                    <a:pt x="18910" y="32651"/>
                                  </a:cubicBezTo>
                                  <a:cubicBezTo>
                                    <a:pt x="17488" y="36449"/>
                                    <a:pt x="16789" y="40601"/>
                                    <a:pt x="16789" y="45085"/>
                                  </a:cubicBezTo>
                                  <a:cubicBezTo>
                                    <a:pt x="16789" y="49581"/>
                                    <a:pt x="17488" y="53784"/>
                                    <a:pt x="18910" y="57670"/>
                                  </a:cubicBezTo>
                                  <a:cubicBezTo>
                                    <a:pt x="20320" y="61582"/>
                                    <a:pt x="22339" y="64947"/>
                                    <a:pt x="24943" y="67780"/>
                                  </a:cubicBezTo>
                                  <a:cubicBezTo>
                                    <a:pt x="27559" y="70624"/>
                                    <a:pt x="30696" y="72834"/>
                                    <a:pt x="34392" y="74447"/>
                                  </a:cubicBezTo>
                                  <a:cubicBezTo>
                                    <a:pt x="38087" y="76035"/>
                                    <a:pt x="42215" y="76847"/>
                                    <a:pt x="46774" y="76847"/>
                                  </a:cubicBezTo>
                                  <a:lnTo>
                                    <a:pt x="47034" y="76798"/>
                                  </a:lnTo>
                                  <a:lnTo>
                                    <a:pt x="47034" y="90441"/>
                                  </a:lnTo>
                                  <a:lnTo>
                                    <a:pt x="46774" y="90488"/>
                                  </a:lnTo>
                                  <a:cubicBezTo>
                                    <a:pt x="40157" y="90488"/>
                                    <a:pt x="33998" y="89370"/>
                                    <a:pt x="28296" y="87109"/>
                                  </a:cubicBezTo>
                                  <a:cubicBezTo>
                                    <a:pt x="22568" y="84874"/>
                                    <a:pt x="17628" y="81737"/>
                                    <a:pt x="13449" y="77736"/>
                                  </a:cubicBezTo>
                                  <a:cubicBezTo>
                                    <a:pt x="9271" y="73723"/>
                                    <a:pt x="5969" y="68935"/>
                                    <a:pt x="3581" y="63373"/>
                                  </a:cubicBezTo>
                                  <a:cubicBezTo>
                                    <a:pt x="1194" y="57810"/>
                                    <a:pt x="0" y="51714"/>
                                    <a:pt x="0" y="45085"/>
                                  </a:cubicBezTo>
                                  <a:cubicBezTo>
                                    <a:pt x="0" y="38341"/>
                                    <a:pt x="1194" y="32194"/>
                                    <a:pt x="3581" y="26632"/>
                                  </a:cubicBezTo>
                                  <a:cubicBezTo>
                                    <a:pt x="5969" y="21069"/>
                                    <a:pt x="9271" y="16345"/>
                                    <a:pt x="13449" y="12420"/>
                                  </a:cubicBezTo>
                                  <a:cubicBezTo>
                                    <a:pt x="17628" y="8534"/>
                                    <a:pt x="22568" y="5486"/>
                                    <a:pt x="28296" y="3302"/>
                                  </a:cubicBezTo>
                                  <a:cubicBezTo>
                                    <a:pt x="33998" y="1092"/>
                                    <a:pt x="40157" y="0"/>
                                    <a:pt x="46774" y="0"/>
                                  </a:cubicBezTo>
                                  <a:close/>
                                </a:path>
                              </a:pathLst>
                            </a:custGeom>
                            <a:solidFill>
                              <a:srgbClr val="FFFEFD"/>
                            </a:solidFill>
                            <a:ln>
                              <a:noFill/>
                            </a:ln>
                          </wps:spPr>
                          <wps:txbx>
                            <w:txbxContent>
                              <w:p w14:paraId="16D7BF0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40" name="Freeform: Shape 40"/>
                          <wps:cNvSpPr/>
                          <wps:spPr>
                            <a:xfrm>
                              <a:off x="2963304" y="412179"/>
                              <a:ext cx="61290" cy="90488"/>
                            </a:xfrm>
                            <a:custGeom>
                              <a:avLst/>
                              <a:gdLst/>
                              <a:ahLst/>
                              <a:cxnLst/>
                              <a:rect l="l" t="t" r="r" b="b"/>
                              <a:pathLst>
                                <a:path w="61290" h="90488" extrusionOk="0">
                                  <a:moveTo>
                                    <a:pt x="34874" y="0"/>
                                  </a:moveTo>
                                  <a:cubicBezTo>
                                    <a:pt x="40310" y="0"/>
                                    <a:pt x="45250" y="965"/>
                                    <a:pt x="49708" y="2883"/>
                                  </a:cubicBezTo>
                                  <a:cubicBezTo>
                                    <a:pt x="54166" y="4813"/>
                                    <a:pt x="57912" y="7442"/>
                                    <a:pt x="60947" y="10757"/>
                                  </a:cubicBezTo>
                                  <a:lnTo>
                                    <a:pt x="51054" y="21018"/>
                                  </a:lnTo>
                                  <a:cubicBezTo>
                                    <a:pt x="49213" y="18669"/>
                                    <a:pt x="46787" y="16776"/>
                                    <a:pt x="43752" y="15316"/>
                                  </a:cubicBezTo>
                                  <a:cubicBezTo>
                                    <a:pt x="40716" y="13881"/>
                                    <a:pt x="37465" y="13157"/>
                                    <a:pt x="34011" y="13157"/>
                                  </a:cubicBezTo>
                                  <a:cubicBezTo>
                                    <a:pt x="30112" y="13157"/>
                                    <a:pt x="26784" y="14135"/>
                                    <a:pt x="24028" y="16128"/>
                                  </a:cubicBezTo>
                                  <a:cubicBezTo>
                                    <a:pt x="21273" y="18110"/>
                                    <a:pt x="19876" y="20968"/>
                                    <a:pt x="19876" y="24702"/>
                                  </a:cubicBezTo>
                                  <a:cubicBezTo>
                                    <a:pt x="19876" y="26632"/>
                                    <a:pt x="20231" y="28257"/>
                                    <a:pt x="20930" y="29604"/>
                                  </a:cubicBezTo>
                                  <a:cubicBezTo>
                                    <a:pt x="21641" y="30937"/>
                                    <a:pt x="22670" y="32093"/>
                                    <a:pt x="24028" y="33045"/>
                                  </a:cubicBezTo>
                                  <a:cubicBezTo>
                                    <a:pt x="25387" y="34010"/>
                                    <a:pt x="27026" y="34887"/>
                                    <a:pt x="28982" y="35699"/>
                                  </a:cubicBezTo>
                                  <a:cubicBezTo>
                                    <a:pt x="30912" y="36499"/>
                                    <a:pt x="33134" y="37274"/>
                                    <a:pt x="35623" y="38023"/>
                                  </a:cubicBezTo>
                                  <a:cubicBezTo>
                                    <a:pt x="38672" y="38989"/>
                                    <a:pt x="41720" y="40106"/>
                                    <a:pt x="44806" y="41389"/>
                                  </a:cubicBezTo>
                                  <a:cubicBezTo>
                                    <a:pt x="47879" y="42672"/>
                                    <a:pt x="50660" y="44285"/>
                                    <a:pt x="53086" y="46215"/>
                                  </a:cubicBezTo>
                                  <a:cubicBezTo>
                                    <a:pt x="55525" y="48133"/>
                                    <a:pt x="57493" y="50520"/>
                                    <a:pt x="59017" y="53353"/>
                                  </a:cubicBezTo>
                                  <a:cubicBezTo>
                                    <a:pt x="60528" y="56185"/>
                                    <a:pt x="61290" y="59639"/>
                                    <a:pt x="61290" y="63703"/>
                                  </a:cubicBezTo>
                                  <a:cubicBezTo>
                                    <a:pt x="61290" y="68287"/>
                                    <a:pt x="60477" y="72275"/>
                                    <a:pt x="58839" y="75641"/>
                                  </a:cubicBezTo>
                                  <a:cubicBezTo>
                                    <a:pt x="57214" y="79019"/>
                                    <a:pt x="54991" y="81800"/>
                                    <a:pt x="52159" y="83985"/>
                                  </a:cubicBezTo>
                                  <a:cubicBezTo>
                                    <a:pt x="49340" y="86169"/>
                                    <a:pt x="46076" y="87808"/>
                                    <a:pt x="42380" y="88874"/>
                                  </a:cubicBezTo>
                                  <a:cubicBezTo>
                                    <a:pt x="38684" y="89941"/>
                                    <a:pt x="34709" y="90488"/>
                                    <a:pt x="30480" y="90488"/>
                                  </a:cubicBezTo>
                                  <a:cubicBezTo>
                                    <a:pt x="24283" y="90488"/>
                                    <a:pt x="18491" y="89306"/>
                                    <a:pt x="13132" y="86944"/>
                                  </a:cubicBezTo>
                                  <a:cubicBezTo>
                                    <a:pt x="7747" y="84595"/>
                                    <a:pt x="3366" y="81343"/>
                                    <a:pt x="0" y="77177"/>
                                  </a:cubicBezTo>
                                  <a:lnTo>
                                    <a:pt x="10757" y="67386"/>
                                  </a:lnTo>
                                  <a:cubicBezTo>
                                    <a:pt x="13360" y="70803"/>
                                    <a:pt x="16523" y="73254"/>
                                    <a:pt x="20206" y="74752"/>
                                  </a:cubicBezTo>
                                  <a:cubicBezTo>
                                    <a:pt x="23902" y="76250"/>
                                    <a:pt x="27432" y="77012"/>
                                    <a:pt x="30798" y="77012"/>
                                  </a:cubicBezTo>
                                  <a:cubicBezTo>
                                    <a:pt x="34925" y="77012"/>
                                    <a:pt x="38481" y="76073"/>
                                    <a:pt x="41478" y="74193"/>
                                  </a:cubicBezTo>
                                  <a:cubicBezTo>
                                    <a:pt x="44476" y="72339"/>
                                    <a:pt x="45962" y="69469"/>
                                    <a:pt x="45962" y="65621"/>
                                  </a:cubicBezTo>
                                  <a:cubicBezTo>
                                    <a:pt x="45962" y="61354"/>
                                    <a:pt x="44310" y="58141"/>
                                    <a:pt x="40996" y="55994"/>
                                  </a:cubicBezTo>
                                  <a:cubicBezTo>
                                    <a:pt x="37668" y="53860"/>
                                    <a:pt x="32969" y="51867"/>
                                    <a:pt x="26886" y="50050"/>
                                  </a:cubicBezTo>
                                  <a:cubicBezTo>
                                    <a:pt x="24067" y="49199"/>
                                    <a:pt x="21298" y="48184"/>
                                    <a:pt x="18580" y="47015"/>
                                  </a:cubicBezTo>
                                  <a:cubicBezTo>
                                    <a:pt x="15862" y="45834"/>
                                    <a:pt x="13437" y="44335"/>
                                    <a:pt x="11316" y="42519"/>
                                  </a:cubicBezTo>
                                  <a:cubicBezTo>
                                    <a:pt x="9220" y="40691"/>
                                    <a:pt x="7493" y="38455"/>
                                    <a:pt x="6185" y="35775"/>
                                  </a:cubicBezTo>
                                  <a:cubicBezTo>
                                    <a:pt x="4890" y="33109"/>
                                    <a:pt x="4229" y="29781"/>
                                    <a:pt x="4229" y="25844"/>
                                  </a:cubicBezTo>
                                  <a:cubicBezTo>
                                    <a:pt x="4229" y="21450"/>
                                    <a:pt x="5106" y="17628"/>
                                    <a:pt x="6845" y="14351"/>
                                  </a:cubicBezTo>
                                  <a:cubicBezTo>
                                    <a:pt x="8573" y="11099"/>
                                    <a:pt x="10884" y="8395"/>
                                    <a:pt x="13779" y="6261"/>
                                  </a:cubicBezTo>
                                  <a:cubicBezTo>
                                    <a:pt x="16650" y="4114"/>
                                    <a:pt x="19926" y="2540"/>
                                    <a:pt x="23622" y="1524"/>
                                  </a:cubicBezTo>
                                  <a:cubicBezTo>
                                    <a:pt x="27318" y="520"/>
                                    <a:pt x="31090" y="0"/>
                                    <a:pt x="34874" y="0"/>
                                  </a:cubicBezTo>
                                  <a:close/>
                                </a:path>
                              </a:pathLst>
                            </a:custGeom>
                            <a:solidFill>
                              <a:srgbClr val="FFFEFD"/>
                            </a:solidFill>
                            <a:ln>
                              <a:noFill/>
                            </a:ln>
                          </wps:spPr>
                          <wps:txbx>
                            <w:txbxContent>
                              <w:p w14:paraId="2B5174E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41" name="Freeform: Shape 41"/>
                          <wps:cNvSpPr/>
                          <wps:spPr>
                            <a:xfrm>
                              <a:off x="2882938" y="412179"/>
                              <a:ext cx="61290" cy="90488"/>
                            </a:xfrm>
                            <a:custGeom>
                              <a:avLst/>
                              <a:gdLst/>
                              <a:ahLst/>
                              <a:cxnLst/>
                              <a:rect l="l" t="t" r="r" b="b"/>
                              <a:pathLst>
                                <a:path w="61290" h="90488" extrusionOk="0">
                                  <a:moveTo>
                                    <a:pt x="34874" y="0"/>
                                  </a:moveTo>
                                  <a:cubicBezTo>
                                    <a:pt x="40310" y="0"/>
                                    <a:pt x="45263" y="965"/>
                                    <a:pt x="49721" y="2883"/>
                                  </a:cubicBezTo>
                                  <a:cubicBezTo>
                                    <a:pt x="54166" y="4813"/>
                                    <a:pt x="57912" y="7442"/>
                                    <a:pt x="60960" y="10757"/>
                                  </a:cubicBezTo>
                                  <a:lnTo>
                                    <a:pt x="51054" y="21018"/>
                                  </a:lnTo>
                                  <a:cubicBezTo>
                                    <a:pt x="49225" y="18669"/>
                                    <a:pt x="46774" y="16776"/>
                                    <a:pt x="43752" y="15316"/>
                                  </a:cubicBezTo>
                                  <a:cubicBezTo>
                                    <a:pt x="40729" y="13881"/>
                                    <a:pt x="37465" y="13157"/>
                                    <a:pt x="34011" y="13157"/>
                                  </a:cubicBezTo>
                                  <a:cubicBezTo>
                                    <a:pt x="30112" y="13157"/>
                                    <a:pt x="26784" y="14135"/>
                                    <a:pt x="24028" y="16128"/>
                                  </a:cubicBezTo>
                                  <a:cubicBezTo>
                                    <a:pt x="21260" y="18110"/>
                                    <a:pt x="19876" y="20968"/>
                                    <a:pt x="19876" y="24702"/>
                                  </a:cubicBezTo>
                                  <a:cubicBezTo>
                                    <a:pt x="19876" y="26632"/>
                                    <a:pt x="20231" y="28257"/>
                                    <a:pt x="20930" y="29604"/>
                                  </a:cubicBezTo>
                                  <a:cubicBezTo>
                                    <a:pt x="21641" y="30937"/>
                                    <a:pt x="22670" y="32093"/>
                                    <a:pt x="24028" y="33045"/>
                                  </a:cubicBezTo>
                                  <a:cubicBezTo>
                                    <a:pt x="25375" y="34010"/>
                                    <a:pt x="27013" y="34887"/>
                                    <a:pt x="28969" y="35699"/>
                                  </a:cubicBezTo>
                                  <a:cubicBezTo>
                                    <a:pt x="30937" y="36499"/>
                                    <a:pt x="33134" y="37274"/>
                                    <a:pt x="35624" y="38023"/>
                                  </a:cubicBezTo>
                                  <a:cubicBezTo>
                                    <a:pt x="38672" y="38989"/>
                                    <a:pt x="41720" y="40106"/>
                                    <a:pt x="44806" y="41389"/>
                                  </a:cubicBezTo>
                                  <a:cubicBezTo>
                                    <a:pt x="47879" y="42672"/>
                                    <a:pt x="50660" y="44285"/>
                                    <a:pt x="53086" y="46215"/>
                                  </a:cubicBezTo>
                                  <a:cubicBezTo>
                                    <a:pt x="55525" y="48133"/>
                                    <a:pt x="57493" y="50520"/>
                                    <a:pt x="59017" y="53353"/>
                                  </a:cubicBezTo>
                                  <a:cubicBezTo>
                                    <a:pt x="60516" y="56185"/>
                                    <a:pt x="61290" y="59639"/>
                                    <a:pt x="61290" y="63703"/>
                                  </a:cubicBezTo>
                                  <a:cubicBezTo>
                                    <a:pt x="61290" y="68287"/>
                                    <a:pt x="60465" y="72275"/>
                                    <a:pt x="58852" y="75641"/>
                                  </a:cubicBezTo>
                                  <a:cubicBezTo>
                                    <a:pt x="57214" y="79019"/>
                                    <a:pt x="54991" y="81800"/>
                                    <a:pt x="52159" y="83985"/>
                                  </a:cubicBezTo>
                                  <a:cubicBezTo>
                                    <a:pt x="49340" y="86169"/>
                                    <a:pt x="46076" y="87808"/>
                                    <a:pt x="42393" y="88874"/>
                                  </a:cubicBezTo>
                                  <a:cubicBezTo>
                                    <a:pt x="38684" y="89941"/>
                                    <a:pt x="34722" y="90488"/>
                                    <a:pt x="30480" y="90488"/>
                                  </a:cubicBezTo>
                                  <a:cubicBezTo>
                                    <a:pt x="24295" y="90488"/>
                                    <a:pt x="18492" y="89306"/>
                                    <a:pt x="13132" y="86944"/>
                                  </a:cubicBezTo>
                                  <a:cubicBezTo>
                                    <a:pt x="7747" y="84595"/>
                                    <a:pt x="3366" y="81343"/>
                                    <a:pt x="0" y="77177"/>
                                  </a:cubicBezTo>
                                  <a:lnTo>
                                    <a:pt x="10744" y="67386"/>
                                  </a:lnTo>
                                  <a:cubicBezTo>
                                    <a:pt x="13360" y="70803"/>
                                    <a:pt x="16523" y="73254"/>
                                    <a:pt x="20219" y="74752"/>
                                  </a:cubicBezTo>
                                  <a:cubicBezTo>
                                    <a:pt x="23914" y="76250"/>
                                    <a:pt x="27432" y="77012"/>
                                    <a:pt x="30810" y="77012"/>
                                  </a:cubicBezTo>
                                  <a:cubicBezTo>
                                    <a:pt x="34925" y="77012"/>
                                    <a:pt x="38481" y="76073"/>
                                    <a:pt x="41478" y="74193"/>
                                  </a:cubicBezTo>
                                  <a:cubicBezTo>
                                    <a:pt x="44476" y="72339"/>
                                    <a:pt x="45962" y="69469"/>
                                    <a:pt x="45962" y="65621"/>
                                  </a:cubicBezTo>
                                  <a:cubicBezTo>
                                    <a:pt x="45962" y="61354"/>
                                    <a:pt x="44310" y="58141"/>
                                    <a:pt x="40996" y="55994"/>
                                  </a:cubicBezTo>
                                  <a:cubicBezTo>
                                    <a:pt x="37694" y="53860"/>
                                    <a:pt x="32969" y="51867"/>
                                    <a:pt x="26899" y="50050"/>
                                  </a:cubicBezTo>
                                  <a:cubicBezTo>
                                    <a:pt x="24067" y="49199"/>
                                    <a:pt x="21298" y="48184"/>
                                    <a:pt x="18580" y="47015"/>
                                  </a:cubicBezTo>
                                  <a:cubicBezTo>
                                    <a:pt x="15875" y="45834"/>
                                    <a:pt x="13450" y="44335"/>
                                    <a:pt x="11316" y="42519"/>
                                  </a:cubicBezTo>
                                  <a:cubicBezTo>
                                    <a:pt x="9208" y="40691"/>
                                    <a:pt x="7493" y="38455"/>
                                    <a:pt x="6185" y="35775"/>
                                  </a:cubicBezTo>
                                  <a:cubicBezTo>
                                    <a:pt x="4890" y="33109"/>
                                    <a:pt x="4229" y="29781"/>
                                    <a:pt x="4229" y="25844"/>
                                  </a:cubicBezTo>
                                  <a:cubicBezTo>
                                    <a:pt x="4229" y="21450"/>
                                    <a:pt x="5106" y="17628"/>
                                    <a:pt x="6845" y="14351"/>
                                  </a:cubicBezTo>
                                  <a:cubicBezTo>
                                    <a:pt x="8573" y="11099"/>
                                    <a:pt x="10884" y="8395"/>
                                    <a:pt x="13780" y="6261"/>
                                  </a:cubicBezTo>
                                  <a:cubicBezTo>
                                    <a:pt x="16650" y="4114"/>
                                    <a:pt x="19926" y="2540"/>
                                    <a:pt x="23647" y="1524"/>
                                  </a:cubicBezTo>
                                  <a:cubicBezTo>
                                    <a:pt x="27318" y="520"/>
                                    <a:pt x="31077" y="0"/>
                                    <a:pt x="34874" y="0"/>
                                  </a:cubicBezTo>
                                  <a:close/>
                                </a:path>
                              </a:pathLst>
                            </a:custGeom>
                            <a:solidFill>
                              <a:srgbClr val="FFFEFD"/>
                            </a:solidFill>
                            <a:ln>
                              <a:noFill/>
                            </a:ln>
                          </wps:spPr>
                          <wps:txbx>
                            <w:txbxContent>
                              <w:p w14:paraId="52668AB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42" name="Freeform: Shape 42"/>
                          <wps:cNvSpPr/>
                          <wps:spPr>
                            <a:xfrm>
                              <a:off x="3417278" y="414579"/>
                              <a:ext cx="31452" cy="85827"/>
                            </a:xfrm>
                            <a:custGeom>
                              <a:avLst/>
                              <a:gdLst/>
                              <a:ahLst/>
                              <a:cxnLst/>
                              <a:rect l="l" t="t" r="r" b="b"/>
                              <a:pathLst>
                                <a:path w="31452" h="85827" extrusionOk="0">
                                  <a:moveTo>
                                    <a:pt x="0" y="0"/>
                                  </a:moveTo>
                                  <a:lnTo>
                                    <a:pt x="31039" y="0"/>
                                  </a:lnTo>
                                  <a:lnTo>
                                    <a:pt x="31452" y="41"/>
                                  </a:lnTo>
                                  <a:lnTo>
                                    <a:pt x="31452" y="12772"/>
                                  </a:lnTo>
                                  <a:lnTo>
                                    <a:pt x="30137" y="12675"/>
                                  </a:lnTo>
                                  <a:lnTo>
                                    <a:pt x="15646" y="12675"/>
                                  </a:lnTo>
                                  <a:lnTo>
                                    <a:pt x="15646" y="36919"/>
                                  </a:lnTo>
                                  <a:lnTo>
                                    <a:pt x="29172" y="36919"/>
                                  </a:lnTo>
                                  <a:lnTo>
                                    <a:pt x="31452" y="36704"/>
                                  </a:lnTo>
                                  <a:lnTo>
                                    <a:pt x="31452" y="55508"/>
                                  </a:lnTo>
                                  <a:lnTo>
                                    <a:pt x="28130" y="49581"/>
                                  </a:lnTo>
                                  <a:lnTo>
                                    <a:pt x="15646" y="49581"/>
                                  </a:lnTo>
                                  <a:lnTo>
                                    <a:pt x="15646" y="85827"/>
                                  </a:lnTo>
                                  <a:lnTo>
                                    <a:pt x="0" y="85827"/>
                                  </a:lnTo>
                                  <a:lnTo>
                                    <a:pt x="0" y="0"/>
                                  </a:lnTo>
                                  <a:close/>
                                </a:path>
                              </a:pathLst>
                            </a:custGeom>
                            <a:solidFill>
                              <a:srgbClr val="FFFEFD"/>
                            </a:solidFill>
                            <a:ln>
                              <a:noFill/>
                            </a:ln>
                          </wps:spPr>
                          <wps:bodyPr spcFirstLastPara="1" wrap="square" lIns="91425" tIns="91425" rIns="91425" bIns="91425" anchor="ctr" anchorCtr="0">
                            <a:noAutofit/>
                          </wps:bodyPr>
                        </wps:wsp>
                        <wps:wsp>
                          <wps:cNvPr id="43" name="Freeform: Shape 43"/>
                          <wps:cNvSpPr/>
                          <wps:spPr>
                            <a:xfrm>
                              <a:off x="3328099" y="414579"/>
                              <a:ext cx="60147" cy="85827"/>
                            </a:xfrm>
                            <a:custGeom>
                              <a:avLst/>
                              <a:gdLst/>
                              <a:ahLst/>
                              <a:cxnLst/>
                              <a:rect l="l" t="t" r="r" b="b"/>
                              <a:pathLst>
                                <a:path w="60147" h="85827" extrusionOk="0">
                                  <a:moveTo>
                                    <a:pt x="0" y="0"/>
                                  </a:moveTo>
                                  <a:lnTo>
                                    <a:pt x="58191" y="0"/>
                                  </a:lnTo>
                                  <a:lnTo>
                                    <a:pt x="58191" y="12675"/>
                                  </a:lnTo>
                                  <a:lnTo>
                                    <a:pt x="15646" y="12675"/>
                                  </a:lnTo>
                                  <a:lnTo>
                                    <a:pt x="15646" y="35293"/>
                                  </a:lnTo>
                                  <a:lnTo>
                                    <a:pt x="55918" y="35293"/>
                                  </a:lnTo>
                                  <a:lnTo>
                                    <a:pt x="55918" y="47651"/>
                                  </a:lnTo>
                                  <a:lnTo>
                                    <a:pt x="15646" y="47651"/>
                                  </a:lnTo>
                                  <a:lnTo>
                                    <a:pt x="15646" y="72847"/>
                                  </a:lnTo>
                                  <a:lnTo>
                                    <a:pt x="60147" y="72847"/>
                                  </a:lnTo>
                                  <a:lnTo>
                                    <a:pt x="60147" y="85827"/>
                                  </a:lnTo>
                                  <a:lnTo>
                                    <a:pt x="0" y="85827"/>
                                  </a:lnTo>
                                  <a:lnTo>
                                    <a:pt x="0" y="0"/>
                                  </a:lnTo>
                                  <a:close/>
                                </a:path>
                              </a:pathLst>
                            </a:custGeom>
                            <a:solidFill>
                              <a:srgbClr val="FFFEFD"/>
                            </a:solidFill>
                            <a:ln>
                              <a:noFill/>
                            </a:ln>
                          </wps:spPr>
                          <wps:bodyPr spcFirstLastPara="1" wrap="square" lIns="91425" tIns="91425" rIns="91425" bIns="91425" anchor="ctr" anchorCtr="0">
                            <a:noAutofit/>
                          </wps:bodyPr>
                        </wps:wsp>
                        <wps:wsp>
                          <wps:cNvPr id="44" name="Freeform: Shape 44"/>
                          <wps:cNvSpPr/>
                          <wps:spPr>
                            <a:xfrm>
                              <a:off x="3220847" y="414413"/>
                              <a:ext cx="73343" cy="85992"/>
                            </a:xfrm>
                            <a:custGeom>
                              <a:avLst/>
                              <a:gdLst/>
                              <a:ahLst/>
                              <a:cxnLst/>
                              <a:rect l="l" t="t" r="r" b="b"/>
                              <a:pathLst>
                                <a:path w="73343" h="85992" extrusionOk="0">
                                  <a:moveTo>
                                    <a:pt x="0" y="0"/>
                                  </a:moveTo>
                                  <a:lnTo>
                                    <a:pt x="18910" y="0"/>
                                  </a:lnTo>
                                  <a:lnTo>
                                    <a:pt x="57861" y="65151"/>
                                  </a:lnTo>
                                  <a:lnTo>
                                    <a:pt x="58204" y="65151"/>
                                  </a:lnTo>
                                  <a:lnTo>
                                    <a:pt x="58204" y="0"/>
                                  </a:lnTo>
                                  <a:lnTo>
                                    <a:pt x="73343" y="0"/>
                                  </a:lnTo>
                                  <a:lnTo>
                                    <a:pt x="73343" y="85992"/>
                                  </a:lnTo>
                                  <a:lnTo>
                                    <a:pt x="54775" y="85992"/>
                                  </a:lnTo>
                                  <a:lnTo>
                                    <a:pt x="15482" y="21184"/>
                                  </a:lnTo>
                                  <a:lnTo>
                                    <a:pt x="15164" y="21184"/>
                                  </a:lnTo>
                                  <a:lnTo>
                                    <a:pt x="15164" y="85992"/>
                                  </a:lnTo>
                                  <a:lnTo>
                                    <a:pt x="0" y="85992"/>
                                  </a:lnTo>
                                  <a:lnTo>
                                    <a:pt x="0" y="0"/>
                                  </a:lnTo>
                                  <a:close/>
                                </a:path>
                              </a:pathLst>
                            </a:custGeom>
                            <a:solidFill>
                              <a:srgbClr val="FFFEFD"/>
                            </a:solidFill>
                            <a:ln>
                              <a:noFill/>
                            </a:ln>
                          </wps:spPr>
                          <wps:bodyPr spcFirstLastPara="1" wrap="square" lIns="91425" tIns="91425" rIns="91425" bIns="91425" anchor="ctr" anchorCtr="0">
                            <a:noAutofit/>
                          </wps:bodyPr>
                        </wps:wsp>
                        <wps:wsp>
                          <wps:cNvPr id="45" name="Freeform: Shape 45"/>
                          <wps:cNvSpPr/>
                          <wps:spPr>
                            <a:xfrm>
                              <a:off x="3145136" y="412225"/>
                              <a:ext cx="47022" cy="90395"/>
                            </a:xfrm>
                            <a:custGeom>
                              <a:avLst/>
                              <a:gdLst/>
                              <a:ahLst/>
                              <a:cxnLst/>
                              <a:rect l="l" t="t" r="r" b="b"/>
                              <a:pathLst>
                                <a:path w="47022" h="90395" extrusionOk="0">
                                  <a:moveTo>
                                    <a:pt x="0" y="0"/>
                                  </a:moveTo>
                                  <a:lnTo>
                                    <a:pt x="18510" y="3256"/>
                                  </a:lnTo>
                                  <a:cubicBezTo>
                                    <a:pt x="24251" y="5441"/>
                                    <a:pt x="29254" y="8489"/>
                                    <a:pt x="33496" y="12374"/>
                                  </a:cubicBezTo>
                                  <a:cubicBezTo>
                                    <a:pt x="37725" y="16299"/>
                                    <a:pt x="41040" y="21023"/>
                                    <a:pt x="43428" y="26586"/>
                                  </a:cubicBezTo>
                                  <a:cubicBezTo>
                                    <a:pt x="45815" y="32148"/>
                                    <a:pt x="47022" y="38295"/>
                                    <a:pt x="47022" y="45039"/>
                                  </a:cubicBezTo>
                                  <a:cubicBezTo>
                                    <a:pt x="47022" y="51668"/>
                                    <a:pt x="45815" y="57765"/>
                                    <a:pt x="43428" y="63327"/>
                                  </a:cubicBezTo>
                                  <a:cubicBezTo>
                                    <a:pt x="41040" y="68890"/>
                                    <a:pt x="37725" y="73678"/>
                                    <a:pt x="33496" y="77691"/>
                                  </a:cubicBezTo>
                                  <a:cubicBezTo>
                                    <a:pt x="29254" y="81691"/>
                                    <a:pt x="24251" y="84828"/>
                                    <a:pt x="18510" y="87064"/>
                                  </a:cubicBezTo>
                                  <a:lnTo>
                                    <a:pt x="0" y="90395"/>
                                  </a:lnTo>
                                  <a:lnTo>
                                    <a:pt x="0" y="76752"/>
                                  </a:lnTo>
                                  <a:lnTo>
                                    <a:pt x="12389" y="74402"/>
                                  </a:lnTo>
                                  <a:cubicBezTo>
                                    <a:pt x="16135" y="72788"/>
                                    <a:pt x="19336" y="70579"/>
                                    <a:pt x="22003" y="67734"/>
                                  </a:cubicBezTo>
                                  <a:cubicBezTo>
                                    <a:pt x="24657" y="64901"/>
                                    <a:pt x="26689" y="61536"/>
                                    <a:pt x="28124" y="57624"/>
                                  </a:cubicBezTo>
                                  <a:cubicBezTo>
                                    <a:pt x="29521" y="53738"/>
                                    <a:pt x="30245" y="49535"/>
                                    <a:pt x="30245" y="45039"/>
                                  </a:cubicBezTo>
                                  <a:cubicBezTo>
                                    <a:pt x="30245" y="40556"/>
                                    <a:pt x="29521" y="36403"/>
                                    <a:pt x="28124" y="32606"/>
                                  </a:cubicBezTo>
                                  <a:cubicBezTo>
                                    <a:pt x="26689" y="28808"/>
                                    <a:pt x="24657" y="25494"/>
                                    <a:pt x="22003" y="22649"/>
                                  </a:cubicBezTo>
                                  <a:cubicBezTo>
                                    <a:pt x="19336" y="19817"/>
                                    <a:pt x="16135" y="17594"/>
                                    <a:pt x="12389" y="16007"/>
                                  </a:cubicBezTo>
                                  <a:lnTo>
                                    <a:pt x="0" y="13656"/>
                                  </a:lnTo>
                                  <a:lnTo>
                                    <a:pt x="0" y="0"/>
                                  </a:lnTo>
                                  <a:close/>
                                </a:path>
                              </a:pathLst>
                            </a:custGeom>
                            <a:solidFill>
                              <a:srgbClr val="FFFEFD"/>
                            </a:solidFill>
                            <a:ln>
                              <a:noFill/>
                            </a:ln>
                          </wps:spPr>
                          <wps:txbx>
                            <w:txbxContent>
                              <w:p w14:paraId="6AFFA6DE"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46" name="Freeform: Shape 46"/>
                          <wps:cNvSpPr/>
                          <wps:spPr>
                            <a:xfrm>
                              <a:off x="3448730" y="414619"/>
                              <a:ext cx="35096" cy="85786"/>
                            </a:xfrm>
                            <a:custGeom>
                              <a:avLst/>
                              <a:gdLst/>
                              <a:ahLst/>
                              <a:cxnLst/>
                              <a:rect l="l" t="t" r="r" b="b"/>
                              <a:pathLst>
                                <a:path w="35096" h="85786" extrusionOk="0">
                                  <a:moveTo>
                                    <a:pt x="0" y="0"/>
                                  </a:moveTo>
                                  <a:lnTo>
                                    <a:pt x="11855" y="1166"/>
                                  </a:lnTo>
                                  <a:cubicBezTo>
                                    <a:pt x="15704" y="1954"/>
                                    <a:pt x="19095" y="3275"/>
                                    <a:pt x="22015" y="5078"/>
                                  </a:cubicBezTo>
                                  <a:cubicBezTo>
                                    <a:pt x="24949" y="6894"/>
                                    <a:pt x="27261" y="9345"/>
                                    <a:pt x="28924" y="12431"/>
                                  </a:cubicBezTo>
                                  <a:cubicBezTo>
                                    <a:pt x="30626" y="15517"/>
                                    <a:pt x="31452" y="19302"/>
                                    <a:pt x="31452" y="23772"/>
                                  </a:cubicBezTo>
                                  <a:cubicBezTo>
                                    <a:pt x="31452" y="30058"/>
                                    <a:pt x="29699" y="35177"/>
                                    <a:pt x="26169" y="39114"/>
                                  </a:cubicBezTo>
                                  <a:cubicBezTo>
                                    <a:pt x="22638" y="43064"/>
                                    <a:pt x="18078" y="45768"/>
                                    <a:pt x="12427" y="47267"/>
                                  </a:cubicBezTo>
                                  <a:lnTo>
                                    <a:pt x="35096" y="85786"/>
                                  </a:lnTo>
                                  <a:lnTo>
                                    <a:pt x="16986" y="85786"/>
                                  </a:lnTo>
                                  <a:lnTo>
                                    <a:pt x="0" y="55468"/>
                                  </a:lnTo>
                                  <a:lnTo>
                                    <a:pt x="0" y="36663"/>
                                  </a:lnTo>
                                  <a:lnTo>
                                    <a:pt x="4578" y="36231"/>
                                  </a:lnTo>
                                  <a:cubicBezTo>
                                    <a:pt x="6725" y="35799"/>
                                    <a:pt x="8668" y="35075"/>
                                    <a:pt x="10357" y="34072"/>
                                  </a:cubicBezTo>
                                  <a:cubicBezTo>
                                    <a:pt x="12033" y="33068"/>
                                    <a:pt x="13367" y="31773"/>
                                    <a:pt x="14357" y="30173"/>
                                  </a:cubicBezTo>
                                  <a:cubicBezTo>
                                    <a:pt x="15323" y="28586"/>
                                    <a:pt x="15805" y="26553"/>
                                    <a:pt x="15805" y="24128"/>
                                  </a:cubicBezTo>
                                  <a:cubicBezTo>
                                    <a:pt x="15805" y="21880"/>
                                    <a:pt x="15361" y="20026"/>
                                    <a:pt x="14421" y="18540"/>
                                  </a:cubicBezTo>
                                  <a:cubicBezTo>
                                    <a:pt x="13494" y="17041"/>
                                    <a:pt x="12249" y="15860"/>
                                    <a:pt x="10675" y="14958"/>
                                  </a:cubicBezTo>
                                  <a:cubicBezTo>
                                    <a:pt x="9099" y="14057"/>
                                    <a:pt x="7284" y="13447"/>
                                    <a:pt x="5226" y="13117"/>
                                  </a:cubicBezTo>
                                  <a:lnTo>
                                    <a:pt x="0" y="12731"/>
                                  </a:lnTo>
                                  <a:lnTo>
                                    <a:pt x="0" y="0"/>
                                  </a:lnTo>
                                  <a:close/>
                                </a:path>
                              </a:pathLst>
                            </a:custGeom>
                            <a:solidFill>
                              <a:srgbClr val="FFFEFD"/>
                            </a:solidFill>
                            <a:ln>
                              <a:noFill/>
                            </a:ln>
                          </wps:spPr>
                          <wps:txbx>
                            <w:txbxContent>
                              <w:p w14:paraId="737845A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47" name="Freeform: Shape 47"/>
                          <wps:cNvSpPr/>
                          <wps:spPr>
                            <a:xfrm>
                              <a:off x="3501212" y="412179"/>
                              <a:ext cx="61290" cy="90488"/>
                            </a:xfrm>
                            <a:custGeom>
                              <a:avLst/>
                              <a:gdLst/>
                              <a:ahLst/>
                              <a:cxnLst/>
                              <a:rect l="l" t="t" r="r" b="b"/>
                              <a:pathLst>
                                <a:path w="61290" h="90488" extrusionOk="0">
                                  <a:moveTo>
                                    <a:pt x="34899" y="0"/>
                                  </a:moveTo>
                                  <a:cubicBezTo>
                                    <a:pt x="40335" y="0"/>
                                    <a:pt x="45263" y="965"/>
                                    <a:pt x="49721" y="2883"/>
                                  </a:cubicBezTo>
                                  <a:cubicBezTo>
                                    <a:pt x="54165" y="4813"/>
                                    <a:pt x="57925" y="7442"/>
                                    <a:pt x="60973" y="10757"/>
                                  </a:cubicBezTo>
                                  <a:lnTo>
                                    <a:pt x="51054" y="21018"/>
                                  </a:lnTo>
                                  <a:cubicBezTo>
                                    <a:pt x="49225" y="18669"/>
                                    <a:pt x="46787" y="16776"/>
                                    <a:pt x="43752" y="15316"/>
                                  </a:cubicBezTo>
                                  <a:cubicBezTo>
                                    <a:pt x="40729" y="13881"/>
                                    <a:pt x="37490" y="13157"/>
                                    <a:pt x="34011" y="13157"/>
                                  </a:cubicBezTo>
                                  <a:cubicBezTo>
                                    <a:pt x="30112" y="13157"/>
                                    <a:pt x="26784" y="14135"/>
                                    <a:pt x="24028" y="16128"/>
                                  </a:cubicBezTo>
                                  <a:cubicBezTo>
                                    <a:pt x="21272" y="18110"/>
                                    <a:pt x="19901" y="20968"/>
                                    <a:pt x="19901" y="24702"/>
                                  </a:cubicBezTo>
                                  <a:cubicBezTo>
                                    <a:pt x="19901" y="26632"/>
                                    <a:pt x="20244" y="28257"/>
                                    <a:pt x="20955" y="29604"/>
                                  </a:cubicBezTo>
                                  <a:cubicBezTo>
                                    <a:pt x="21653" y="30937"/>
                                    <a:pt x="22670" y="32093"/>
                                    <a:pt x="24028" y="33045"/>
                                  </a:cubicBezTo>
                                  <a:cubicBezTo>
                                    <a:pt x="25374" y="34010"/>
                                    <a:pt x="27038" y="34887"/>
                                    <a:pt x="28981" y="35699"/>
                                  </a:cubicBezTo>
                                  <a:cubicBezTo>
                                    <a:pt x="30937" y="36499"/>
                                    <a:pt x="33160" y="37274"/>
                                    <a:pt x="35649" y="38023"/>
                                  </a:cubicBezTo>
                                  <a:cubicBezTo>
                                    <a:pt x="38671" y="38989"/>
                                    <a:pt x="41732" y="40106"/>
                                    <a:pt x="44805" y="41389"/>
                                  </a:cubicBezTo>
                                  <a:cubicBezTo>
                                    <a:pt x="47904" y="42672"/>
                                    <a:pt x="50660" y="44285"/>
                                    <a:pt x="53099" y="46215"/>
                                  </a:cubicBezTo>
                                  <a:cubicBezTo>
                                    <a:pt x="55525" y="48133"/>
                                    <a:pt x="57493" y="50520"/>
                                    <a:pt x="59017" y="53353"/>
                                  </a:cubicBezTo>
                                  <a:cubicBezTo>
                                    <a:pt x="60541" y="56185"/>
                                    <a:pt x="61290" y="59639"/>
                                    <a:pt x="61290" y="63703"/>
                                  </a:cubicBezTo>
                                  <a:cubicBezTo>
                                    <a:pt x="61290" y="68287"/>
                                    <a:pt x="60477" y="72275"/>
                                    <a:pt x="58852" y="75641"/>
                                  </a:cubicBezTo>
                                  <a:cubicBezTo>
                                    <a:pt x="57214" y="79019"/>
                                    <a:pt x="54991" y="81800"/>
                                    <a:pt x="52159" y="83985"/>
                                  </a:cubicBezTo>
                                  <a:cubicBezTo>
                                    <a:pt x="49340" y="86169"/>
                                    <a:pt x="46075" y="87808"/>
                                    <a:pt x="42392" y="88874"/>
                                  </a:cubicBezTo>
                                  <a:cubicBezTo>
                                    <a:pt x="38684" y="89941"/>
                                    <a:pt x="34722" y="90488"/>
                                    <a:pt x="30480" y="90488"/>
                                  </a:cubicBezTo>
                                  <a:cubicBezTo>
                                    <a:pt x="24295" y="90488"/>
                                    <a:pt x="18504" y="89306"/>
                                    <a:pt x="13132" y="86944"/>
                                  </a:cubicBezTo>
                                  <a:cubicBezTo>
                                    <a:pt x="7747" y="84595"/>
                                    <a:pt x="3365" y="81343"/>
                                    <a:pt x="0" y="77177"/>
                                  </a:cubicBezTo>
                                  <a:lnTo>
                                    <a:pt x="10769" y="67386"/>
                                  </a:lnTo>
                                  <a:cubicBezTo>
                                    <a:pt x="13373" y="70803"/>
                                    <a:pt x="16523" y="73254"/>
                                    <a:pt x="20219" y="74752"/>
                                  </a:cubicBezTo>
                                  <a:cubicBezTo>
                                    <a:pt x="23914" y="76250"/>
                                    <a:pt x="27432" y="77012"/>
                                    <a:pt x="30810" y="77012"/>
                                  </a:cubicBezTo>
                                  <a:cubicBezTo>
                                    <a:pt x="34950" y="77012"/>
                                    <a:pt x="38506" y="76073"/>
                                    <a:pt x="41478" y="74193"/>
                                  </a:cubicBezTo>
                                  <a:cubicBezTo>
                                    <a:pt x="44475" y="72339"/>
                                    <a:pt x="45974" y="69469"/>
                                    <a:pt x="45974" y="65621"/>
                                  </a:cubicBezTo>
                                  <a:cubicBezTo>
                                    <a:pt x="45974" y="61354"/>
                                    <a:pt x="44310" y="58141"/>
                                    <a:pt x="40996" y="55994"/>
                                  </a:cubicBezTo>
                                  <a:cubicBezTo>
                                    <a:pt x="37693" y="53860"/>
                                    <a:pt x="32994" y="51867"/>
                                    <a:pt x="26898" y="50050"/>
                                  </a:cubicBezTo>
                                  <a:cubicBezTo>
                                    <a:pt x="24079" y="49199"/>
                                    <a:pt x="21298" y="48184"/>
                                    <a:pt x="18593" y="47015"/>
                                  </a:cubicBezTo>
                                  <a:cubicBezTo>
                                    <a:pt x="15862" y="45834"/>
                                    <a:pt x="13449" y="44335"/>
                                    <a:pt x="11341" y="42519"/>
                                  </a:cubicBezTo>
                                  <a:cubicBezTo>
                                    <a:pt x="9208" y="40691"/>
                                    <a:pt x="7506" y="38455"/>
                                    <a:pt x="6210" y="35775"/>
                                  </a:cubicBezTo>
                                  <a:cubicBezTo>
                                    <a:pt x="4902" y="33109"/>
                                    <a:pt x="4254" y="29781"/>
                                    <a:pt x="4254" y="25844"/>
                                  </a:cubicBezTo>
                                  <a:cubicBezTo>
                                    <a:pt x="4254" y="21450"/>
                                    <a:pt x="5106" y="17628"/>
                                    <a:pt x="6858" y="14351"/>
                                  </a:cubicBezTo>
                                  <a:cubicBezTo>
                                    <a:pt x="8572" y="11099"/>
                                    <a:pt x="10897" y="8395"/>
                                    <a:pt x="13779" y="6261"/>
                                  </a:cubicBezTo>
                                  <a:cubicBezTo>
                                    <a:pt x="16650" y="4114"/>
                                    <a:pt x="19951" y="2540"/>
                                    <a:pt x="23647" y="1524"/>
                                  </a:cubicBezTo>
                                  <a:cubicBezTo>
                                    <a:pt x="27343" y="520"/>
                                    <a:pt x="31077" y="0"/>
                                    <a:pt x="34899" y="0"/>
                                  </a:cubicBezTo>
                                  <a:close/>
                                </a:path>
                              </a:pathLst>
                            </a:custGeom>
                            <a:solidFill>
                              <a:srgbClr val="FFFEFD"/>
                            </a:solidFill>
                            <a:ln>
                              <a:noFill/>
                            </a:ln>
                          </wps:spPr>
                          <wps:txbx>
                            <w:txbxContent>
                              <w:p w14:paraId="0151D5B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48" name="Freeform: Shape 48"/>
                          <wps:cNvSpPr/>
                          <wps:spPr>
                            <a:xfrm>
                              <a:off x="1596661" y="210242"/>
                              <a:ext cx="44101" cy="85992"/>
                            </a:xfrm>
                            <a:custGeom>
                              <a:avLst/>
                              <a:gdLst/>
                              <a:ahLst/>
                              <a:cxnLst/>
                              <a:rect l="l" t="t" r="r" b="b"/>
                              <a:pathLst>
                                <a:path w="44101" h="85992" extrusionOk="0">
                                  <a:moveTo>
                                    <a:pt x="37173" y="0"/>
                                  </a:moveTo>
                                  <a:lnTo>
                                    <a:pt x="44101" y="0"/>
                                  </a:lnTo>
                                  <a:lnTo>
                                    <a:pt x="44101" y="17825"/>
                                  </a:lnTo>
                                  <a:lnTo>
                                    <a:pt x="29515" y="53734"/>
                                  </a:lnTo>
                                  <a:lnTo>
                                    <a:pt x="44101" y="53734"/>
                                  </a:lnTo>
                                  <a:lnTo>
                                    <a:pt x="44101" y="66104"/>
                                  </a:lnTo>
                                  <a:lnTo>
                                    <a:pt x="24778" y="66104"/>
                                  </a:lnTo>
                                  <a:lnTo>
                                    <a:pt x="16472" y="85992"/>
                                  </a:lnTo>
                                  <a:lnTo>
                                    <a:pt x="0" y="85992"/>
                                  </a:lnTo>
                                  <a:lnTo>
                                    <a:pt x="37173" y="0"/>
                                  </a:lnTo>
                                  <a:close/>
                                </a:path>
                              </a:pathLst>
                            </a:custGeom>
                            <a:solidFill>
                              <a:srgbClr val="FFFEFD"/>
                            </a:solidFill>
                            <a:ln>
                              <a:noFill/>
                            </a:ln>
                          </wps:spPr>
                          <wps:bodyPr spcFirstLastPara="1" wrap="square" lIns="91425" tIns="91425" rIns="91425" bIns="91425" anchor="ctr" anchorCtr="0">
                            <a:noAutofit/>
                          </wps:bodyPr>
                        </wps:wsp>
                        <wps:wsp>
                          <wps:cNvPr id="49" name="Freeform: Shape 49"/>
                          <wps:cNvSpPr/>
                          <wps:spPr>
                            <a:xfrm>
                              <a:off x="1502604" y="210242"/>
                              <a:ext cx="73368" cy="85992"/>
                            </a:xfrm>
                            <a:custGeom>
                              <a:avLst/>
                              <a:gdLst/>
                              <a:ahLst/>
                              <a:cxnLst/>
                              <a:rect l="l" t="t" r="r" b="b"/>
                              <a:pathLst>
                                <a:path w="73368" h="85992" extrusionOk="0">
                                  <a:moveTo>
                                    <a:pt x="0" y="0"/>
                                  </a:moveTo>
                                  <a:lnTo>
                                    <a:pt x="18910" y="0"/>
                                  </a:lnTo>
                                  <a:lnTo>
                                    <a:pt x="57861" y="65138"/>
                                  </a:lnTo>
                                  <a:lnTo>
                                    <a:pt x="58204" y="65138"/>
                                  </a:lnTo>
                                  <a:lnTo>
                                    <a:pt x="58204" y="0"/>
                                  </a:lnTo>
                                  <a:lnTo>
                                    <a:pt x="73368" y="0"/>
                                  </a:lnTo>
                                  <a:lnTo>
                                    <a:pt x="73368" y="85992"/>
                                  </a:lnTo>
                                  <a:lnTo>
                                    <a:pt x="54775" y="85992"/>
                                  </a:lnTo>
                                  <a:lnTo>
                                    <a:pt x="15481" y="21171"/>
                                  </a:lnTo>
                                  <a:lnTo>
                                    <a:pt x="15164" y="21171"/>
                                  </a:lnTo>
                                  <a:lnTo>
                                    <a:pt x="15164" y="85992"/>
                                  </a:lnTo>
                                  <a:lnTo>
                                    <a:pt x="0" y="85992"/>
                                  </a:lnTo>
                                  <a:lnTo>
                                    <a:pt x="0" y="0"/>
                                  </a:lnTo>
                                  <a:close/>
                                </a:path>
                              </a:pathLst>
                            </a:custGeom>
                            <a:solidFill>
                              <a:srgbClr val="FFFEFD"/>
                            </a:solidFill>
                            <a:ln>
                              <a:noFill/>
                            </a:ln>
                          </wps:spPr>
                          <wps:bodyPr spcFirstLastPara="1" wrap="square" lIns="91425" tIns="91425" rIns="91425" bIns="91425" anchor="ctr" anchorCtr="0">
                            <a:noAutofit/>
                          </wps:bodyPr>
                        </wps:wsp>
                        <wps:wsp>
                          <wps:cNvPr id="50" name="Freeform: Shape 50"/>
                          <wps:cNvSpPr/>
                          <wps:spPr>
                            <a:xfrm>
                              <a:off x="1689739" y="210407"/>
                              <a:ext cx="69444" cy="85827"/>
                            </a:xfrm>
                            <a:custGeom>
                              <a:avLst/>
                              <a:gdLst/>
                              <a:ahLst/>
                              <a:cxnLst/>
                              <a:rect l="l" t="t" r="r" b="b"/>
                              <a:pathLst>
                                <a:path w="69444" h="85827" extrusionOk="0">
                                  <a:moveTo>
                                    <a:pt x="0" y="0"/>
                                  </a:moveTo>
                                  <a:lnTo>
                                    <a:pt x="69444" y="0"/>
                                  </a:lnTo>
                                  <a:lnTo>
                                    <a:pt x="69444" y="12675"/>
                                  </a:lnTo>
                                  <a:lnTo>
                                    <a:pt x="42380" y="12675"/>
                                  </a:lnTo>
                                  <a:lnTo>
                                    <a:pt x="42380" y="85827"/>
                                  </a:lnTo>
                                  <a:lnTo>
                                    <a:pt x="26733" y="85827"/>
                                  </a:lnTo>
                                  <a:lnTo>
                                    <a:pt x="26733" y="12675"/>
                                  </a:lnTo>
                                  <a:lnTo>
                                    <a:pt x="0" y="12675"/>
                                  </a:lnTo>
                                  <a:lnTo>
                                    <a:pt x="0" y="0"/>
                                  </a:lnTo>
                                  <a:close/>
                                </a:path>
                              </a:pathLst>
                            </a:custGeom>
                            <a:solidFill>
                              <a:srgbClr val="FFFEFD"/>
                            </a:solidFill>
                            <a:ln>
                              <a:noFill/>
                            </a:ln>
                          </wps:spPr>
                          <wps:bodyPr spcFirstLastPara="1" wrap="square" lIns="91425" tIns="91425" rIns="91425" bIns="91425" anchor="ctr" anchorCtr="0">
                            <a:noAutofit/>
                          </wps:bodyPr>
                        </wps:wsp>
                        <wps:wsp>
                          <wps:cNvPr id="51" name="Freeform: Shape 51"/>
                          <wps:cNvSpPr/>
                          <wps:spPr>
                            <a:xfrm>
                              <a:off x="1780696" y="210242"/>
                              <a:ext cx="15646" cy="85992"/>
                            </a:xfrm>
                            <a:custGeom>
                              <a:avLst/>
                              <a:gdLst/>
                              <a:ahLst/>
                              <a:cxnLst/>
                              <a:rect l="l" t="t" r="r" b="b"/>
                              <a:pathLst>
                                <a:path w="15646" h="85992" extrusionOk="0">
                                  <a:moveTo>
                                    <a:pt x="0" y="0"/>
                                  </a:moveTo>
                                  <a:lnTo>
                                    <a:pt x="15646" y="0"/>
                                  </a:lnTo>
                                  <a:lnTo>
                                    <a:pt x="15646" y="85992"/>
                                  </a:lnTo>
                                  <a:lnTo>
                                    <a:pt x="0" y="85992"/>
                                  </a:lnTo>
                                  <a:lnTo>
                                    <a:pt x="0" y="0"/>
                                  </a:lnTo>
                                </a:path>
                              </a:pathLst>
                            </a:custGeom>
                            <a:solidFill>
                              <a:srgbClr val="FFFEFD"/>
                            </a:solidFill>
                            <a:ln>
                              <a:noFill/>
                            </a:ln>
                          </wps:spPr>
                          <wps:bodyPr spcFirstLastPara="1" wrap="square" lIns="91425" tIns="91425" rIns="91425" bIns="91425" anchor="ctr" anchorCtr="0">
                            <a:noAutofit/>
                          </wps:bodyPr>
                        </wps:wsp>
                        <wps:wsp>
                          <wps:cNvPr id="52" name="Freeform: Shape 52"/>
                          <wps:cNvSpPr/>
                          <wps:spPr>
                            <a:xfrm>
                              <a:off x="1640761" y="210242"/>
                              <a:ext cx="44571" cy="85992"/>
                            </a:xfrm>
                            <a:custGeom>
                              <a:avLst/>
                              <a:gdLst/>
                              <a:ahLst/>
                              <a:cxnLst/>
                              <a:rect l="l" t="t" r="r" b="b"/>
                              <a:pathLst>
                                <a:path w="44571" h="85992" extrusionOk="0">
                                  <a:moveTo>
                                    <a:pt x="0" y="0"/>
                                  </a:moveTo>
                                  <a:lnTo>
                                    <a:pt x="7576" y="0"/>
                                  </a:lnTo>
                                  <a:lnTo>
                                    <a:pt x="44571" y="85992"/>
                                  </a:lnTo>
                                  <a:lnTo>
                                    <a:pt x="27629" y="85992"/>
                                  </a:lnTo>
                                  <a:lnTo>
                                    <a:pt x="19463" y="66104"/>
                                  </a:lnTo>
                                  <a:lnTo>
                                    <a:pt x="0" y="66104"/>
                                  </a:lnTo>
                                  <a:lnTo>
                                    <a:pt x="0" y="53734"/>
                                  </a:lnTo>
                                  <a:lnTo>
                                    <a:pt x="14586" y="53734"/>
                                  </a:lnTo>
                                  <a:lnTo>
                                    <a:pt x="70" y="17653"/>
                                  </a:lnTo>
                                  <a:lnTo>
                                    <a:pt x="0" y="17825"/>
                                  </a:lnTo>
                                  <a:lnTo>
                                    <a:pt x="0" y="0"/>
                                  </a:lnTo>
                                  <a:close/>
                                </a:path>
                              </a:pathLst>
                            </a:custGeom>
                            <a:solidFill>
                              <a:srgbClr val="FFFEFD"/>
                            </a:solidFill>
                            <a:ln>
                              <a:noFill/>
                            </a:ln>
                          </wps:spPr>
                          <wps:bodyPr spcFirstLastPara="1" wrap="square" lIns="91425" tIns="91425" rIns="91425" bIns="91425" anchor="ctr" anchorCtr="0">
                            <a:noAutofit/>
                          </wps:bodyPr>
                        </wps:wsp>
                        <wps:wsp>
                          <wps:cNvPr id="53" name="Freeform: Shape 53"/>
                          <wps:cNvSpPr/>
                          <wps:spPr>
                            <a:xfrm>
                              <a:off x="1825032" y="207994"/>
                              <a:ext cx="47022" cy="90487"/>
                            </a:xfrm>
                            <a:custGeom>
                              <a:avLst/>
                              <a:gdLst/>
                              <a:ahLst/>
                              <a:cxnLst/>
                              <a:rect l="l" t="t" r="r" b="b"/>
                              <a:pathLst>
                                <a:path w="47022" h="90487" extrusionOk="0">
                                  <a:moveTo>
                                    <a:pt x="46774" y="0"/>
                                  </a:moveTo>
                                  <a:lnTo>
                                    <a:pt x="47022" y="43"/>
                                  </a:lnTo>
                                  <a:lnTo>
                                    <a:pt x="47022" y="13687"/>
                                  </a:lnTo>
                                  <a:lnTo>
                                    <a:pt x="46774" y="13640"/>
                                  </a:lnTo>
                                  <a:cubicBezTo>
                                    <a:pt x="42215" y="13640"/>
                                    <a:pt x="38087" y="14440"/>
                                    <a:pt x="34392" y="16053"/>
                                  </a:cubicBezTo>
                                  <a:cubicBezTo>
                                    <a:pt x="30696" y="17653"/>
                                    <a:pt x="27534" y="19875"/>
                                    <a:pt x="24930" y="22708"/>
                                  </a:cubicBezTo>
                                  <a:cubicBezTo>
                                    <a:pt x="22314" y="25527"/>
                                    <a:pt x="20307" y="28854"/>
                                    <a:pt x="18910" y="32652"/>
                                  </a:cubicBezTo>
                                  <a:cubicBezTo>
                                    <a:pt x="17488" y="36436"/>
                                    <a:pt x="16789" y="40589"/>
                                    <a:pt x="16789" y="45072"/>
                                  </a:cubicBezTo>
                                  <a:cubicBezTo>
                                    <a:pt x="16789" y="49568"/>
                                    <a:pt x="17488" y="53784"/>
                                    <a:pt x="18910" y="57683"/>
                                  </a:cubicBezTo>
                                  <a:cubicBezTo>
                                    <a:pt x="20307" y="61582"/>
                                    <a:pt x="22314" y="64961"/>
                                    <a:pt x="24930" y="67780"/>
                                  </a:cubicBezTo>
                                  <a:cubicBezTo>
                                    <a:pt x="27534" y="70612"/>
                                    <a:pt x="30696" y="72834"/>
                                    <a:pt x="34392" y="74447"/>
                                  </a:cubicBezTo>
                                  <a:cubicBezTo>
                                    <a:pt x="38087" y="76048"/>
                                    <a:pt x="42215" y="76848"/>
                                    <a:pt x="46774" y="76848"/>
                                  </a:cubicBezTo>
                                  <a:lnTo>
                                    <a:pt x="47022" y="76801"/>
                                  </a:lnTo>
                                  <a:lnTo>
                                    <a:pt x="47022" y="90443"/>
                                  </a:lnTo>
                                  <a:lnTo>
                                    <a:pt x="46774" y="90487"/>
                                  </a:lnTo>
                                  <a:cubicBezTo>
                                    <a:pt x="40145" y="90487"/>
                                    <a:pt x="33985" y="89357"/>
                                    <a:pt x="28270" y="87122"/>
                                  </a:cubicBezTo>
                                  <a:cubicBezTo>
                                    <a:pt x="22568" y="84861"/>
                                    <a:pt x="17628" y="81737"/>
                                    <a:pt x="13449" y="77724"/>
                                  </a:cubicBezTo>
                                  <a:cubicBezTo>
                                    <a:pt x="9258" y="73723"/>
                                    <a:pt x="5969" y="68936"/>
                                    <a:pt x="3581" y="63373"/>
                                  </a:cubicBezTo>
                                  <a:cubicBezTo>
                                    <a:pt x="1194" y="57810"/>
                                    <a:pt x="0" y="51714"/>
                                    <a:pt x="0" y="45072"/>
                                  </a:cubicBezTo>
                                  <a:cubicBezTo>
                                    <a:pt x="0" y="38354"/>
                                    <a:pt x="1194" y="32194"/>
                                    <a:pt x="3581" y="26632"/>
                                  </a:cubicBezTo>
                                  <a:cubicBezTo>
                                    <a:pt x="5969" y="21069"/>
                                    <a:pt x="9258" y="16332"/>
                                    <a:pt x="13449" y="12433"/>
                                  </a:cubicBezTo>
                                  <a:cubicBezTo>
                                    <a:pt x="17628" y="8534"/>
                                    <a:pt x="22568" y="5486"/>
                                    <a:pt x="28270" y="3289"/>
                                  </a:cubicBezTo>
                                  <a:cubicBezTo>
                                    <a:pt x="33985" y="1092"/>
                                    <a:pt x="40145" y="0"/>
                                    <a:pt x="46774" y="0"/>
                                  </a:cubicBezTo>
                                  <a:close/>
                                </a:path>
                              </a:pathLst>
                            </a:custGeom>
                            <a:solidFill>
                              <a:srgbClr val="FFFEFD"/>
                            </a:solidFill>
                            <a:ln>
                              <a:noFill/>
                            </a:ln>
                          </wps:spPr>
                          <wps:txbx>
                            <w:txbxContent>
                              <w:p w14:paraId="5BF72F5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54" name="Freeform: Shape 54"/>
                          <wps:cNvSpPr/>
                          <wps:spPr>
                            <a:xfrm>
                              <a:off x="2041821" y="210242"/>
                              <a:ext cx="44101" cy="85992"/>
                            </a:xfrm>
                            <a:custGeom>
                              <a:avLst/>
                              <a:gdLst/>
                              <a:ahLst/>
                              <a:cxnLst/>
                              <a:rect l="l" t="t" r="r" b="b"/>
                              <a:pathLst>
                                <a:path w="44101" h="85992" extrusionOk="0">
                                  <a:moveTo>
                                    <a:pt x="37160" y="0"/>
                                  </a:moveTo>
                                  <a:lnTo>
                                    <a:pt x="44101" y="0"/>
                                  </a:lnTo>
                                  <a:lnTo>
                                    <a:pt x="44101" y="17855"/>
                                  </a:lnTo>
                                  <a:lnTo>
                                    <a:pt x="29502" y="53734"/>
                                  </a:lnTo>
                                  <a:lnTo>
                                    <a:pt x="44101" y="53734"/>
                                  </a:lnTo>
                                  <a:lnTo>
                                    <a:pt x="44101" y="66104"/>
                                  </a:lnTo>
                                  <a:lnTo>
                                    <a:pt x="24778" y="66104"/>
                                  </a:lnTo>
                                  <a:lnTo>
                                    <a:pt x="16472" y="85992"/>
                                  </a:lnTo>
                                  <a:lnTo>
                                    <a:pt x="0" y="85992"/>
                                  </a:lnTo>
                                  <a:lnTo>
                                    <a:pt x="37160" y="0"/>
                                  </a:lnTo>
                                  <a:close/>
                                </a:path>
                              </a:pathLst>
                            </a:custGeom>
                            <a:solidFill>
                              <a:srgbClr val="FFFEFD"/>
                            </a:solidFill>
                            <a:ln>
                              <a:noFill/>
                            </a:ln>
                          </wps:spPr>
                          <wps:bodyPr spcFirstLastPara="1" wrap="square" lIns="91425" tIns="91425" rIns="91425" bIns="91425" anchor="ctr" anchorCtr="0">
                            <a:noAutofit/>
                          </wps:bodyPr>
                        </wps:wsp>
                        <wps:wsp>
                          <wps:cNvPr id="55" name="Freeform: Shape 55"/>
                          <wps:cNvSpPr/>
                          <wps:spPr>
                            <a:xfrm>
                              <a:off x="1947777" y="210242"/>
                              <a:ext cx="73343" cy="85992"/>
                            </a:xfrm>
                            <a:custGeom>
                              <a:avLst/>
                              <a:gdLst/>
                              <a:ahLst/>
                              <a:cxnLst/>
                              <a:rect l="l" t="t" r="r" b="b"/>
                              <a:pathLst>
                                <a:path w="73343" h="85992" extrusionOk="0">
                                  <a:moveTo>
                                    <a:pt x="0" y="0"/>
                                  </a:moveTo>
                                  <a:lnTo>
                                    <a:pt x="18910" y="0"/>
                                  </a:lnTo>
                                  <a:lnTo>
                                    <a:pt x="57861" y="65138"/>
                                  </a:lnTo>
                                  <a:lnTo>
                                    <a:pt x="58179" y="65138"/>
                                  </a:lnTo>
                                  <a:lnTo>
                                    <a:pt x="58179" y="0"/>
                                  </a:lnTo>
                                  <a:lnTo>
                                    <a:pt x="73343" y="0"/>
                                  </a:lnTo>
                                  <a:lnTo>
                                    <a:pt x="73343" y="85992"/>
                                  </a:lnTo>
                                  <a:lnTo>
                                    <a:pt x="54775" y="85992"/>
                                  </a:lnTo>
                                  <a:lnTo>
                                    <a:pt x="15481" y="21171"/>
                                  </a:lnTo>
                                  <a:lnTo>
                                    <a:pt x="15151" y="21171"/>
                                  </a:lnTo>
                                  <a:lnTo>
                                    <a:pt x="15151" y="85992"/>
                                  </a:lnTo>
                                  <a:lnTo>
                                    <a:pt x="0" y="85992"/>
                                  </a:lnTo>
                                  <a:lnTo>
                                    <a:pt x="0" y="0"/>
                                  </a:lnTo>
                                  <a:close/>
                                </a:path>
                              </a:pathLst>
                            </a:custGeom>
                            <a:solidFill>
                              <a:srgbClr val="FFFEFD"/>
                            </a:solidFill>
                            <a:ln>
                              <a:noFill/>
                            </a:ln>
                          </wps:spPr>
                          <wps:bodyPr spcFirstLastPara="1" wrap="square" lIns="91425" tIns="91425" rIns="91425" bIns="91425" anchor="ctr" anchorCtr="0">
                            <a:noAutofit/>
                          </wps:bodyPr>
                        </wps:wsp>
                        <wps:wsp>
                          <wps:cNvPr id="56" name="Freeform: Shape 56"/>
                          <wps:cNvSpPr/>
                          <wps:spPr>
                            <a:xfrm>
                              <a:off x="1872054" y="208038"/>
                              <a:ext cx="47035" cy="90400"/>
                            </a:xfrm>
                            <a:custGeom>
                              <a:avLst/>
                              <a:gdLst/>
                              <a:ahLst/>
                              <a:cxnLst/>
                              <a:rect l="l" t="t" r="r" b="b"/>
                              <a:pathLst>
                                <a:path w="47035" h="90400" extrusionOk="0">
                                  <a:moveTo>
                                    <a:pt x="0" y="0"/>
                                  </a:moveTo>
                                  <a:lnTo>
                                    <a:pt x="18498" y="3246"/>
                                  </a:lnTo>
                                  <a:cubicBezTo>
                                    <a:pt x="24276" y="5443"/>
                                    <a:pt x="29267" y="8491"/>
                                    <a:pt x="33496" y="12390"/>
                                  </a:cubicBezTo>
                                  <a:cubicBezTo>
                                    <a:pt x="37738" y="16289"/>
                                    <a:pt x="41053" y="21026"/>
                                    <a:pt x="43441" y="26588"/>
                                  </a:cubicBezTo>
                                  <a:cubicBezTo>
                                    <a:pt x="45841" y="32151"/>
                                    <a:pt x="47035" y="38311"/>
                                    <a:pt x="47035" y="45029"/>
                                  </a:cubicBezTo>
                                  <a:cubicBezTo>
                                    <a:pt x="47035" y="51671"/>
                                    <a:pt x="45841" y="57767"/>
                                    <a:pt x="43441" y="63330"/>
                                  </a:cubicBezTo>
                                  <a:cubicBezTo>
                                    <a:pt x="41053" y="68892"/>
                                    <a:pt x="37738" y="73680"/>
                                    <a:pt x="33496" y="77681"/>
                                  </a:cubicBezTo>
                                  <a:cubicBezTo>
                                    <a:pt x="29267" y="81694"/>
                                    <a:pt x="24276" y="84818"/>
                                    <a:pt x="18498" y="87079"/>
                                  </a:cubicBezTo>
                                  <a:lnTo>
                                    <a:pt x="0" y="90400"/>
                                  </a:lnTo>
                                  <a:lnTo>
                                    <a:pt x="0" y="76757"/>
                                  </a:lnTo>
                                  <a:lnTo>
                                    <a:pt x="12402" y="74404"/>
                                  </a:lnTo>
                                  <a:cubicBezTo>
                                    <a:pt x="16148" y="72791"/>
                                    <a:pt x="19349" y="70569"/>
                                    <a:pt x="22016" y="67737"/>
                                  </a:cubicBezTo>
                                  <a:cubicBezTo>
                                    <a:pt x="24670" y="64917"/>
                                    <a:pt x="26715" y="61539"/>
                                    <a:pt x="28124" y="57640"/>
                                  </a:cubicBezTo>
                                  <a:cubicBezTo>
                                    <a:pt x="29534" y="53741"/>
                                    <a:pt x="30232" y="49525"/>
                                    <a:pt x="30232" y="45029"/>
                                  </a:cubicBezTo>
                                  <a:cubicBezTo>
                                    <a:pt x="30232" y="40546"/>
                                    <a:pt x="29534" y="36393"/>
                                    <a:pt x="28124" y="32608"/>
                                  </a:cubicBezTo>
                                  <a:cubicBezTo>
                                    <a:pt x="26715" y="28811"/>
                                    <a:pt x="24670" y="25484"/>
                                    <a:pt x="22016" y="22664"/>
                                  </a:cubicBezTo>
                                  <a:cubicBezTo>
                                    <a:pt x="19349" y="19832"/>
                                    <a:pt x="16148" y="17610"/>
                                    <a:pt x="12402" y="16009"/>
                                  </a:cubicBezTo>
                                  <a:lnTo>
                                    <a:pt x="0" y="13644"/>
                                  </a:lnTo>
                                  <a:lnTo>
                                    <a:pt x="0" y="0"/>
                                  </a:lnTo>
                                  <a:close/>
                                </a:path>
                              </a:pathLst>
                            </a:custGeom>
                            <a:solidFill>
                              <a:srgbClr val="FFFEFD"/>
                            </a:solidFill>
                            <a:ln>
                              <a:noFill/>
                            </a:ln>
                          </wps:spPr>
                          <wps:txbx>
                            <w:txbxContent>
                              <w:p w14:paraId="2242E72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57" name="Freeform: Shape 57"/>
                          <wps:cNvSpPr/>
                          <wps:spPr>
                            <a:xfrm>
                              <a:off x="2260261" y="210242"/>
                              <a:ext cx="44088" cy="85992"/>
                            </a:xfrm>
                            <a:custGeom>
                              <a:avLst/>
                              <a:gdLst/>
                              <a:ahLst/>
                              <a:cxnLst/>
                              <a:rect l="l" t="t" r="r" b="b"/>
                              <a:pathLst>
                                <a:path w="44088" h="85992" extrusionOk="0">
                                  <a:moveTo>
                                    <a:pt x="37160" y="0"/>
                                  </a:moveTo>
                                  <a:lnTo>
                                    <a:pt x="44088" y="0"/>
                                  </a:lnTo>
                                  <a:lnTo>
                                    <a:pt x="44088" y="17856"/>
                                  </a:lnTo>
                                  <a:lnTo>
                                    <a:pt x="29489" y="53734"/>
                                  </a:lnTo>
                                  <a:lnTo>
                                    <a:pt x="44088" y="53734"/>
                                  </a:lnTo>
                                  <a:lnTo>
                                    <a:pt x="44088" y="66104"/>
                                  </a:lnTo>
                                  <a:lnTo>
                                    <a:pt x="24778" y="66104"/>
                                  </a:lnTo>
                                  <a:lnTo>
                                    <a:pt x="16447" y="85992"/>
                                  </a:lnTo>
                                  <a:lnTo>
                                    <a:pt x="0" y="85992"/>
                                  </a:lnTo>
                                  <a:lnTo>
                                    <a:pt x="37160" y="0"/>
                                  </a:lnTo>
                                  <a:close/>
                                </a:path>
                              </a:pathLst>
                            </a:custGeom>
                            <a:solidFill>
                              <a:srgbClr val="FFFEFD"/>
                            </a:solidFill>
                            <a:ln>
                              <a:noFill/>
                            </a:ln>
                          </wps:spPr>
                          <wps:bodyPr spcFirstLastPara="1" wrap="square" lIns="91425" tIns="91425" rIns="91425" bIns="91425" anchor="ctr" anchorCtr="0">
                            <a:noAutofit/>
                          </wps:bodyPr>
                        </wps:wsp>
                        <wps:wsp>
                          <wps:cNvPr id="58" name="Freeform: Shape 58"/>
                          <wps:cNvSpPr/>
                          <wps:spPr>
                            <a:xfrm>
                              <a:off x="2151206" y="210242"/>
                              <a:ext cx="53137" cy="85992"/>
                            </a:xfrm>
                            <a:custGeom>
                              <a:avLst/>
                              <a:gdLst/>
                              <a:ahLst/>
                              <a:cxnLst/>
                              <a:rect l="l" t="t" r="r" b="b"/>
                              <a:pathLst>
                                <a:path w="53137" h="85992" extrusionOk="0">
                                  <a:moveTo>
                                    <a:pt x="0" y="0"/>
                                  </a:moveTo>
                                  <a:lnTo>
                                    <a:pt x="15646" y="0"/>
                                  </a:lnTo>
                                  <a:lnTo>
                                    <a:pt x="15646" y="72987"/>
                                  </a:lnTo>
                                  <a:lnTo>
                                    <a:pt x="53137" y="72987"/>
                                  </a:lnTo>
                                  <a:lnTo>
                                    <a:pt x="53137" y="85992"/>
                                  </a:lnTo>
                                  <a:lnTo>
                                    <a:pt x="0" y="85992"/>
                                  </a:lnTo>
                                  <a:lnTo>
                                    <a:pt x="0" y="0"/>
                                  </a:lnTo>
                                  <a:close/>
                                </a:path>
                              </a:pathLst>
                            </a:custGeom>
                            <a:solidFill>
                              <a:srgbClr val="FFFEFD"/>
                            </a:solidFill>
                            <a:ln>
                              <a:noFill/>
                            </a:ln>
                          </wps:spPr>
                          <wps:bodyPr spcFirstLastPara="1" wrap="square" lIns="91425" tIns="91425" rIns="91425" bIns="91425" anchor="ctr" anchorCtr="0">
                            <a:noAutofit/>
                          </wps:bodyPr>
                        </wps:wsp>
                        <wps:wsp>
                          <wps:cNvPr id="59" name="Freeform: Shape 59"/>
                          <wps:cNvSpPr/>
                          <wps:spPr>
                            <a:xfrm>
                              <a:off x="2085922" y="210242"/>
                              <a:ext cx="44583" cy="85992"/>
                            </a:xfrm>
                            <a:custGeom>
                              <a:avLst/>
                              <a:gdLst/>
                              <a:ahLst/>
                              <a:cxnLst/>
                              <a:rect l="l" t="t" r="r" b="b"/>
                              <a:pathLst>
                                <a:path w="44583" h="85992" extrusionOk="0">
                                  <a:moveTo>
                                    <a:pt x="0" y="0"/>
                                  </a:moveTo>
                                  <a:lnTo>
                                    <a:pt x="7575" y="0"/>
                                  </a:lnTo>
                                  <a:lnTo>
                                    <a:pt x="44583" y="85992"/>
                                  </a:lnTo>
                                  <a:lnTo>
                                    <a:pt x="27629" y="85992"/>
                                  </a:lnTo>
                                  <a:lnTo>
                                    <a:pt x="19475" y="66104"/>
                                  </a:lnTo>
                                  <a:lnTo>
                                    <a:pt x="0" y="66104"/>
                                  </a:lnTo>
                                  <a:lnTo>
                                    <a:pt x="0" y="53734"/>
                                  </a:lnTo>
                                  <a:lnTo>
                                    <a:pt x="14599" y="53734"/>
                                  </a:lnTo>
                                  <a:lnTo>
                                    <a:pt x="82" y="17653"/>
                                  </a:lnTo>
                                  <a:lnTo>
                                    <a:pt x="0" y="17855"/>
                                  </a:lnTo>
                                  <a:lnTo>
                                    <a:pt x="0" y="0"/>
                                  </a:lnTo>
                                  <a:close/>
                                </a:path>
                              </a:pathLst>
                            </a:custGeom>
                            <a:solidFill>
                              <a:srgbClr val="FFFEFD"/>
                            </a:solidFill>
                            <a:ln>
                              <a:noFill/>
                            </a:ln>
                          </wps:spPr>
                          <wps:bodyPr spcFirstLastPara="1" wrap="square" lIns="91425" tIns="91425" rIns="91425" bIns="91425" anchor="ctr" anchorCtr="0">
                            <a:noAutofit/>
                          </wps:bodyPr>
                        </wps:wsp>
                        <wps:wsp>
                          <wps:cNvPr id="60" name="Freeform: Shape 60"/>
                          <wps:cNvSpPr/>
                          <wps:spPr>
                            <a:xfrm>
                              <a:off x="2304349" y="210242"/>
                              <a:ext cx="44584" cy="85992"/>
                            </a:xfrm>
                            <a:custGeom>
                              <a:avLst/>
                              <a:gdLst/>
                              <a:ahLst/>
                              <a:cxnLst/>
                              <a:rect l="l" t="t" r="r" b="b"/>
                              <a:pathLst>
                                <a:path w="44584" h="85992" extrusionOk="0">
                                  <a:moveTo>
                                    <a:pt x="0" y="0"/>
                                  </a:moveTo>
                                  <a:lnTo>
                                    <a:pt x="7576" y="0"/>
                                  </a:lnTo>
                                  <a:lnTo>
                                    <a:pt x="44584" y="85992"/>
                                  </a:lnTo>
                                  <a:lnTo>
                                    <a:pt x="27629" y="85992"/>
                                  </a:lnTo>
                                  <a:lnTo>
                                    <a:pt x="19476" y="66104"/>
                                  </a:lnTo>
                                  <a:lnTo>
                                    <a:pt x="0" y="66104"/>
                                  </a:lnTo>
                                  <a:lnTo>
                                    <a:pt x="0" y="53734"/>
                                  </a:lnTo>
                                  <a:lnTo>
                                    <a:pt x="14599" y="53734"/>
                                  </a:lnTo>
                                  <a:lnTo>
                                    <a:pt x="83" y="17653"/>
                                  </a:lnTo>
                                  <a:lnTo>
                                    <a:pt x="0" y="17856"/>
                                  </a:lnTo>
                                  <a:lnTo>
                                    <a:pt x="0" y="0"/>
                                  </a:lnTo>
                                  <a:close/>
                                </a:path>
                              </a:pathLst>
                            </a:custGeom>
                            <a:solidFill>
                              <a:srgbClr val="FFFEFD"/>
                            </a:solidFill>
                            <a:ln>
                              <a:noFill/>
                            </a:ln>
                          </wps:spPr>
                          <wps:bodyPr spcFirstLastPara="1" wrap="square" lIns="91425" tIns="91425" rIns="91425" bIns="91425" anchor="ctr" anchorCtr="0">
                            <a:noAutofit/>
                          </wps:bodyPr>
                        </wps:wsp>
                        <wps:wsp>
                          <wps:cNvPr id="61" name="Freeform: Shape 61"/>
                          <wps:cNvSpPr/>
                          <wps:spPr>
                            <a:xfrm>
                              <a:off x="2527101" y="207994"/>
                              <a:ext cx="47022" cy="90487"/>
                            </a:xfrm>
                            <a:custGeom>
                              <a:avLst/>
                              <a:gdLst/>
                              <a:ahLst/>
                              <a:cxnLst/>
                              <a:rect l="l" t="t" r="r" b="b"/>
                              <a:pathLst>
                                <a:path w="47022" h="90487" extrusionOk="0">
                                  <a:moveTo>
                                    <a:pt x="46774" y="0"/>
                                  </a:moveTo>
                                  <a:lnTo>
                                    <a:pt x="47022" y="43"/>
                                  </a:lnTo>
                                  <a:lnTo>
                                    <a:pt x="47022" y="13687"/>
                                  </a:lnTo>
                                  <a:lnTo>
                                    <a:pt x="46774" y="13640"/>
                                  </a:lnTo>
                                  <a:cubicBezTo>
                                    <a:pt x="42215" y="13640"/>
                                    <a:pt x="38087" y="14440"/>
                                    <a:pt x="34392" y="16053"/>
                                  </a:cubicBezTo>
                                  <a:cubicBezTo>
                                    <a:pt x="30696" y="17653"/>
                                    <a:pt x="27534" y="19875"/>
                                    <a:pt x="24930" y="22708"/>
                                  </a:cubicBezTo>
                                  <a:cubicBezTo>
                                    <a:pt x="22327" y="25527"/>
                                    <a:pt x="20320" y="28854"/>
                                    <a:pt x="18910" y="32652"/>
                                  </a:cubicBezTo>
                                  <a:cubicBezTo>
                                    <a:pt x="17488" y="36436"/>
                                    <a:pt x="16789" y="40589"/>
                                    <a:pt x="16789" y="45072"/>
                                  </a:cubicBezTo>
                                  <a:cubicBezTo>
                                    <a:pt x="16789" y="49568"/>
                                    <a:pt x="17488" y="53784"/>
                                    <a:pt x="18910" y="57683"/>
                                  </a:cubicBezTo>
                                  <a:cubicBezTo>
                                    <a:pt x="20320" y="61582"/>
                                    <a:pt x="22327" y="64961"/>
                                    <a:pt x="24930" y="67780"/>
                                  </a:cubicBezTo>
                                  <a:cubicBezTo>
                                    <a:pt x="27534" y="70612"/>
                                    <a:pt x="30696" y="72834"/>
                                    <a:pt x="34392" y="74447"/>
                                  </a:cubicBezTo>
                                  <a:cubicBezTo>
                                    <a:pt x="38087" y="76048"/>
                                    <a:pt x="42215" y="76848"/>
                                    <a:pt x="46774" y="76848"/>
                                  </a:cubicBezTo>
                                  <a:lnTo>
                                    <a:pt x="47022" y="76801"/>
                                  </a:lnTo>
                                  <a:lnTo>
                                    <a:pt x="47022" y="90443"/>
                                  </a:lnTo>
                                  <a:lnTo>
                                    <a:pt x="46774" y="90487"/>
                                  </a:lnTo>
                                  <a:cubicBezTo>
                                    <a:pt x="40145" y="90487"/>
                                    <a:pt x="33972" y="89357"/>
                                    <a:pt x="28270" y="87122"/>
                                  </a:cubicBezTo>
                                  <a:cubicBezTo>
                                    <a:pt x="22568" y="84861"/>
                                    <a:pt x="17615" y="81737"/>
                                    <a:pt x="13436" y="77724"/>
                                  </a:cubicBezTo>
                                  <a:cubicBezTo>
                                    <a:pt x="9258" y="73723"/>
                                    <a:pt x="5969" y="68936"/>
                                    <a:pt x="3581" y="63373"/>
                                  </a:cubicBezTo>
                                  <a:cubicBezTo>
                                    <a:pt x="1194" y="57810"/>
                                    <a:pt x="0" y="51714"/>
                                    <a:pt x="0" y="45072"/>
                                  </a:cubicBezTo>
                                  <a:cubicBezTo>
                                    <a:pt x="0" y="38354"/>
                                    <a:pt x="1194" y="32194"/>
                                    <a:pt x="3581" y="26632"/>
                                  </a:cubicBezTo>
                                  <a:cubicBezTo>
                                    <a:pt x="5969" y="21069"/>
                                    <a:pt x="9258" y="16332"/>
                                    <a:pt x="13436" y="12433"/>
                                  </a:cubicBezTo>
                                  <a:cubicBezTo>
                                    <a:pt x="17615" y="8534"/>
                                    <a:pt x="22568" y="5486"/>
                                    <a:pt x="28270" y="3289"/>
                                  </a:cubicBezTo>
                                  <a:cubicBezTo>
                                    <a:pt x="33972" y="1092"/>
                                    <a:pt x="40145" y="0"/>
                                    <a:pt x="46774" y="0"/>
                                  </a:cubicBezTo>
                                  <a:close/>
                                </a:path>
                              </a:pathLst>
                            </a:custGeom>
                            <a:solidFill>
                              <a:srgbClr val="FFFEFD"/>
                            </a:solidFill>
                            <a:ln>
                              <a:noFill/>
                            </a:ln>
                          </wps:spPr>
                          <wps:txbx>
                            <w:txbxContent>
                              <w:p w14:paraId="6A95B7C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62" name="Freeform: Shape 62"/>
                          <wps:cNvSpPr/>
                          <wps:spPr>
                            <a:xfrm>
                              <a:off x="2441833" y="207994"/>
                              <a:ext cx="61290" cy="90487"/>
                            </a:xfrm>
                            <a:custGeom>
                              <a:avLst/>
                              <a:gdLst/>
                              <a:ahLst/>
                              <a:cxnLst/>
                              <a:rect l="l" t="t" r="r" b="b"/>
                              <a:pathLst>
                                <a:path w="61290" h="90487" extrusionOk="0">
                                  <a:moveTo>
                                    <a:pt x="34900" y="0"/>
                                  </a:moveTo>
                                  <a:cubicBezTo>
                                    <a:pt x="40323" y="0"/>
                                    <a:pt x="45263" y="965"/>
                                    <a:pt x="49720" y="2896"/>
                                  </a:cubicBezTo>
                                  <a:cubicBezTo>
                                    <a:pt x="54191" y="4813"/>
                                    <a:pt x="57925" y="7429"/>
                                    <a:pt x="60973" y="10757"/>
                                  </a:cubicBezTo>
                                  <a:lnTo>
                                    <a:pt x="51067" y="21018"/>
                                  </a:lnTo>
                                  <a:cubicBezTo>
                                    <a:pt x="49225" y="18669"/>
                                    <a:pt x="46799" y="16764"/>
                                    <a:pt x="43764" y="15329"/>
                                  </a:cubicBezTo>
                                  <a:cubicBezTo>
                                    <a:pt x="40729" y="13881"/>
                                    <a:pt x="37490" y="13157"/>
                                    <a:pt x="34036" y="13157"/>
                                  </a:cubicBezTo>
                                  <a:cubicBezTo>
                                    <a:pt x="30124" y="13157"/>
                                    <a:pt x="26784" y="14148"/>
                                    <a:pt x="24028" y="16116"/>
                                  </a:cubicBezTo>
                                  <a:cubicBezTo>
                                    <a:pt x="21273" y="18110"/>
                                    <a:pt x="19901" y="20968"/>
                                    <a:pt x="19901" y="24714"/>
                                  </a:cubicBezTo>
                                  <a:cubicBezTo>
                                    <a:pt x="19901" y="26632"/>
                                    <a:pt x="20256" y="28257"/>
                                    <a:pt x="20955" y="29591"/>
                                  </a:cubicBezTo>
                                  <a:cubicBezTo>
                                    <a:pt x="21654" y="30950"/>
                                    <a:pt x="22669" y="32093"/>
                                    <a:pt x="24028" y="33045"/>
                                  </a:cubicBezTo>
                                  <a:cubicBezTo>
                                    <a:pt x="25387" y="34023"/>
                                    <a:pt x="27038" y="34887"/>
                                    <a:pt x="28994" y="35700"/>
                                  </a:cubicBezTo>
                                  <a:cubicBezTo>
                                    <a:pt x="30937" y="36512"/>
                                    <a:pt x="33160" y="37275"/>
                                    <a:pt x="35649" y="38024"/>
                                  </a:cubicBezTo>
                                  <a:cubicBezTo>
                                    <a:pt x="38671" y="38989"/>
                                    <a:pt x="41732" y="40107"/>
                                    <a:pt x="44806" y="41389"/>
                                  </a:cubicBezTo>
                                  <a:cubicBezTo>
                                    <a:pt x="47904" y="42672"/>
                                    <a:pt x="50660" y="44285"/>
                                    <a:pt x="53099" y="46215"/>
                                  </a:cubicBezTo>
                                  <a:cubicBezTo>
                                    <a:pt x="55524" y="48146"/>
                                    <a:pt x="57518" y="50508"/>
                                    <a:pt x="59017" y="53340"/>
                                  </a:cubicBezTo>
                                  <a:cubicBezTo>
                                    <a:pt x="60541" y="56185"/>
                                    <a:pt x="61290" y="59626"/>
                                    <a:pt x="61290" y="63690"/>
                                  </a:cubicBezTo>
                                  <a:cubicBezTo>
                                    <a:pt x="61290" y="68301"/>
                                    <a:pt x="60490" y="72276"/>
                                    <a:pt x="58852" y="75654"/>
                                  </a:cubicBezTo>
                                  <a:cubicBezTo>
                                    <a:pt x="57226" y="79007"/>
                                    <a:pt x="54991" y="81801"/>
                                    <a:pt x="52171" y="83998"/>
                                  </a:cubicBezTo>
                                  <a:cubicBezTo>
                                    <a:pt x="49339" y="86182"/>
                                    <a:pt x="46076" y="87808"/>
                                    <a:pt x="42393" y="88875"/>
                                  </a:cubicBezTo>
                                  <a:cubicBezTo>
                                    <a:pt x="38697" y="89954"/>
                                    <a:pt x="34735" y="90487"/>
                                    <a:pt x="30505" y="90487"/>
                                  </a:cubicBezTo>
                                  <a:cubicBezTo>
                                    <a:pt x="24295" y="90487"/>
                                    <a:pt x="18517" y="89306"/>
                                    <a:pt x="13132" y="86957"/>
                                  </a:cubicBezTo>
                                  <a:cubicBezTo>
                                    <a:pt x="7747" y="84595"/>
                                    <a:pt x="3378" y="81343"/>
                                    <a:pt x="0" y="77165"/>
                                  </a:cubicBezTo>
                                  <a:lnTo>
                                    <a:pt x="10770" y="67386"/>
                                  </a:lnTo>
                                  <a:cubicBezTo>
                                    <a:pt x="13386" y="70815"/>
                                    <a:pt x="16523" y="73266"/>
                                    <a:pt x="20218" y="74765"/>
                                  </a:cubicBezTo>
                                  <a:cubicBezTo>
                                    <a:pt x="23914" y="76264"/>
                                    <a:pt x="27445" y="77013"/>
                                    <a:pt x="30823" y="77013"/>
                                  </a:cubicBezTo>
                                  <a:cubicBezTo>
                                    <a:pt x="34950" y="77013"/>
                                    <a:pt x="38506" y="76073"/>
                                    <a:pt x="41503" y="74206"/>
                                  </a:cubicBezTo>
                                  <a:cubicBezTo>
                                    <a:pt x="44475" y="72326"/>
                                    <a:pt x="45974" y="69469"/>
                                    <a:pt x="45974" y="65608"/>
                                  </a:cubicBezTo>
                                  <a:cubicBezTo>
                                    <a:pt x="45974" y="61328"/>
                                    <a:pt x="44323" y="58128"/>
                                    <a:pt x="40996" y="55982"/>
                                  </a:cubicBezTo>
                                  <a:cubicBezTo>
                                    <a:pt x="37694" y="53848"/>
                                    <a:pt x="32995" y="51879"/>
                                    <a:pt x="26899" y="50063"/>
                                  </a:cubicBezTo>
                                  <a:cubicBezTo>
                                    <a:pt x="24079" y="49212"/>
                                    <a:pt x="21298" y="48184"/>
                                    <a:pt x="18593" y="47003"/>
                                  </a:cubicBezTo>
                                  <a:cubicBezTo>
                                    <a:pt x="15862" y="45834"/>
                                    <a:pt x="13462" y="44336"/>
                                    <a:pt x="11341" y="42507"/>
                                  </a:cubicBezTo>
                                  <a:cubicBezTo>
                                    <a:pt x="9220" y="40703"/>
                                    <a:pt x="7506" y="38443"/>
                                    <a:pt x="6210" y="35789"/>
                                  </a:cubicBezTo>
                                  <a:cubicBezTo>
                                    <a:pt x="4902" y="33096"/>
                                    <a:pt x="4255" y="29794"/>
                                    <a:pt x="4255" y="25832"/>
                                  </a:cubicBezTo>
                                  <a:cubicBezTo>
                                    <a:pt x="4255" y="21450"/>
                                    <a:pt x="5118" y="17615"/>
                                    <a:pt x="6858" y="14364"/>
                                  </a:cubicBezTo>
                                  <a:cubicBezTo>
                                    <a:pt x="8598" y="11100"/>
                                    <a:pt x="10909" y="8407"/>
                                    <a:pt x="13780" y="6261"/>
                                  </a:cubicBezTo>
                                  <a:cubicBezTo>
                                    <a:pt x="16662" y="4127"/>
                                    <a:pt x="19952" y="2540"/>
                                    <a:pt x="23647" y="1524"/>
                                  </a:cubicBezTo>
                                  <a:cubicBezTo>
                                    <a:pt x="27343" y="508"/>
                                    <a:pt x="31090" y="0"/>
                                    <a:pt x="34900" y="0"/>
                                  </a:cubicBezTo>
                                  <a:close/>
                                </a:path>
                              </a:pathLst>
                            </a:custGeom>
                            <a:solidFill>
                              <a:srgbClr val="FFFEFD"/>
                            </a:solidFill>
                            <a:ln>
                              <a:noFill/>
                            </a:ln>
                          </wps:spPr>
                          <wps:txbx>
                            <w:txbxContent>
                              <w:p w14:paraId="0AA35000"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63" name="Freeform: Shape 63"/>
                          <wps:cNvSpPr/>
                          <wps:spPr>
                            <a:xfrm>
                              <a:off x="2361480" y="207994"/>
                              <a:ext cx="61278" cy="90487"/>
                            </a:xfrm>
                            <a:custGeom>
                              <a:avLst/>
                              <a:gdLst/>
                              <a:ahLst/>
                              <a:cxnLst/>
                              <a:rect l="l" t="t" r="r" b="b"/>
                              <a:pathLst>
                                <a:path w="61278" h="90487" extrusionOk="0">
                                  <a:moveTo>
                                    <a:pt x="34887" y="0"/>
                                  </a:moveTo>
                                  <a:cubicBezTo>
                                    <a:pt x="40323" y="0"/>
                                    <a:pt x="45263" y="965"/>
                                    <a:pt x="49721" y="2896"/>
                                  </a:cubicBezTo>
                                  <a:cubicBezTo>
                                    <a:pt x="54178" y="4813"/>
                                    <a:pt x="57925" y="7429"/>
                                    <a:pt x="60960" y="10757"/>
                                  </a:cubicBezTo>
                                  <a:lnTo>
                                    <a:pt x="51054" y="21018"/>
                                  </a:lnTo>
                                  <a:cubicBezTo>
                                    <a:pt x="49213" y="18669"/>
                                    <a:pt x="46787" y="16764"/>
                                    <a:pt x="43764" y="15329"/>
                                  </a:cubicBezTo>
                                  <a:cubicBezTo>
                                    <a:pt x="40716" y="13881"/>
                                    <a:pt x="37478" y="13157"/>
                                    <a:pt x="34024" y="13157"/>
                                  </a:cubicBezTo>
                                  <a:cubicBezTo>
                                    <a:pt x="30125" y="13157"/>
                                    <a:pt x="26797" y="14148"/>
                                    <a:pt x="24016" y="16116"/>
                                  </a:cubicBezTo>
                                  <a:cubicBezTo>
                                    <a:pt x="21260" y="18110"/>
                                    <a:pt x="19888" y="20968"/>
                                    <a:pt x="19888" y="24714"/>
                                  </a:cubicBezTo>
                                  <a:cubicBezTo>
                                    <a:pt x="19888" y="26632"/>
                                    <a:pt x="20231" y="28257"/>
                                    <a:pt x="20943" y="29591"/>
                                  </a:cubicBezTo>
                                  <a:cubicBezTo>
                                    <a:pt x="21641" y="30950"/>
                                    <a:pt x="22682" y="32093"/>
                                    <a:pt x="24016" y="33045"/>
                                  </a:cubicBezTo>
                                  <a:cubicBezTo>
                                    <a:pt x="25375" y="34023"/>
                                    <a:pt x="27026" y="34887"/>
                                    <a:pt x="28982" y="35700"/>
                                  </a:cubicBezTo>
                                  <a:cubicBezTo>
                                    <a:pt x="30924" y="36512"/>
                                    <a:pt x="33147" y="37275"/>
                                    <a:pt x="35636" y="38024"/>
                                  </a:cubicBezTo>
                                  <a:cubicBezTo>
                                    <a:pt x="38659" y="38989"/>
                                    <a:pt x="41720" y="40107"/>
                                    <a:pt x="44818" y="41389"/>
                                  </a:cubicBezTo>
                                  <a:cubicBezTo>
                                    <a:pt x="47892" y="42672"/>
                                    <a:pt x="50648" y="44285"/>
                                    <a:pt x="53086" y="46215"/>
                                  </a:cubicBezTo>
                                  <a:cubicBezTo>
                                    <a:pt x="55525" y="48146"/>
                                    <a:pt x="57506" y="50508"/>
                                    <a:pt x="59004" y="53340"/>
                                  </a:cubicBezTo>
                                  <a:cubicBezTo>
                                    <a:pt x="60528" y="56185"/>
                                    <a:pt x="61278" y="59626"/>
                                    <a:pt x="61278" y="63690"/>
                                  </a:cubicBezTo>
                                  <a:cubicBezTo>
                                    <a:pt x="61278" y="68301"/>
                                    <a:pt x="60478" y="72276"/>
                                    <a:pt x="58839" y="75654"/>
                                  </a:cubicBezTo>
                                  <a:cubicBezTo>
                                    <a:pt x="57214" y="79007"/>
                                    <a:pt x="54978" y="81801"/>
                                    <a:pt x="52159" y="83998"/>
                                  </a:cubicBezTo>
                                  <a:cubicBezTo>
                                    <a:pt x="49327" y="86182"/>
                                    <a:pt x="46063" y="87808"/>
                                    <a:pt x="42380" y="88875"/>
                                  </a:cubicBezTo>
                                  <a:cubicBezTo>
                                    <a:pt x="38684" y="89954"/>
                                    <a:pt x="34722" y="90487"/>
                                    <a:pt x="30493" y="90487"/>
                                  </a:cubicBezTo>
                                  <a:cubicBezTo>
                                    <a:pt x="24283" y="90487"/>
                                    <a:pt x="18504" y="89306"/>
                                    <a:pt x="13119" y="86957"/>
                                  </a:cubicBezTo>
                                  <a:cubicBezTo>
                                    <a:pt x="7734" y="84595"/>
                                    <a:pt x="3366" y="81343"/>
                                    <a:pt x="0" y="77165"/>
                                  </a:cubicBezTo>
                                  <a:lnTo>
                                    <a:pt x="10757" y="67386"/>
                                  </a:lnTo>
                                  <a:cubicBezTo>
                                    <a:pt x="13360" y="70815"/>
                                    <a:pt x="16510" y="73266"/>
                                    <a:pt x="20206" y="74765"/>
                                  </a:cubicBezTo>
                                  <a:cubicBezTo>
                                    <a:pt x="23902" y="76264"/>
                                    <a:pt x="27445" y="77013"/>
                                    <a:pt x="30798" y="77013"/>
                                  </a:cubicBezTo>
                                  <a:cubicBezTo>
                                    <a:pt x="34938" y="77013"/>
                                    <a:pt x="38494" y="76073"/>
                                    <a:pt x="41491" y="74206"/>
                                  </a:cubicBezTo>
                                  <a:cubicBezTo>
                                    <a:pt x="44463" y="72326"/>
                                    <a:pt x="45974" y="69469"/>
                                    <a:pt x="45974" y="65608"/>
                                  </a:cubicBezTo>
                                  <a:cubicBezTo>
                                    <a:pt x="45974" y="61328"/>
                                    <a:pt x="44310" y="58128"/>
                                    <a:pt x="41008" y="55982"/>
                                  </a:cubicBezTo>
                                  <a:cubicBezTo>
                                    <a:pt x="37668" y="53848"/>
                                    <a:pt x="32982" y="51879"/>
                                    <a:pt x="26886" y="50063"/>
                                  </a:cubicBezTo>
                                  <a:cubicBezTo>
                                    <a:pt x="24067" y="49212"/>
                                    <a:pt x="21298" y="48184"/>
                                    <a:pt x="18593" y="47003"/>
                                  </a:cubicBezTo>
                                  <a:cubicBezTo>
                                    <a:pt x="15862" y="45834"/>
                                    <a:pt x="13449" y="44336"/>
                                    <a:pt x="11328" y="42507"/>
                                  </a:cubicBezTo>
                                  <a:cubicBezTo>
                                    <a:pt x="9208" y="40703"/>
                                    <a:pt x="7493" y="38443"/>
                                    <a:pt x="6198" y="35789"/>
                                  </a:cubicBezTo>
                                  <a:cubicBezTo>
                                    <a:pt x="4890" y="33096"/>
                                    <a:pt x="4242" y="29794"/>
                                    <a:pt x="4242" y="25832"/>
                                  </a:cubicBezTo>
                                  <a:cubicBezTo>
                                    <a:pt x="4242" y="21450"/>
                                    <a:pt x="5106" y="17615"/>
                                    <a:pt x="6845" y="14364"/>
                                  </a:cubicBezTo>
                                  <a:cubicBezTo>
                                    <a:pt x="8585" y="11100"/>
                                    <a:pt x="10897" y="8407"/>
                                    <a:pt x="13767" y="6261"/>
                                  </a:cubicBezTo>
                                  <a:cubicBezTo>
                                    <a:pt x="16650" y="4127"/>
                                    <a:pt x="19939" y="2540"/>
                                    <a:pt x="23635" y="1524"/>
                                  </a:cubicBezTo>
                                  <a:cubicBezTo>
                                    <a:pt x="27331" y="508"/>
                                    <a:pt x="31077" y="0"/>
                                    <a:pt x="34887" y="0"/>
                                  </a:cubicBezTo>
                                  <a:close/>
                                </a:path>
                              </a:pathLst>
                            </a:custGeom>
                            <a:solidFill>
                              <a:srgbClr val="FFFEFD"/>
                            </a:solidFill>
                            <a:ln>
                              <a:noFill/>
                            </a:ln>
                          </wps:spPr>
                          <wps:txbx>
                            <w:txbxContent>
                              <w:p w14:paraId="6D6FB2CD"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376" name="Freeform: Shape 117376"/>
                          <wps:cNvSpPr/>
                          <wps:spPr>
                            <a:xfrm>
                              <a:off x="2784962" y="210242"/>
                              <a:ext cx="44101" cy="85992"/>
                            </a:xfrm>
                            <a:custGeom>
                              <a:avLst/>
                              <a:gdLst/>
                              <a:ahLst/>
                              <a:cxnLst/>
                              <a:rect l="l" t="t" r="r" b="b"/>
                              <a:pathLst>
                                <a:path w="44101" h="85992" extrusionOk="0">
                                  <a:moveTo>
                                    <a:pt x="37160" y="0"/>
                                  </a:moveTo>
                                  <a:lnTo>
                                    <a:pt x="44101" y="0"/>
                                  </a:lnTo>
                                  <a:lnTo>
                                    <a:pt x="44101" y="17887"/>
                                  </a:lnTo>
                                  <a:lnTo>
                                    <a:pt x="29515" y="53734"/>
                                  </a:lnTo>
                                  <a:lnTo>
                                    <a:pt x="44101" y="53734"/>
                                  </a:lnTo>
                                  <a:lnTo>
                                    <a:pt x="44101" y="66104"/>
                                  </a:lnTo>
                                  <a:lnTo>
                                    <a:pt x="24778" y="66104"/>
                                  </a:lnTo>
                                  <a:lnTo>
                                    <a:pt x="16472" y="85992"/>
                                  </a:lnTo>
                                  <a:lnTo>
                                    <a:pt x="0" y="85992"/>
                                  </a:lnTo>
                                  <a:lnTo>
                                    <a:pt x="37160" y="0"/>
                                  </a:lnTo>
                                  <a:close/>
                                </a:path>
                              </a:pathLst>
                            </a:custGeom>
                            <a:solidFill>
                              <a:srgbClr val="FFFEFD"/>
                            </a:solidFill>
                            <a:ln>
                              <a:noFill/>
                            </a:ln>
                          </wps:spPr>
                          <wps:bodyPr spcFirstLastPara="1" wrap="square" lIns="91425" tIns="91425" rIns="91425" bIns="91425" anchor="ctr" anchorCtr="0">
                            <a:noAutofit/>
                          </wps:bodyPr>
                        </wps:wsp>
                        <wps:wsp>
                          <wps:cNvPr id="117377" name="Freeform: Shape 117377"/>
                          <wps:cNvSpPr/>
                          <wps:spPr>
                            <a:xfrm>
                              <a:off x="2748614" y="210242"/>
                              <a:ext cx="15646" cy="85992"/>
                            </a:xfrm>
                            <a:custGeom>
                              <a:avLst/>
                              <a:gdLst/>
                              <a:ahLst/>
                              <a:cxnLst/>
                              <a:rect l="l" t="t" r="r" b="b"/>
                              <a:pathLst>
                                <a:path w="15646" h="85992" extrusionOk="0">
                                  <a:moveTo>
                                    <a:pt x="0" y="0"/>
                                  </a:moveTo>
                                  <a:lnTo>
                                    <a:pt x="15646" y="0"/>
                                  </a:lnTo>
                                  <a:lnTo>
                                    <a:pt x="15646" y="85992"/>
                                  </a:lnTo>
                                  <a:lnTo>
                                    <a:pt x="0" y="85992"/>
                                  </a:lnTo>
                                  <a:lnTo>
                                    <a:pt x="0" y="0"/>
                                  </a:lnTo>
                                </a:path>
                              </a:pathLst>
                            </a:custGeom>
                            <a:solidFill>
                              <a:srgbClr val="FFFEFD"/>
                            </a:solidFill>
                            <a:ln>
                              <a:noFill/>
                            </a:ln>
                          </wps:spPr>
                          <wps:bodyPr spcFirstLastPara="1" wrap="square" lIns="91425" tIns="91425" rIns="91425" bIns="91425" anchor="ctr" anchorCtr="0">
                            <a:noAutofit/>
                          </wps:bodyPr>
                        </wps:wsp>
                        <wps:wsp>
                          <wps:cNvPr id="117378" name="Freeform: Shape 117378"/>
                          <wps:cNvSpPr/>
                          <wps:spPr>
                            <a:xfrm>
                              <a:off x="2574122" y="208038"/>
                              <a:ext cx="47022" cy="90400"/>
                            </a:xfrm>
                            <a:custGeom>
                              <a:avLst/>
                              <a:gdLst/>
                              <a:ahLst/>
                              <a:cxnLst/>
                              <a:rect l="l" t="t" r="r" b="b"/>
                              <a:pathLst>
                                <a:path w="47022" h="90400" extrusionOk="0">
                                  <a:moveTo>
                                    <a:pt x="0" y="0"/>
                                  </a:moveTo>
                                  <a:lnTo>
                                    <a:pt x="18498" y="3246"/>
                                  </a:lnTo>
                                  <a:cubicBezTo>
                                    <a:pt x="24263" y="5443"/>
                                    <a:pt x="29267" y="8491"/>
                                    <a:pt x="33496" y="12390"/>
                                  </a:cubicBezTo>
                                  <a:cubicBezTo>
                                    <a:pt x="37738" y="16289"/>
                                    <a:pt x="41053" y="21026"/>
                                    <a:pt x="43440" y="26588"/>
                                  </a:cubicBezTo>
                                  <a:cubicBezTo>
                                    <a:pt x="45828" y="32151"/>
                                    <a:pt x="47022" y="38311"/>
                                    <a:pt x="47022" y="45029"/>
                                  </a:cubicBezTo>
                                  <a:cubicBezTo>
                                    <a:pt x="47022" y="51671"/>
                                    <a:pt x="45828" y="57767"/>
                                    <a:pt x="43440" y="63330"/>
                                  </a:cubicBezTo>
                                  <a:cubicBezTo>
                                    <a:pt x="41053" y="68892"/>
                                    <a:pt x="37738" y="73680"/>
                                    <a:pt x="33496" y="77681"/>
                                  </a:cubicBezTo>
                                  <a:cubicBezTo>
                                    <a:pt x="29267" y="81694"/>
                                    <a:pt x="24263" y="84818"/>
                                    <a:pt x="18498" y="87079"/>
                                  </a:cubicBezTo>
                                  <a:lnTo>
                                    <a:pt x="0" y="90400"/>
                                  </a:lnTo>
                                  <a:lnTo>
                                    <a:pt x="0" y="76757"/>
                                  </a:lnTo>
                                  <a:lnTo>
                                    <a:pt x="12389" y="74404"/>
                                  </a:lnTo>
                                  <a:cubicBezTo>
                                    <a:pt x="16135" y="72791"/>
                                    <a:pt x="19336" y="70569"/>
                                    <a:pt x="22003" y="67736"/>
                                  </a:cubicBezTo>
                                  <a:cubicBezTo>
                                    <a:pt x="24670" y="64917"/>
                                    <a:pt x="26702" y="61539"/>
                                    <a:pt x="28111" y="57640"/>
                                  </a:cubicBezTo>
                                  <a:cubicBezTo>
                                    <a:pt x="29534" y="53741"/>
                                    <a:pt x="30232" y="49525"/>
                                    <a:pt x="30232" y="45029"/>
                                  </a:cubicBezTo>
                                  <a:cubicBezTo>
                                    <a:pt x="30232" y="40546"/>
                                    <a:pt x="29534" y="36393"/>
                                    <a:pt x="28111" y="32608"/>
                                  </a:cubicBezTo>
                                  <a:cubicBezTo>
                                    <a:pt x="26702" y="28811"/>
                                    <a:pt x="24670" y="25484"/>
                                    <a:pt x="22003" y="22664"/>
                                  </a:cubicBezTo>
                                  <a:cubicBezTo>
                                    <a:pt x="19336" y="19832"/>
                                    <a:pt x="16135" y="17610"/>
                                    <a:pt x="12389" y="16009"/>
                                  </a:cubicBezTo>
                                  <a:lnTo>
                                    <a:pt x="0" y="13644"/>
                                  </a:lnTo>
                                  <a:lnTo>
                                    <a:pt x="0" y="0"/>
                                  </a:lnTo>
                                  <a:close/>
                                </a:path>
                              </a:pathLst>
                            </a:custGeom>
                            <a:solidFill>
                              <a:srgbClr val="FFFEFD"/>
                            </a:solidFill>
                            <a:ln>
                              <a:noFill/>
                            </a:ln>
                          </wps:spPr>
                          <wps:txbx>
                            <w:txbxContent>
                              <w:p w14:paraId="2589FA3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379" name="Freeform: Shape 117379"/>
                          <wps:cNvSpPr/>
                          <wps:spPr>
                            <a:xfrm>
                              <a:off x="2644614" y="207994"/>
                              <a:ext cx="80861" cy="90487"/>
                            </a:xfrm>
                            <a:custGeom>
                              <a:avLst/>
                              <a:gdLst/>
                              <a:ahLst/>
                              <a:cxnLst/>
                              <a:rect l="l" t="t" r="r" b="b"/>
                              <a:pathLst>
                                <a:path w="80861" h="90487" extrusionOk="0">
                                  <a:moveTo>
                                    <a:pt x="47104" y="0"/>
                                  </a:moveTo>
                                  <a:cubicBezTo>
                                    <a:pt x="53632" y="0"/>
                                    <a:pt x="59754" y="1219"/>
                                    <a:pt x="65456" y="3619"/>
                                  </a:cubicBezTo>
                                  <a:cubicBezTo>
                                    <a:pt x="71158" y="6020"/>
                                    <a:pt x="75755" y="9474"/>
                                    <a:pt x="79223" y="13970"/>
                                  </a:cubicBezTo>
                                  <a:lnTo>
                                    <a:pt x="67005" y="23419"/>
                                  </a:lnTo>
                                  <a:cubicBezTo>
                                    <a:pt x="64719" y="20218"/>
                                    <a:pt x="61785" y="17780"/>
                                    <a:pt x="58191" y="16116"/>
                                  </a:cubicBezTo>
                                  <a:cubicBezTo>
                                    <a:pt x="54623" y="14478"/>
                                    <a:pt x="50800" y="13640"/>
                                    <a:pt x="46799" y="13640"/>
                                  </a:cubicBezTo>
                                  <a:cubicBezTo>
                                    <a:pt x="42228" y="13640"/>
                                    <a:pt x="38100" y="14440"/>
                                    <a:pt x="34404" y="16053"/>
                                  </a:cubicBezTo>
                                  <a:cubicBezTo>
                                    <a:pt x="30709" y="17653"/>
                                    <a:pt x="27546" y="19875"/>
                                    <a:pt x="24943" y="22708"/>
                                  </a:cubicBezTo>
                                  <a:cubicBezTo>
                                    <a:pt x="22339" y="25527"/>
                                    <a:pt x="20333" y="28854"/>
                                    <a:pt x="18910" y="32652"/>
                                  </a:cubicBezTo>
                                  <a:cubicBezTo>
                                    <a:pt x="17500" y="36436"/>
                                    <a:pt x="16802" y="40589"/>
                                    <a:pt x="16802" y="45072"/>
                                  </a:cubicBezTo>
                                  <a:cubicBezTo>
                                    <a:pt x="16802" y="49467"/>
                                    <a:pt x="17551" y="53581"/>
                                    <a:pt x="19075" y="57429"/>
                                  </a:cubicBezTo>
                                  <a:cubicBezTo>
                                    <a:pt x="20600" y="61290"/>
                                    <a:pt x="22670" y="64656"/>
                                    <a:pt x="25286" y="67539"/>
                                  </a:cubicBezTo>
                                  <a:cubicBezTo>
                                    <a:pt x="27889" y="70434"/>
                                    <a:pt x="30988" y="72707"/>
                                    <a:pt x="34569" y="74371"/>
                                  </a:cubicBezTo>
                                  <a:cubicBezTo>
                                    <a:pt x="38151" y="76035"/>
                                    <a:pt x="42011" y="76848"/>
                                    <a:pt x="46139" y="76848"/>
                                  </a:cubicBezTo>
                                  <a:cubicBezTo>
                                    <a:pt x="50711" y="76848"/>
                                    <a:pt x="54851" y="75959"/>
                                    <a:pt x="58610" y="74206"/>
                                  </a:cubicBezTo>
                                  <a:cubicBezTo>
                                    <a:pt x="62357" y="72441"/>
                                    <a:pt x="65634" y="69634"/>
                                    <a:pt x="68478" y="65773"/>
                                  </a:cubicBezTo>
                                  <a:lnTo>
                                    <a:pt x="80861" y="74282"/>
                                  </a:lnTo>
                                  <a:cubicBezTo>
                                    <a:pt x="76721" y="79299"/>
                                    <a:pt x="71958" y="83274"/>
                                    <a:pt x="66523" y="86144"/>
                                  </a:cubicBezTo>
                                  <a:cubicBezTo>
                                    <a:pt x="61074" y="89040"/>
                                    <a:pt x="54292" y="90487"/>
                                    <a:pt x="46139" y="90487"/>
                                  </a:cubicBezTo>
                                  <a:cubicBezTo>
                                    <a:pt x="39281" y="90487"/>
                                    <a:pt x="33033" y="89395"/>
                                    <a:pt x="27407" y="87198"/>
                                  </a:cubicBezTo>
                                  <a:cubicBezTo>
                                    <a:pt x="21742" y="85014"/>
                                    <a:pt x="16891" y="81940"/>
                                    <a:pt x="12802" y="77965"/>
                                  </a:cubicBezTo>
                                  <a:cubicBezTo>
                                    <a:pt x="8725" y="74016"/>
                                    <a:pt x="5563" y="69253"/>
                                    <a:pt x="3340" y="63690"/>
                                  </a:cubicBezTo>
                                  <a:cubicBezTo>
                                    <a:pt x="1118" y="58128"/>
                                    <a:pt x="0" y="51930"/>
                                    <a:pt x="0" y="45072"/>
                                  </a:cubicBezTo>
                                  <a:cubicBezTo>
                                    <a:pt x="0" y="38354"/>
                                    <a:pt x="1207" y="32194"/>
                                    <a:pt x="3594" y="26632"/>
                                  </a:cubicBezTo>
                                  <a:cubicBezTo>
                                    <a:pt x="5982" y="21069"/>
                                    <a:pt x="9271" y="16332"/>
                                    <a:pt x="13462" y="12433"/>
                                  </a:cubicBezTo>
                                  <a:cubicBezTo>
                                    <a:pt x="17640" y="8534"/>
                                    <a:pt x="22606" y="5486"/>
                                    <a:pt x="28372" y="3289"/>
                                  </a:cubicBezTo>
                                  <a:cubicBezTo>
                                    <a:pt x="34125" y="1092"/>
                                    <a:pt x="40374" y="0"/>
                                    <a:pt x="47104" y="0"/>
                                  </a:cubicBezTo>
                                  <a:close/>
                                </a:path>
                              </a:pathLst>
                            </a:custGeom>
                            <a:solidFill>
                              <a:srgbClr val="FFFEFD"/>
                            </a:solidFill>
                            <a:ln>
                              <a:noFill/>
                            </a:ln>
                          </wps:spPr>
                          <wps:txbx>
                            <w:txbxContent>
                              <w:p w14:paraId="767C260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380" name="Freeform: Shape 117380"/>
                          <wps:cNvSpPr/>
                          <wps:spPr>
                            <a:xfrm>
                              <a:off x="2878053" y="210407"/>
                              <a:ext cx="69431" cy="85827"/>
                            </a:xfrm>
                            <a:custGeom>
                              <a:avLst/>
                              <a:gdLst/>
                              <a:ahLst/>
                              <a:cxnLst/>
                              <a:rect l="l" t="t" r="r" b="b"/>
                              <a:pathLst>
                                <a:path w="69431" h="85827" extrusionOk="0">
                                  <a:moveTo>
                                    <a:pt x="0" y="0"/>
                                  </a:moveTo>
                                  <a:lnTo>
                                    <a:pt x="69431" y="0"/>
                                  </a:lnTo>
                                  <a:lnTo>
                                    <a:pt x="69431" y="12675"/>
                                  </a:lnTo>
                                  <a:lnTo>
                                    <a:pt x="42380" y="12675"/>
                                  </a:lnTo>
                                  <a:lnTo>
                                    <a:pt x="42380" y="85827"/>
                                  </a:lnTo>
                                  <a:lnTo>
                                    <a:pt x="26733" y="85827"/>
                                  </a:lnTo>
                                  <a:lnTo>
                                    <a:pt x="26733" y="12675"/>
                                  </a:lnTo>
                                  <a:lnTo>
                                    <a:pt x="0" y="12675"/>
                                  </a:lnTo>
                                  <a:lnTo>
                                    <a:pt x="0" y="0"/>
                                  </a:lnTo>
                                  <a:close/>
                                </a:path>
                              </a:pathLst>
                            </a:custGeom>
                            <a:solidFill>
                              <a:srgbClr val="FFFEFD"/>
                            </a:solidFill>
                            <a:ln>
                              <a:noFill/>
                            </a:ln>
                          </wps:spPr>
                          <wps:bodyPr spcFirstLastPara="1" wrap="square" lIns="91425" tIns="91425" rIns="91425" bIns="91425" anchor="ctr" anchorCtr="0">
                            <a:noAutofit/>
                          </wps:bodyPr>
                        </wps:wsp>
                        <wps:wsp>
                          <wps:cNvPr id="117381" name="Freeform: Shape 117381"/>
                          <wps:cNvSpPr/>
                          <wps:spPr>
                            <a:xfrm>
                              <a:off x="2968997" y="210242"/>
                              <a:ext cx="15646" cy="85992"/>
                            </a:xfrm>
                            <a:custGeom>
                              <a:avLst/>
                              <a:gdLst/>
                              <a:ahLst/>
                              <a:cxnLst/>
                              <a:rect l="l" t="t" r="r" b="b"/>
                              <a:pathLst>
                                <a:path w="15646" h="85992" extrusionOk="0">
                                  <a:moveTo>
                                    <a:pt x="0" y="0"/>
                                  </a:moveTo>
                                  <a:lnTo>
                                    <a:pt x="15646" y="0"/>
                                  </a:lnTo>
                                  <a:lnTo>
                                    <a:pt x="15646" y="85992"/>
                                  </a:lnTo>
                                  <a:lnTo>
                                    <a:pt x="0" y="85992"/>
                                  </a:lnTo>
                                  <a:lnTo>
                                    <a:pt x="0" y="0"/>
                                  </a:lnTo>
                                </a:path>
                              </a:pathLst>
                            </a:custGeom>
                            <a:solidFill>
                              <a:srgbClr val="FFFEFD"/>
                            </a:solidFill>
                            <a:ln>
                              <a:noFill/>
                            </a:ln>
                          </wps:spPr>
                          <wps:bodyPr spcFirstLastPara="1" wrap="square" lIns="91425" tIns="91425" rIns="91425" bIns="91425" anchor="ctr" anchorCtr="0">
                            <a:noAutofit/>
                          </wps:bodyPr>
                        </wps:wsp>
                        <wps:wsp>
                          <wps:cNvPr id="117382" name="Freeform: Shape 117382"/>
                          <wps:cNvSpPr/>
                          <wps:spPr>
                            <a:xfrm>
                              <a:off x="2829062" y="210242"/>
                              <a:ext cx="44571" cy="85992"/>
                            </a:xfrm>
                            <a:custGeom>
                              <a:avLst/>
                              <a:gdLst/>
                              <a:ahLst/>
                              <a:cxnLst/>
                              <a:rect l="l" t="t" r="r" b="b"/>
                              <a:pathLst>
                                <a:path w="44571" h="85992" extrusionOk="0">
                                  <a:moveTo>
                                    <a:pt x="0" y="0"/>
                                  </a:moveTo>
                                  <a:lnTo>
                                    <a:pt x="7576" y="0"/>
                                  </a:lnTo>
                                  <a:lnTo>
                                    <a:pt x="44571" y="85992"/>
                                  </a:lnTo>
                                  <a:lnTo>
                                    <a:pt x="27616" y="85992"/>
                                  </a:lnTo>
                                  <a:lnTo>
                                    <a:pt x="19488" y="66104"/>
                                  </a:lnTo>
                                  <a:lnTo>
                                    <a:pt x="0" y="66104"/>
                                  </a:lnTo>
                                  <a:lnTo>
                                    <a:pt x="0" y="53734"/>
                                  </a:lnTo>
                                  <a:lnTo>
                                    <a:pt x="14586" y="53734"/>
                                  </a:lnTo>
                                  <a:lnTo>
                                    <a:pt x="95" y="17653"/>
                                  </a:lnTo>
                                  <a:lnTo>
                                    <a:pt x="0" y="17887"/>
                                  </a:lnTo>
                                  <a:lnTo>
                                    <a:pt x="0" y="0"/>
                                  </a:lnTo>
                                  <a:close/>
                                </a:path>
                              </a:pathLst>
                            </a:custGeom>
                            <a:solidFill>
                              <a:srgbClr val="FFFEFD"/>
                            </a:solidFill>
                            <a:ln>
                              <a:noFill/>
                            </a:ln>
                          </wps:spPr>
                          <wps:bodyPr spcFirstLastPara="1" wrap="square" lIns="91425" tIns="91425" rIns="91425" bIns="91425" anchor="ctr" anchorCtr="0">
                            <a:noAutofit/>
                          </wps:bodyPr>
                        </wps:wsp>
                        <wps:wsp>
                          <wps:cNvPr id="117383" name="Freeform: Shape 117383"/>
                          <wps:cNvSpPr/>
                          <wps:spPr>
                            <a:xfrm>
                              <a:off x="3013333" y="207994"/>
                              <a:ext cx="47034" cy="90487"/>
                            </a:xfrm>
                            <a:custGeom>
                              <a:avLst/>
                              <a:gdLst/>
                              <a:ahLst/>
                              <a:cxnLst/>
                              <a:rect l="l" t="t" r="r" b="b"/>
                              <a:pathLst>
                                <a:path w="47034" h="90487" extrusionOk="0">
                                  <a:moveTo>
                                    <a:pt x="46774" y="0"/>
                                  </a:moveTo>
                                  <a:lnTo>
                                    <a:pt x="47034" y="46"/>
                                  </a:lnTo>
                                  <a:lnTo>
                                    <a:pt x="47034" y="13689"/>
                                  </a:lnTo>
                                  <a:lnTo>
                                    <a:pt x="46774" y="13640"/>
                                  </a:lnTo>
                                  <a:cubicBezTo>
                                    <a:pt x="42214" y="13640"/>
                                    <a:pt x="38087" y="14440"/>
                                    <a:pt x="34391" y="16053"/>
                                  </a:cubicBezTo>
                                  <a:cubicBezTo>
                                    <a:pt x="30696" y="17653"/>
                                    <a:pt x="27546" y="19875"/>
                                    <a:pt x="24943" y="22708"/>
                                  </a:cubicBezTo>
                                  <a:cubicBezTo>
                                    <a:pt x="22339" y="25527"/>
                                    <a:pt x="20332" y="28854"/>
                                    <a:pt x="18910" y="32652"/>
                                  </a:cubicBezTo>
                                  <a:cubicBezTo>
                                    <a:pt x="17500" y="36436"/>
                                    <a:pt x="16789" y="40589"/>
                                    <a:pt x="16789" y="45072"/>
                                  </a:cubicBezTo>
                                  <a:cubicBezTo>
                                    <a:pt x="16789" y="49568"/>
                                    <a:pt x="17500" y="53784"/>
                                    <a:pt x="18910" y="57683"/>
                                  </a:cubicBezTo>
                                  <a:cubicBezTo>
                                    <a:pt x="20332" y="61582"/>
                                    <a:pt x="22339" y="64961"/>
                                    <a:pt x="24943" y="67780"/>
                                  </a:cubicBezTo>
                                  <a:cubicBezTo>
                                    <a:pt x="27546" y="70612"/>
                                    <a:pt x="30696" y="72834"/>
                                    <a:pt x="34391" y="74447"/>
                                  </a:cubicBezTo>
                                  <a:cubicBezTo>
                                    <a:pt x="38087" y="76048"/>
                                    <a:pt x="42214" y="76848"/>
                                    <a:pt x="46774" y="76848"/>
                                  </a:cubicBezTo>
                                  <a:lnTo>
                                    <a:pt x="47034" y="76798"/>
                                  </a:lnTo>
                                  <a:lnTo>
                                    <a:pt x="47034" y="90441"/>
                                  </a:lnTo>
                                  <a:lnTo>
                                    <a:pt x="46774" y="90487"/>
                                  </a:lnTo>
                                  <a:cubicBezTo>
                                    <a:pt x="40157" y="90487"/>
                                    <a:pt x="33998" y="89357"/>
                                    <a:pt x="28295" y="87122"/>
                                  </a:cubicBezTo>
                                  <a:cubicBezTo>
                                    <a:pt x="22593" y="84861"/>
                                    <a:pt x="17640" y="81737"/>
                                    <a:pt x="13462" y="77724"/>
                                  </a:cubicBezTo>
                                  <a:cubicBezTo>
                                    <a:pt x="9271" y="73723"/>
                                    <a:pt x="5994" y="68936"/>
                                    <a:pt x="3594" y="63373"/>
                                  </a:cubicBezTo>
                                  <a:cubicBezTo>
                                    <a:pt x="1206" y="57810"/>
                                    <a:pt x="0" y="51714"/>
                                    <a:pt x="0" y="45072"/>
                                  </a:cubicBezTo>
                                  <a:cubicBezTo>
                                    <a:pt x="0" y="38354"/>
                                    <a:pt x="1206" y="32194"/>
                                    <a:pt x="3594" y="26632"/>
                                  </a:cubicBezTo>
                                  <a:cubicBezTo>
                                    <a:pt x="5994" y="21069"/>
                                    <a:pt x="9271" y="16332"/>
                                    <a:pt x="13462" y="12433"/>
                                  </a:cubicBezTo>
                                  <a:cubicBezTo>
                                    <a:pt x="17640" y="8534"/>
                                    <a:pt x="22593" y="5486"/>
                                    <a:pt x="28295" y="3289"/>
                                  </a:cubicBezTo>
                                  <a:cubicBezTo>
                                    <a:pt x="33998" y="1092"/>
                                    <a:pt x="40157" y="0"/>
                                    <a:pt x="46774" y="0"/>
                                  </a:cubicBezTo>
                                  <a:close/>
                                </a:path>
                              </a:pathLst>
                            </a:custGeom>
                            <a:solidFill>
                              <a:srgbClr val="FFFEFD"/>
                            </a:solidFill>
                            <a:ln>
                              <a:noFill/>
                            </a:ln>
                          </wps:spPr>
                          <wps:txbx>
                            <w:txbxContent>
                              <w:p w14:paraId="7FA48F22"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384" name="Freeform: Shape 117384"/>
                          <wps:cNvSpPr/>
                          <wps:spPr>
                            <a:xfrm>
                              <a:off x="3136078" y="210242"/>
                              <a:ext cx="73355" cy="85992"/>
                            </a:xfrm>
                            <a:custGeom>
                              <a:avLst/>
                              <a:gdLst/>
                              <a:ahLst/>
                              <a:cxnLst/>
                              <a:rect l="l" t="t" r="r" b="b"/>
                              <a:pathLst>
                                <a:path w="73355" h="85992" extrusionOk="0">
                                  <a:moveTo>
                                    <a:pt x="0" y="0"/>
                                  </a:moveTo>
                                  <a:lnTo>
                                    <a:pt x="18910" y="0"/>
                                  </a:lnTo>
                                  <a:lnTo>
                                    <a:pt x="57861" y="65138"/>
                                  </a:lnTo>
                                  <a:lnTo>
                                    <a:pt x="58191" y="65138"/>
                                  </a:lnTo>
                                  <a:lnTo>
                                    <a:pt x="58191" y="0"/>
                                  </a:lnTo>
                                  <a:lnTo>
                                    <a:pt x="73355" y="0"/>
                                  </a:lnTo>
                                  <a:lnTo>
                                    <a:pt x="73355" y="85992"/>
                                  </a:lnTo>
                                  <a:lnTo>
                                    <a:pt x="54775" y="85992"/>
                                  </a:lnTo>
                                  <a:lnTo>
                                    <a:pt x="15481" y="21171"/>
                                  </a:lnTo>
                                  <a:lnTo>
                                    <a:pt x="15164" y="21171"/>
                                  </a:lnTo>
                                  <a:lnTo>
                                    <a:pt x="15164" y="85992"/>
                                  </a:lnTo>
                                  <a:lnTo>
                                    <a:pt x="0" y="85992"/>
                                  </a:lnTo>
                                  <a:lnTo>
                                    <a:pt x="0" y="0"/>
                                  </a:lnTo>
                                  <a:close/>
                                </a:path>
                              </a:pathLst>
                            </a:custGeom>
                            <a:solidFill>
                              <a:srgbClr val="FFFEFD"/>
                            </a:solidFill>
                            <a:ln>
                              <a:noFill/>
                            </a:ln>
                          </wps:spPr>
                          <wps:bodyPr spcFirstLastPara="1" wrap="square" lIns="91425" tIns="91425" rIns="91425" bIns="91425" anchor="ctr" anchorCtr="0">
                            <a:noAutofit/>
                          </wps:bodyPr>
                        </wps:wsp>
                        <wps:wsp>
                          <wps:cNvPr id="117385" name="Freeform: Shape 117385"/>
                          <wps:cNvSpPr/>
                          <wps:spPr>
                            <a:xfrm>
                              <a:off x="3060368" y="208040"/>
                              <a:ext cx="47022" cy="90395"/>
                            </a:xfrm>
                            <a:custGeom>
                              <a:avLst/>
                              <a:gdLst/>
                              <a:ahLst/>
                              <a:cxnLst/>
                              <a:rect l="l" t="t" r="r" b="b"/>
                              <a:pathLst>
                                <a:path w="47022" h="90395" extrusionOk="0">
                                  <a:moveTo>
                                    <a:pt x="0" y="0"/>
                                  </a:moveTo>
                                  <a:lnTo>
                                    <a:pt x="18497" y="3244"/>
                                  </a:lnTo>
                                  <a:cubicBezTo>
                                    <a:pt x="24250" y="5441"/>
                                    <a:pt x="29254" y="8489"/>
                                    <a:pt x="33496" y="12388"/>
                                  </a:cubicBezTo>
                                  <a:cubicBezTo>
                                    <a:pt x="37725" y="16287"/>
                                    <a:pt x="41040" y="21024"/>
                                    <a:pt x="43453" y="26586"/>
                                  </a:cubicBezTo>
                                  <a:cubicBezTo>
                                    <a:pt x="45815" y="32149"/>
                                    <a:pt x="47022" y="38308"/>
                                    <a:pt x="47022" y="45027"/>
                                  </a:cubicBezTo>
                                  <a:cubicBezTo>
                                    <a:pt x="47022" y="51669"/>
                                    <a:pt x="45815" y="57765"/>
                                    <a:pt x="43453" y="63327"/>
                                  </a:cubicBezTo>
                                  <a:cubicBezTo>
                                    <a:pt x="41040" y="68890"/>
                                    <a:pt x="37725" y="73678"/>
                                    <a:pt x="33496" y="77678"/>
                                  </a:cubicBezTo>
                                  <a:cubicBezTo>
                                    <a:pt x="29254" y="81692"/>
                                    <a:pt x="24250" y="84816"/>
                                    <a:pt x="18497" y="87076"/>
                                  </a:cubicBezTo>
                                  <a:lnTo>
                                    <a:pt x="0" y="90395"/>
                                  </a:lnTo>
                                  <a:lnTo>
                                    <a:pt x="0" y="76753"/>
                                  </a:lnTo>
                                  <a:lnTo>
                                    <a:pt x="12389" y="74402"/>
                                  </a:lnTo>
                                  <a:cubicBezTo>
                                    <a:pt x="16135" y="72789"/>
                                    <a:pt x="19336" y="70566"/>
                                    <a:pt x="22003" y="67734"/>
                                  </a:cubicBezTo>
                                  <a:cubicBezTo>
                                    <a:pt x="24670" y="64915"/>
                                    <a:pt x="26701" y="61537"/>
                                    <a:pt x="28111" y="57638"/>
                                  </a:cubicBezTo>
                                  <a:cubicBezTo>
                                    <a:pt x="29521" y="53739"/>
                                    <a:pt x="30245" y="49522"/>
                                    <a:pt x="30245" y="45027"/>
                                  </a:cubicBezTo>
                                  <a:cubicBezTo>
                                    <a:pt x="30245" y="40543"/>
                                    <a:pt x="29521" y="36391"/>
                                    <a:pt x="28111" y="32606"/>
                                  </a:cubicBezTo>
                                  <a:cubicBezTo>
                                    <a:pt x="26701" y="28809"/>
                                    <a:pt x="24670" y="25481"/>
                                    <a:pt x="22003" y="22662"/>
                                  </a:cubicBezTo>
                                  <a:cubicBezTo>
                                    <a:pt x="19336" y="19830"/>
                                    <a:pt x="16135" y="17607"/>
                                    <a:pt x="12389" y="16007"/>
                                  </a:cubicBezTo>
                                  <a:lnTo>
                                    <a:pt x="0" y="13644"/>
                                  </a:lnTo>
                                  <a:lnTo>
                                    <a:pt x="0" y="0"/>
                                  </a:lnTo>
                                  <a:close/>
                                </a:path>
                              </a:pathLst>
                            </a:custGeom>
                            <a:solidFill>
                              <a:srgbClr val="FFFEFD"/>
                            </a:solidFill>
                            <a:ln>
                              <a:noFill/>
                            </a:ln>
                          </wps:spPr>
                          <wps:txbx>
                            <w:txbxContent>
                              <w:p w14:paraId="0748758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386" name="Freeform: Shape 117386"/>
                          <wps:cNvSpPr/>
                          <wps:spPr>
                            <a:xfrm>
                              <a:off x="3285393" y="207994"/>
                              <a:ext cx="47028" cy="90487"/>
                            </a:xfrm>
                            <a:custGeom>
                              <a:avLst/>
                              <a:gdLst/>
                              <a:ahLst/>
                              <a:cxnLst/>
                              <a:rect l="l" t="t" r="r" b="b"/>
                              <a:pathLst>
                                <a:path w="47028" h="90487" extrusionOk="0">
                                  <a:moveTo>
                                    <a:pt x="46799" y="0"/>
                                  </a:moveTo>
                                  <a:lnTo>
                                    <a:pt x="47028" y="40"/>
                                  </a:lnTo>
                                  <a:lnTo>
                                    <a:pt x="47028" y="13683"/>
                                  </a:lnTo>
                                  <a:lnTo>
                                    <a:pt x="46799" y="13640"/>
                                  </a:lnTo>
                                  <a:cubicBezTo>
                                    <a:pt x="42227" y="13640"/>
                                    <a:pt x="38087" y="14440"/>
                                    <a:pt x="34391" y="16053"/>
                                  </a:cubicBezTo>
                                  <a:cubicBezTo>
                                    <a:pt x="30696" y="17653"/>
                                    <a:pt x="27546" y="19875"/>
                                    <a:pt x="24943" y="22708"/>
                                  </a:cubicBezTo>
                                  <a:cubicBezTo>
                                    <a:pt x="22339" y="25527"/>
                                    <a:pt x="20332" y="28854"/>
                                    <a:pt x="18910" y="32652"/>
                                  </a:cubicBezTo>
                                  <a:cubicBezTo>
                                    <a:pt x="17513" y="36436"/>
                                    <a:pt x="16789" y="40589"/>
                                    <a:pt x="16789" y="45072"/>
                                  </a:cubicBezTo>
                                  <a:cubicBezTo>
                                    <a:pt x="16789" y="49568"/>
                                    <a:pt x="17513" y="53784"/>
                                    <a:pt x="18910" y="57683"/>
                                  </a:cubicBezTo>
                                  <a:cubicBezTo>
                                    <a:pt x="20332" y="61582"/>
                                    <a:pt x="22339" y="64961"/>
                                    <a:pt x="24943" y="67780"/>
                                  </a:cubicBezTo>
                                  <a:cubicBezTo>
                                    <a:pt x="27546" y="70612"/>
                                    <a:pt x="30696" y="72834"/>
                                    <a:pt x="34391" y="74447"/>
                                  </a:cubicBezTo>
                                  <a:cubicBezTo>
                                    <a:pt x="38087" y="76048"/>
                                    <a:pt x="42227" y="76848"/>
                                    <a:pt x="46799" y="76848"/>
                                  </a:cubicBezTo>
                                  <a:lnTo>
                                    <a:pt x="47028" y="76804"/>
                                  </a:lnTo>
                                  <a:lnTo>
                                    <a:pt x="47028" y="90446"/>
                                  </a:lnTo>
                                  <a:lnTo>
                                    <a:pt x="46799" y="90487"/>
                                  </a:lnTo>
                                  <a:cubicBezTo>
                                    <a:pt x="40157" y="90487"/>
                                    <a:pt x="33985" y="89357"/>
                                    <a:pt x="28295" y="87122"/>
                                  </a:cubicBezTo>
                                  <a:cubicBezTo>
                                    <a:pt x="22593" y="84861"/>
                                    <a:pt x="17640" y="81737"/>
                                    <a:pt x="13449" y="77724"/>
                                  </a:cubicBezTo>
                                  <a:cubicBezTo>
                                    <a:pt x="9258" y="73723"/>
                                    <a:pt x="5981" y="68936"/>
                                    <a:pt x="3594" y="63373"/>
                                  </a:cubicBezTo>
                                  <a:cubicBezTo>
                                    <a:pt x="1206" y="57810"/>
                                    <a:pt x="0" y="51714"/>
                                    <a:pt x="0" y="45072"/>
                                  </a:cubicBezTo>
                                  <a:cubicBezTo>
                                    <a:pt x="0" y="38354"/>
                                    <a:pt x="1206" y="32194"/>
                                    <a:pt x="3594" y="26632"/>
                                  </a:cubicBezTo>
                                  <a:cubicBezTo>
                                    <a:pt x="5981" y="21069"/>
                                    <a:pt x="9258" y="16332"/>
                                    <a:pt x="13449" y="12433"/>
                                  </a:cubicBezTo>
                                  <a:cubicBezTo>
                                    <a:pt x="17640" y="8534"/>
                                    <a:pt x="22593" y="5486"/>
                                    <a:pt x="28295" y="3289"/>
                                  </a:cubicBezTo>
                                  <a:cubicBezTo>
                                    <a:pt x="33985" y="1092"/>
                                    <a:pt x="40157" y="0"/>
                                    <a:pt x="46799" y="0"/>
                                  </a:cubicBezTo>
                                  <a:close/>
                                </a:path>
                              </a:pathLst>
                            </a:custGeom>
                            <a:solidFill>
                              <a:srgbClr val="FFFEFD"/>
                            </a:solidFill>
                            <a:ln>
                              <a:noFill/>
                            </a:ln>
                          </wps:spPr>
                          <wps:txbx>
                            <w:txbxContent>
                              <w:p w14:paraId="75E4F9A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387" name="Freeform: Shape 117387"/>
                          <wps:cNvSpPr/>
                          <wps:spPr>
                            <a:xfrm>
                              <a:off x="3408138" y="210407"/>
                              <a:ext cx="56553" cy="85827"/>
                            </a:xfrm>
                            <a:custGeom>
                              <a:avLst/>
                              <a:gdLst/>
                              <a:ahLst/>
                              <a:cxnLst/>
                              <a:rect l="l" t="t" r="r" b="b"/>
                              <a:pathLst>
                                <a:path w="56553" h="85827" extrusionOk="0">
                                  <a:moveTo>
                                    <a:pt x="0" y="0"/>
                                  </a:moveTo>
                                  <a:lnTo>
                                    <a:pt x="56553" y="0"/>
                                  </a:lnTo>
                                  <a:lnTo>
                                    <a:pt x="56553" y="12675"/>
                                  </a:lnTo>
                                  <a:lnTo>
                                    <a:pt x="15646" y="12675"/>
                                  </a:lnTo>
                                  <a:lnTo>
                                    <a:pt x="15646" y="36576"/>
                                  </a:lnTo>
                                  <a:lnTo>
                                    <a:pt x="54115" y="36576"/>
                                  </a:lnTo>
                                  <a:lnTo>
                                    <a:pt x="54115" y="49251"/>
                                  </a:lnTo>
                                  <a:lnTo>
                                    <a:pt x="15646" y="49251"/>
                                  </a:lnTo>
                                  <a:lnTo>
                                    <a:pt x="15646" y="85827"/>
                                  </a:lnTo>
                                  <a:lnTo>
                                    <a:pt x="0" y="85827"/>
                                  </a:lnTo>
                                  <a:lnTo>
                                    <a:pt x="0" y="0"/>
                                  </a:lnTo>
                                  <a:close/>
                                </a:path>
                              </a:pathLst>
                            </a:custGeom>
                            <a:solidFill>
                              <a:srgbClr val="FFFEFD"/>
                            </a:solidFill>
                            <a:ln>
                              <a:noFill/>
                            </a:ln>
                          </wps:spPr>
                          <wps:bodyPr spcFirstLastPara="1" wrap="square" lIns="91425" tIns="91425" rIns="91425" bIns="91425" anchor="ctr" anchorCtr="0">
                            <a:noAutofit/>
                          </wps:bodyPr>
                        </wps:wsp>
                        <wps:wsp>
                          <wps:cNvPr id="117388" name="Freeform: Shape 117388"/>
                          <wps:cNvSpPr/>
                          <wps:spPr>
                            <a:xfrm>
                              <a:off x="3332421" y="208034"/>
                              <a:ext cx="47028" cy="90406"/>
                            </a:xfrm>
                            <a:custGeom>
                              <a:avLst/>
                              <a:gdLst/>
                              <a:ahLst/>
                              <a:cxnLst/>
                              <a:rect l="l" t="t" r="r" b="b"/>
                              <a:pathLst>
                                <a:path w="47028" h="90406" extrusionOk="0">
                                  <a:moveTo>
                                    <a:pt x="0" y="0"/>
                                  </a:moveTo>
                                  <a:lnTo>
                                    <a:pt x="18504" y="3249"/>
                                  </a:lnTo>
                                  <a:cubicBezTo>
                                    <a:pt x="24257" y="5446"/>
                                    <a:pt x="29261" y="8494"/>
                                    <a:pt x="33503" y="12393"/>
                                  </a:cubicBezTo>
                                  <a:cubicBezTo>
                                    <a:pt x="37731" y="16292"/>
                                    <a:pt x="41059" y="21029"/>
                                    <a:pt x="43446" y="26592"/>
                                  </a:cubicBezTo>
                                  <a:cubicBezTo>
                                    <a:pt x="45821" y="32154"/>
                                    <a:pt x="47028" y="38314"/>
                                    <a:pt x="47028" y="45032"/>
                                  </a:cubicBezTo>
                                  <a:cubicBezTo>
                                    <a:pt x="47028" y="51674"/>
                                    <a:pt x="45821" y="57770"/>
                                    <a:pt x="43446" y="63333"/>
                                  </a:cubicBezTo>
                                  <a:cubicBezTo>
                                    <a:pt x="41059" y="68895"/>
                                    <a:pt x="37731" y="73683"/>
                                    <a:pt x="33503" y="77684"/>
                                  </a:cubicBezTo>
                                  <a:cubicBezTo>
                                    <a:pt x="29261" y="81697"/>
                                    <a:pt x="24257" y="84821"/>
                                    <a:pt x="18504" y="87082"/>
                                  </a:cubicBezTo>
                                  <a:lnTo>
                                    <a:pt x="0" y="90406"/>
                                  </a:lnTo>
                                  <a:lnTo>
                                    <a:pt x="0" y="76764"/>
                                  </a:lnTo>
                                  <a:lnTo>
                                    <a:pt x="12395" y="74407"/>
                                  </a:lnTo>
                                  <a:cubicBezTo>
                                    <a:pt x="16128" y="72794"/>
                                    <a:pt x="19342" y="70572"/>
                                    <a:pt x="21996" y="67740"/>
                                  </a:cubicBezTo>
                                  <a:cubicBezTo>
                                    <a:pt x="24676" y="64920"/>
                                    <a:pt x="26708" y="61542"/>
                                    <a:pt x="28118" y="57643"/>
                                  </a:cubicBezTo>
                                  <a:cubicBezTo>
                                    <a:pt x="29527" y="53744"/>
                                    <a:pt x="30238" y="49528"/>
                                    <a:pt x="30238" y="45032"/>
                                  </a:cubicBezTo>
                                  <a:cubicBezTo>
                                    <a:pt x="30238" y="40549"/>
                                    <a:pt x="29527" y="36396"/>
                                    <a:pt x="28118" y="32612"/>
                                  </a:cubicBezTo>
                                  <a:cubicBezTo>
                                    <a:pt x="26708" y="28814"/>
                                    <a:pt x="24676" y="25487"/>
                                    <a:pt x="21996" y="22667"/>
                                  </a:cubicBezTo>
                                  <a:cubicBezTo>
                                    <a:pt x="19342" y="19835"/>
                                    <a:pt x="16128" y="17613"/>
                                    <a:pt x="12395" y="16013"/>
                                  </a:cubicBezTo>
                                  <a:lnTo>
                                    <a:pt x="0" y="13643"/>
                                  </a:lnTo>
                                  <a:lnTo>
                                    <a:pt x="0" y="0"/>
                                  </a:lnTo>
                                  <a:close/>
                                </a:path>
                              </a:pathLst>
                            </a:custGeom>
                            <a:solidFill>
                              <a:srgbClr val="FFFEFD"/>
                            </a:solidFill>
                            <a:ln>
                              <a:noFill/>
                            </a:ln>
                          </wps:spPr>
                          <wps:txbx>
                            <w:txbxContent>
                              <w:p w14:paraId="5C4E839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389" name="Freeform: Shape 117389"/>
                          <wps:cNvSpPr/>
                          <wps:spPr>
                            <a:xfrm>
                              <a:off x="898220" y="198945"/>
                              <a:ext cx="69583" cy="310807"/>
                            </a:xfrm>
                            <a:custGeom>
                              <a:avLst/>
                              <a:gdLst/>
                              <a:ahLst/>
                              <a:cxnLst/>
                              <a:rect l="l" t="t" r="r" b="b"/>
                              <a:pathLst>
                                <a:path w="69583" h="310807" extrusionOk="0">
                                  <a:moveTo>
                                    <a:pt x="0" y="0"/>
                                  </a:moveTo>
                                  <a:lnTo>
                                    <a:pt x="69583" y="0"/>
                                  </a:lnTo>
                                  <a:lnTo>
                                    <a:pt x="69583" y="310807"/>
                                  </a:lnTo>
                                  <a:lnTo>
                                    <a:pt x="0" y="310807"/>
                                  </a:lnTo>
                                  <a:lnTo>
                                    <a:pt x="0" y="0"/>
                                  </a:lnTo>
                                </a:path>
                              </a:pathLst>
                            </a:custGeom>
                            <a:solidFill>
                              <a:srgbClr val="FFFEFD"/>
                            </a:solidFill>
                            <a:ln>
                              <a:noFill/>
                            </a:ln>
                          </wps:spPr>
                          <wps:bodyPr spcFirstLastPara="1" wrap="square" lIns="91425" tIns="91425" rIns="91425" bIns="91425" anchor="ctr" anchorCtr="0">
                            <a:noAutofit/>
                          </wps:bodyPr>
                        </wps:wsp>
                        <wps:wsp>
                          <wps:cNvPr id="117390" name="Freeform: Shape 117390"/>
                          <wps:cNvSpPr/>
                          <wps:spPr>
                            <a:xfrm>
                              <a:off x="522656" y="198948"/>
                              <a:ext cx="163473" cy="310804"/>
                            </a:xfrm>
                            <a:custGeom>
                              <a:avLst/>
                              <a:gdLst/>
                              <a:ahLst/>
                              <a:cxnLst/>
                              <a:rect l="l" t="t" r="r" b="b"/>
                              <a:pathLst>
                                <a:path w="163473" h="310804" extrusionOk="0">
                                  <a:moveTo>
                                    <a:pt x="136486" y="0"/>
                                  </a:moveTo>
                                  <a:lnTo>
                                    <a:pt x="163473" y="0"/>
                                  </a:lnTo>
                                  <a:lnTo>
                                    <a:pt x="163473" y="91005"/>
                                  </a:lnTo>
                                  <a:lnTo>
                                    <a:pt x="163245" y="90437"/>
                                  </a:lnTo>
                                  <a:lnTo>
                                    <a:pt x="124891" y="187007"/>
                                  </a:lnTo>
                                  <a:lnTo>
                                    <a:pt x="163473" y="187007"/>
                                  </a:lnTo>
                                  <a:lnTo>
                                    <a:pt x="163473" y="244958"/>
                                  </a:lnTo>
                                  <a:lnTo>
                                    <a:pt x="103034" y="244958"/>
                                  </a:lnTo>
                                  <a:lnTo>
                                    <a:pt x="76708" y="310804"/>
                                  </a:lnTo>
                                  <a:lnTo>
                                    <a:pt x="0" y="310804"/>
                                  </a:lnTo>
                                  <a:lnTo>
                                    <a:pt x="136486" y="0"/>
                                  </a:lnTo>
                                  <a:close/>
                                </a:path>
                              </a:pathLst>
                            </a:custGeom>
                            <a:solidFill>
                              <a:srgbClr val="FFFEFD"/>
                            </a:solidFill>
                            <a:ln>
                              <a:noFill/>
                            </a:ln>
                          </wps:spPr>
                          <wps:bodyPr spcFirstLastPara="1" wrap="square" lIns="91425" tIns="91425" rIns="91425" bIns="91425" anchor="ctr" anchorCtr="0">
                            <a:noAutofit/>
                          </wps:bodyPr>
                        </wps:wsp>
                        <wps:wsp>
                          <wps:cNvPr id="117391" name="Freeform: Shape 117391"/>
                          <wps:cNvSpPr/>
                          <wps:spPr>
                            <a:xfrm>
                              <a:off x="686129" y="198948"/>
                              <a:ext cx="167931" cy="310804"/>
                            </a:xfrm>
                            <a:custGeom>
                              <a:avLst/>
                              <a:gdLst/>
                              <a:ahLst/>
                              <a:cxnLst/>
                              <a:rect l="l" t="t" r="r" b="b"/>
                              <a:pathLst>
                                <a:path w="167931" h="310804" extrusionOk="0">
                                  <a:moveTo>
                                    <a:pt x="0" y="0"/>
                                  </a:moveTo>
                                  <a:lnTo>
                                    <a:pt x="30556" y="0"/>
                                  </a:lnTo>
                                  <a:lnTo>
                                    <a:pt x="167931" y="310804"/>
                                  </a:lnTo>
                                  <a:lnTo>
                                    <a:pt x="89420" y="310804"/>
                                  </a:lnTo>
                                  <a:lnTo>
                                    <a:pt x="62217" y="244958"/>
                                  </a:lnTo>
                                  <a:lnTo>
                                    <a:pt x="0" y="244958"/>
                                  </a:lnTo>
                                  <a:lnTo>
                                    <a:pt x="0" y="187007"/>
                                  </a:lnTo>
                                  <a:lnTo>
                                    <a:pt x="38583" y="187007"/>
                                  </a:lnTo>
                                  <a:lnTo>
                                    <a:pt x="0" y="91005"/>
                                  </a:lnTo>
                                  <a:lnTo>
                                    <a:pt x="0" y="0"/>
                                  </a:lnTo>
                                  <a:close/>
                                </a:path>
                              </a:pathLst>
                            </a:custGeom>
                            <a:solidFill>
                              <a:srgbClr val="FFFEFD"/>
                            </a:solidFill>
                            <a:ln>
                              <a:noFill/>
                            </a:ln>
                          </wps:spPr>
                          <wps:bodyPr spcFirstLastPara="1" wrap="square" lIns="91425" tIns="91425" rIns="91425" bIns="91425" anchor="ctr" anchorCtr="0">
                            <a:noAutofit/>
                          </wps:bodyPr>
                        </wps:wsp>
                        <wps:wsp>
                          <wps:cNvPr id="117392" name="Freeform: Shape 117392"/>
                          <wps:cNvSpPr/>
                          <wps:spPr>
                            <a:xfrm>
                              <a:off x="178308" y="198948"/>
                              <a:ext cx="299296" cy="310804"/>
                            </a:xfrm>
                            <a:custGeom>
                              <a:avLst/>
                              <a:gdLst/>
                              <a:ahLst/>
                              <a:cxnLst/>
                              <a:rect l="l" t="t" r="r" b="b"/>
                              <a:pathLst>
                                <a:path w="299296" h="310804" extrusionOk="0">
                                  <a:moveTo>
                                    <a:pt x="0" y="0"/>
                                  </a:moveTo>
                                  <a:lnTo>
                                    <a:pt x="94559" y="0"/>
                                  </a:lnTo>
                                  <a:lnTo>
                                    <a:pt x="228824" y="215976"/>
                                  </a:lnTo>
                                  <a:lnTo>
                                    <a:pt x="229713" y="215976"/>
                                  </a:lnTo>
                                  <a:lnTo>
                                    <a:pt x="229713" y="0"/>
                                  </a:lnTo>
                                  <a:lnTo>
                                    <a:pt x="299296" y="0"/>
                                  </a:lnTo>
                                  <a:lnTo>
                                    <a:pt x="299296" y="310804"/>
                                  </a:lnTo>
                                  <a:lnTo>
                                    <a:pt x="208299" y="310804"/>
                                  </a:lnTo>
                                  <a:lnTo>
                                    <a:pt x="70480" y="89560"/>
                                  </a:lnTo>
                                  <a:lnTo>
                                    <a:pt x="69578" y="89560"/>
                                  </a:lnTo>
                                  <a:lnTo>
                                    <a:pt x="69578" y="310804"/>
                                  </a:lnTo>
                                  <a:lnTo>
                                    <a:pt x="0" y="310804"/>
                                  </a:lnTo>
                                  <a:lnTo>
                                    <a:pt x="0" y="0"/>
                                  </a:lnTo>
                                  <a:close/>
                                </a:path>
                              </a:pathLst>
                            </a:custGeom>
                            <a:solidFill>
                              <a:srgbClr val="FFFEFD"/>
                            </a:solidFill>
                            <a:ln>
                              <a:noFill/>
                            </a:ln>
                          </wps:spPr>
                          <wps:bodyPr spcFirstLastPara="1" wrap="square" lIns="91425" tIns="91425" rIns="91425" bIns="91425" anchor="ctr" anchorCtr="0">
                            <a:noAutofit/>
                          </wps:bodyPr>
                        </wps:wsp>
                        <wps:wsp>
                          <wps:cNvPr id="117393" name="Freeform: Shape 117393"/>
                          <wps:cNvSpPr/>
                          <wps:spPr>
                            <a:xfrm>
                              <a:off x="1036914" y="198907"/>
                              <a:ext cx="304482" cy="309802"/>
                            </a:xfrm>
                            <a:custGeom>
                              <a:avLst/>
                              <a:gdLst/>
                              <a:ahLst/>
                              <a:cxnLst/>
                              <a:rect l="l" t="t" r="r" b="b"/>
                              <a:pathLst>
                                <a:path w="304482" h="309802" extrusionOk="0">
                                  <a:moveTo>
                                    <a:pt x="156888" y="0"/>
                                  </a:moveTo>
                                  <a:lnTo>
                                    <a:pt x="156921" y="0"/>
                                  </a:lnTo>
                                  <a:lnTo>
                                    <a:pt x="205652" y="7639"/>
                                  </a:lnTo>
                                  <a:cubicBezTo>
                                    <a:pt x="251654" y="22514"/>
                                    <a:pt x="288223" y="57878"/>
                                    <a:pt x="304482" y="102779"/>
                                  </a:cubicBezTo>
                                  <a:lnTo>
                                    <a:pt x="249682" y="102779"/>
                                  </a:lnTo>
                                  <a:cubicBezTo>
                                    <a:pt x="231330" y="71067"/>
                                    <a:pt x="196812" y="49655"/>
                                    <a:pt x="157163" y="49655"/>
                                  </a:cubicBezTo>
                                  <a:cubicBezTo>
                                    <a:pt x="98285" y="49655"/>
                                    <a:pt x="50546" y="96772"/>
                                    <a:pt x="50546" y="154900"/>
                                  </a:cubicBezTo>
                                  <a:lnTo>
                                    <a:pt x="50521" y="154900"/>
                                  </a:lnTo>
                                  <a:cubicBezTo>
                                    <a:pt x="50521" y="226350"/>
                                    <a:pt x="96799" y="286980"/>
                                    <a:pt x="161315" y="309611"/>
                                  </a:cubicBezTo>
                                  <a:cubicBezTo>
                                    <a:pt x="159842" y="309649"/>
                                    <a:pt x="158394" y="309802"/>
                                    <a:pt x="156908" y="309802"/>
                                  </a:cubicBezTo>
                                  <a:cubicBezTo>
                                    <a:pt x="70256" y="309802"/>
                                    <a:pt x="0" y="240447"/>
                                    <a:pt x="0" y="154900"/>
                                  </a:cubicBezTo>
                                  <a:cubicBezTo>
                                    <a:pt x="0" y="80046"/>
                                    <a:pt x="53790" y="17590"/>
                                    <a:pt x="125288" y="3145"/>
                                  </a:cubicBezTo>
                                  <a:lnTo>
                                    <a:pt x="156888" y="0"/>
                                  </a:lnTo>
                                  <a:close/>
                                </a:path>
                              </a:pathLst>
                            </a:custGeom>
                            <a:solidFill>
                              <a:srgbClr val="FFFEFD"/>
                            </a:solidFill>
                            <a:ln>
                              <a:noFill/>
                            </a:ln>
                          </wps:spPr>
                          <wps:txbx>
                            <w:txbxContent>
                              <w:p w14:paraId="582967A2"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394" name="Freeform: Shape 117394"/>
                          <wps:cNvSpPr/>
                          <wps:spPr>
                            <a:xfrm>
                              <a:off x="1260290" y="199557"/>
                              <a:ext cx="152908" cy="102133"/>
                            </a:xfrm>
                            <a:custGeom>
                              <a:avLst/>
                              <a:gdLst/>
                              <a:ahLst/>
                              <a:cxnLst/>
                              <a:rect l="l" t="t" r="r" b="b"/>
                              <a:pathLst>
                                <a:path w="152908" h="102133" extrusionOk="0">
                                  <a:moveTo>
                                    <a:pt x="5436" y="0"/>
                                  </a:moveTo>
                                  <a:cubicBezTo>
                                    <a:pt x="73330" y="0"/>
                                    <a:pt x="130975" y="42596"/>
                                    <a:pt x="152908" y="102133"/>
                                  </a:cubicBezTo>
                                  <a:lnTo>
                                    <a:pt x="102591" y="102133"/>
                                  </a:lnTo>
                                  <a:cubicBezTo>
                                    <a:pt x="86106" y="54546"/>
                                    <a:pt x="48120" y="16828"/>
                                    <a:pt x="0" y="267"/>
                                  </a:cubicBezTo>
                                  <a:cubicBezTo>
                                    <a:pt x="1816" y="216"/>
                                    <a:pt x="3594" y="0"/>
                                    <a:pt x="5436" y="0"/>
                                  </a:cubicBezTo>
                                  <a:close/>
                                </a:path>
                              </a:pathLst>
                            </a:custGeom>
                            <a:solidFill>
                              <a:srgbClr val="FFFEFD"/>
                            </a:solidFill>
                            <a:ln>
                              <a:noFill/>
                            </a:ln>
                          </wps:spPr>
                          <wps:txbx>
                            <w:txbxContent>
                              <w:p w14:paraId="1F357CD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395" name="Freeform: Shape 117395"/>
                          <wps:cNvSpPr/>
                          <wps:spPr>
                            <a:xfrm>
                              <a:off x="1108619" y="258597"/>
                              <a:ext cx="307086" cy="251143"/>
                            </a:xfrm>
                            <a:custGeom>
                              <a:avLst/>
                              <a:gdLst/>
                              <a:ahLst/>
                              <a:cxnLst/>
                              <a:rect l="l" t="t" r="r" b="b"/>
                              <a:pathLst>
                                <a:path w="307086" h="251143" extrusionOk="0">
                                  <a:moveTo>
                                    <a:pt x="97282" y="0"/>
                                  </a:moveTo>
                                  <a:cubicBezTo>
                                    <a:pt x="102159" y="0"/>
                                    <a:pt x="106909" y="483"/>
                                    <a:pt x="111582" y="1156"/>
                                  </a:cubicBezTo>
                                  <a:cubicBezTo>
                                    <a:pt x="75590" y="18021"/>
                                    <a:pt x="50648" y="54115"/>
                                    <a:pt x="50648" y="96050"/>
                                  </a:cubicBezTo>
                                  <a:cubicBezTo>
                                    <a:pt x="50648" y="154102"/>
                                    <a:pt x="98311" y="201155"/>
                                    <a:pt x="157112" y="201155"/>
                                  </a:cubicBezTo>
                                  <a:cubicBezTo>
                                    <a:pt x="199352" y="201155"/>
                                    <a:pt x="235725" y="176809"/>
                                    <a:pt x="252908" y="141592"/>
                                  </a:cubicBezTo>
                                  <a:lnTo>
                                    <a:pt x="307086" y="141592"/>
                                  </a:lnTo>
                                  <a:cubicBezTo>
                                    <a:pt x="287363" y="204991"/>
                                    <a:pt x="227787" y="251143"/>
                                    <a:pt x="157112" y="251143"/>
                                  </a:cubicBezTo>
                                  <a:cubicBezTo>
                                    <a:pt x="70345" y="251143"/>
                                    <a:pt x="0" y="181712"/>
                                    <a:pt x="0" y="96050"/>
                                  </a:cubicBezTo>
                                  <a:cubicBezTo>
                                    <a:pt x="0" y="92710"/>
                                    <a:pt x="305" y="89433"/>
                                    <a:pt x="508" y="86144"/>
                                  </a:cubicBezTo>
                                  <a:cubicBezTo>
                                    <a:pt x="5537" y="37757"/>
                                    <a:pt x="46939" y="0"/>
                                    <a:pt x="97282" y="0"/>
                                  </a:cubicBezTo>
                                  <a:close/>
                                </a:path>
                              </a:pathLst>
                            </a:custGeom>
                            <a:solidFill>
                              <a:srgbClr val="FFFEFD"/>
                            </a:solidFill>
                            <a:ln>
                              <a:noFill/>
                            </a:ln>
                          </wps:spPr>
                          <wps:txbx>
                            <w:txbxContent>
                              <w:p w14:paraId="39C9870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396" name="Freeform: Shape 117396"/>
                          <wps:cNvSpPr/>
                          <wps:spPr>
                            <a:xfrm>
                              <a:off x="1239360" y="400190"/>
                              <a:ext cx="99848" cy="49479"/>
                            </a:xfrm>
                            <a:custGeom>
                              <a:avLst/>
                              <a:gdLst/>
                              <a:ahLst/>
                              <a:cxnLst/>
                              <a:rect l="l" t="t" r="r" b="b"/>
                              <a:pathLst>
                                <a:path w="99848" h="49479" extrusionOk="0">
                                  <a:moveTo>
                                    <a:pt x="50102" y="0"/>
                                  </a:moveTo>
                                  <a:lnTo>
                                    <a:pt x="99848" y="0"/>
                                  </a:lnTo>
                                  <a:cubicBezTo>
                                    <a:pt x="81839" y="29604"/>
                                    <a:pt x="49124" y="49479"/>
                                    <a:pt x="11582" y="49479"/>
                                  </a:cubicBezTo>
                                  <a:cubicBezTo>
                                    <a:pt x="7671" y="49479"/>
                                    <a:pt x="3810" y="49213"/>
                                    <a:pt x="0" y="48793"/>
                                  </a:cubicBezTo>
                                  <a:cubicBezTo>
                                    <a:pt x="21844" y="38646"/>
                                    <a:pt x="39446" y="21323"/>
                                    <a:pt x="50102" y="0"/>
                                  </a:cubicBezTo>
                                  <a:close/>
                                </a:path>
                              </a:pathLst>
                            </a:custGeom>
                            <a:solidFill>
                              <a:srgbClr val="FFFEFD"/>
                            </a:solidFill>
                            <a:ln>
                              <a:noFill/>
                            </a:ln>
                          </wps:spPr>
                          <wps:txbx>
                            <w:txbxContent>
                              <w:p w14:paraId="4F770EF8"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g:grpSp>
                    </wpg:wgp>
                  </a:graphicData>
                </a:graphic>
              </wp:inline>
            </w:drawing>
          </mc:Choice>
          <mc:Fallback>
            <w:pict>
              <v:group w14:anchorId="04A72370" id="Group 117427" o:spid="_x0000_s1034" alt="P4#y1" style="width:522pt;height:69.85pt;mso-position-horizontal-relative:char;mso-position-vertical-relative:line" coordorigin="20313,33365" coordsize="66294,886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">
                <v:group id="Group 17" o:spid="_x0000_s1035" style="position:absolute;left:20313;top:33365;width:66294;height:8869" coordsize="66294,886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">
                  <v:rect id="Rectangle 18" o:spid="_x0000_s1036" style="position:absolute;width:66294;height:8869;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" filled="f" stroked="f">
                    <v:textbox inset="2.53958mm,2.53958mm,2.53958mm,2.53958mm">
                      <w:txbxContent>
                        <w:p w14:paraId="2DDBDDBD" w14:textId="77777777" w:rsidR="00CF54CB" w:rsidRDefault="00CF54CB">
                          <w:pPr>
                            <w:spacing w:after="0" w:line="240" w:lineRule="auto"/>
                            <w:ind w:left="0" w:firstLine="0"/>
                            <w:jc w:val="left"/>
                            <w:textDirection w:val="btLr"/>
                          </w:pPr>
                        </w:p>
                      </w:txbxContent>
                    </v:textbox>
                  </v:rect>
                  <v:shape id="Freeform: Shape 19" o:spid="_x0000_s1037" style="position:absolute;top:7909;width:66294;height:960;visibility:visible;mso-wrap-style:square;v-text-anchor:middle" coordsize="6629400,9601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" path="m,l6629400,r,96012l,96012,,e" fillcolor="#aca19b" stroked="f">
                    <v:path arrowok="t" o:extrusionok="f"/>
                  </v:shape>
                  <v:shape id="Freeform: Shape 20" o:spid="_x0000_s1038" style="position:absolute;width:66294;height:7086;visibility:visible;mso-wrap-style:square;v-text-anchor:middle" coordsize="6629400,7086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" path="m,l6629400,r,708660l,708660,,e" fillcolor="#26588f" stroked="f">
                    <v:path arrowok="t" o:extrusionok="f"/>
                  </v:shape>
                  <v:shape id="Freeform: Shape 21" o:spid="_x0000_s1039" style="position:absolute;left:18452;top:4145;width:315;height:859;visibility:visible;mso-wrap-style:square;v-text-anchor:middle" coordsize="31458,8582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" path="m,l31052,r406,40l31458,12772r-1308,-97l15646,12675r,24244l29159,36919r2299,-217l31458,55493,28143,49581r-12497,l15646,85827,,85827,,xe" fillcolor="#fffefd" stroked="f">
                    <v:path arrowok="t" o:extrusionok="f"/>
                  </v:shape>
                  <v:shape id="Freeform: Shape 22" o:spid="_x0000_s1040" style="position:absolute;left:17407;top:4144;width:716;height:882;visibility:visible;mso-wrap-style:square;v-text-anchor:middle" coordsize="71564,8825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" adj="-11796480,,5400" path="m,l15646,r,52794c15646,55690,16002,58395,16713,60973v711,2565,1842,4864,3429,6909c21717,69901,23774,71514,26327,72682v2565,1194,5690,1765,9385,1765c39408,74447,42507,73876,45072,72682v2553,-1168,4648,-2781,6287,-4800c52984,65837,54153,63538,54851,60973v724,-2578,1067,-5283,1067,-8179l55918,,71564,r,53911c71564,58827,70752,63386,69113,67552v-1625,4178,-3962,7784,-7010,10820c59068,81445,55321,83845,50851,85598v-4445,1766,-9487,2655,-15139,2655c30061,88253,24994,87364,20549,85598,16078,83845,12332,81445,9296,78372,6248,75336,3937,71730,2375,67552,787,63386,,58827,,53911l,xe" fillcolor="#fffefd" stroked="f">
                    <v:stroke joinstyle="miter"/>
                    <v:formulas/>
                    <v:path arrowok="t" o:extrusionok="f" o:connecttype="custom" textboxrect="0,0,71564,88253"/>
                    <v:textbox inset="2.53958mm,2.53958mm,2.53958mm,2.53958mm">
                      <w:txbxContent>
                        <w:p w14:paraId="479278C8" w14:textId="77777777" w:rsidR="00CF54CB" w:rsidRDefault="00CF54CB">
                          <w:pPr>
                            <w:spacing w:after="0" w:line="240" w:lineRule="auto"/>
                            <w:ind w:left="0" w:firstLine="0"/>
                            <w:jc w:val="left"/>
                            <w:textDirection w:val="btLr"/>
                          </w:pPr>
                        </w:p>
                      </w:txbxContent>
                    </v:textbox>
                  </v:shape>
                  <v:shape id="Freeform: Shape 23" o:spid="_x0000_s1041" style="position:absolute;left:15521;top:4144;width:734;height:860;visibility:visible;mso-wrap-style:square;v-text-anchor:middle" coordsize="73355,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" path="m,l18898,,57874,65151r317,l58191,,73355,r,85992l54775,85992,15494,21184r-330,l15164,85992,,85992,,xe" fillcolor="#fffefd" stroked="f">
                    <v:path arrowok="t" o:extrusionok="f"/>
                  </v:shape>
                  <v:shape id="Freeform: Shape 24" o:spid="_x0000_s1042" style="position:absolute;left:15026;top:4144;width:156;height:860;visibility:visible;mso-wrap-style:square;v-text-anchor:middle" coordsize="15646,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" path="m,l15646,r,85992l,85992,,e" fillcolor="#fffefd" stroked="f">
                    <v:path arrowok="t" o:extrusionok="f"/>
                  </v:shape>
                  <v:shape id="Freeform: Shape 25" o:spid="_x0000_s1043" style="position:absolute;left:16512;top:4121;width:613;height:905;visibility:visible;mso-wrap-style:square;v-text-anchor:middle" coordsize="61277,90488"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" adj="-11796480,,5400" path="m34861,v5436,,10389,965,14834,2883c54165,4813,57912,7442,60947,10757l51054,21018c49213,18669,46774,16776,43751,15316,40704,13881,37465,13157,33998,13157v-3899,,-7226,978,-9982,2971c21234,18110,19876,20968,19876,24702v,1930,355,3555,1054,4902c21628,30937,22670,32093,24016,33045v1359,965,2997,1842,4953,2654c30912,36499,33122,37274,35623,38023v3023,966,6084,2083,9170,3366c47866,42672,50635,44285,53073,46215v2439,1918,4420,4305,5944,7138c60515,56185,61277,59639,61277,63703v,4584,-812,8572,-2451,11938c57201,79019,54978,81800,52159,83985v-2832,2184,-6109,3823,-9779,4889c38684,89941,34696,90488,30467,90488v-6197,,-11976,-1182,-17373,-3544c7734,84595,3353,81343,,77177l10744,67386v2604,3417,5766,5868,9462,7366c23876,76250,27432,77012,30798,77012v4114,,7683,-939,10667,-2819c44463,72339,45949,69469,45949,65621v,-4267,-1652,-7480,-4966,-9627c37668,53860,32969,51867,26873,50050v-2819,-851,-5600,-1866,-8306,-3035c15862,45834,13437,44335,11316,42519,9195,40691,7480,38455,6185,35775,4877,33109,4229,29781,4229,25844v,-4394,864,-8216,2604,-11493c8573,11099,10871,8395,13754,6261,16650,4114,19926,2540,23622,1524,27318,520,31051,,34861,xe" fillcolor="#fffefd" stroked="f">
                    <v:stroke joinstyle="miter"/>
                    <v:formulas/>
                    <v:path arrowok="t" o:extrusionok="f" o:connecttype="custom" textboxrect="0,0,61277,90488"/>
                    <v:textbox inset="2.53958mm,2.53958mm,2.53958mm,2.53958mm">
                      <w:txbxContent>
                        <w:p w14:paraId="327ACFE9" w14:textId="77777777" w:rsidR="00CF54CB" w:rsidRDefault="00CF54CB">
                          <w:pPr>
                            <w:spacing w:after="0" w:line="240" w:lineRule="auto"/>
                            <w:ind w:left="0" w:firstLine="0"/>
                            <w:jc w:val="left"/>
                            <w:textDirection w:val="btLr"/>
                          </w:pPr>
                        </w:p>
                      </w:txbxContent>
                    </v:textbox>
                  </v:shape>
                  <v:shape id="Freeform: Shape 26" o:spid="_x0000_s1044" style="position:absolute;left:18767;top:4146;width:350;height:858;visibility:visible;mso-wrap-style:square;v-text-anchor:middle" coordsize="35090,85787"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" adj="-11796480,,5400" path="m,l11862,1167v3848,787,7239,2108,10173,3911c24955,6894,27254,9345,28931,12431v1676,3087,2527,6871,2527,11341c31458,30059,29693,35177,26175,39114v-3518,3950,-8103,6655,-13742,8154l35090,85787r-18085,l,55453,,36662r4559,-431c6731,35800,8661,35076,10351,34073v1676,-1004,3009,-2299,4000,-3899c15316,28586,15811,26554,15811,24128v,-2248,-469,-4102,-1384,-5588c13513,17042,12243,15861,10681,14959,9093,14058,7277,13448,5207,13117l,12732,,xe" fillcolor="#fffefd" stroked="f">
                    <v:stroke joinstyle="miter"/>
                    <v:formulas/>
                    <v:path arrowok="t" o:extrusionok="f" o:connecttype="custom" textboxrect="0,0,35090,85787"/>
                    <v:textbox inset="2.53958mm,2.53958mm,2.53958mm,2.53958mm">
                      <w:txbxContent>
                        <w:p w14:paraId="516C5ABC" w14:textId="77777777" w:rsidR="00CF54CB" w:rsidRDefault="00CF54CB">
                          <w:pPr>
                            <w:spacing w:after="0" w:line="240" w:lineRule="auto"/>
                            <w:ind w:left="0" w:firstLine="0"/>
                            <w:jc w:val="left"/>
                            <w:textDirection w:val="btLr"/>
                          </w:pPr>
                        </w:p>
                      </w:txbxContent>
                    </v:textbox>
                  </v:shape>
                  <v:shape id="Freeform: Shape 27" o:spid="_x0000_s1045" style="position:absolute;left:19220;top:4144;width:441;height:860;visibility:visible;mso-wrap-style:square;v-text-anchor:middle" coordsize="44094,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" path="m37173,r6921,l44094,17884,29502,53760r14592,l44094,66104r-19303,l16459,85992,,85992,37173,xe" fillcolor="#fffefd" stroked="f">
                    <v:path arrowok="t" o:extrusionok="f"/>
                  </v:shape>
                  <v:shape id="Freeform: Shape 28" o:spid="_x0000_s1046" style="position:absolute;left:22374;top:4145;width:601;height:859;visibility:visible;mso-wrap-style:square;v-text-anchor:middle" coordsize="60147,8582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" path="m,l58191,r,12675l15647,12675r,22618l55906,35293r,12358l15647,47651r,25196l60147,72847r,12980l,85827,,xe" fillcolor="#fffefd" stroked="f">
                    <v:path arrowok="t" o:extrusionok="f"/>
                  </v:shape>
                  <v:shape id="Freeform: Shape 29" o:spid="_x0000_s1047" style="position:absolute;left:20313;top:4144;width:734;height:860;visibility:visible;mso-wrap-style:square;v-text-anchor:middle" coordsize="73343,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" path="m,l18910,,57874,65151r330,l58204,,73343,r,85992l54775,85992,15481,21184r-304,l15177,85992,,85992,,xe" fillcolor="#fffefd" stroked="f">
                    <v:path arrowok="t" o:extrusionok="f"/>
                  </v:shape>
                  <v:shape id="Freeform: Shape 30" o:spid="_x0000_s1048" style="position:absolute;left:19661;top:4144;width:446;height:860;visibility:visible;mso-wrap-style:square;v-text-anchor:middle" coordsize="44590,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" path="m,l7569,,44590,85992r-16955,l19482,66104,,66104,,53760r14592,l89,17666,,17884,,xe" fillcolor="#fffefd" stroked="f">
                    <v:path arrowok="t" o:extrusionok="f"/>
                  </v:shape>
                  <v:shape id="Freeform: Shape 31" o:spid="_x0000_s1049" style="position:absolute;left:24654;top:4121;width:471;height:905;visibility:visible;mso-wrap-style:square;v-text-anchor:middle" coordsize="47047,90488"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" adj="-11796480,,5400" path="m46799,r248,44l47047,13700r-248,-47c42240,13653,38113,14439,34417,16053v-3696,1587,-6858,3809,-9474,6642c22339,25540,20333,28854,18936,32651v-1423,3798,-2121,7950,-2121,12434c16815,49581,17513,53784,18936,57670v1397,3912,3403,7277,6007,10110c27559,70624,30721,72834,34417,74447v3696,1588,7823,2400,12382,2400l47047,76800r,13643l46799,90488v-6629,,-12801,-1118,-18503,-3379c22593,84874,17640,81737,13462,77736,9284,73723,5994,68935,3594,63373,1207,57810,,51714,,45085,,38341,1207,32194,3594,26632,5994,21069,9284,16345,13462,12420,17640,8534,22593,5486,28296,3302,33998,1092,40170,,46799,xe" fillcolor="#fffefd" stroked="f">
                    <v:stroke joinstyle="miter"/>
                    <v:formulas/>
                    <v:path arrowok="t" o:extrusionok="f" o:connecttype="custom" textboxrect="0,0,47047,90488"/>
                    <v:textbox inset="2.53958mm,2.53958mm,2.53958mm,2.53958mm">
                      <w:txbxContent>
                        <w:p w14:paraId="2375DBF9" w14:textId="77777777" w:rsidR="00CF54CB" w:rsidRDefault="00CF54CB">
                          <w:pPr>
                            <w:spacing w:after="0" w:line="240" w:lineRule="auto"/>
                            <w:ind w:left="0" w:firstLine="0"/>
                            <w:jc w:val="left"/>
                            <w:textDirection w:val="btLr"/>
                          </w:pPr>
                        </w:p>
                      </w:txbxContent>
                    </v:textbox>
                  </v:shape>
                  <v:shape id="Freeform: Shape 32" o:spid="_x0000_s1050" style="position:absolute;left:23686;top:4121;width:809;height:905;visibility:visible;mso-wrap-style:square;v-text-anchor:middle" coordsize="80848,90488"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" adj="-11796480,,5400" path="m47117,v6515,,12624,1206,18339,3607c71158,6007,75730,9461,79210,13957l66993,23419c64719,20206,61773,17793,58204,16128,54610,14465,50813,13653,46774,13653v-4559,,-8687,786,-12382,2400c30696,17640,27546,19862,24943,22695v-2604,2845,-4636,6159,-6033,9956c17488,36449,16789,40601,16789,45085v,4381,762,8496,2286,12344c20600,61278,22657,64656,25260,67551v2617,2870,5703,5144,9297,6807c38138,76022,41999,76847,46126,76847v4560,,8725,-889,12472,-2654c62344,72441,65646,69621,68466,65773r12382,8509c76721,79311,71946,83261,66510,86157v-5436,2883,-12230,4331,-20384,4331c39281,90488,33033,89382,27381,87198,21730,85001,16866,81928,12789,77965,8712,74016,5563,69266,3353,63703,1105,58141,,51930,,45085,,38341,1194,32194,3581,26632,5969,21069,9271,16345,13437,12420,17628,8534,22606,5486,28359,3302,34125,1092,40373,,47117,xe" fillcolor="#fffefd" stroked="f">
                    <v:stroke joinstyle="miter"/>
                    <v:formulas/>
                    <v:path arrowok="t" o:extrusionok="f" o:connecttype="custom" textboxrect="0,0,80848,90488"/>
                    <v:textbox inset="2.53958mm,2.53958mm,2.53958mm,2.53958mm">
                      <w:txbxContent>
                        <w:p w14:paraId="2BE83FC0" w14:textId="77777777" w:rsidR="00CF54CB" w:rsidRDefault="00CF54CB">
                          <w:pPr>
                            <w:spacing w:after="0" w:line="240" w:lineRule="auto"/>
                            <w:ind w:left="0" w:firstLine="0"/>
                            <w:jc w:val="left"/>
                            <w:textDirection w:val="btLr"/>
                          </w:pPr>
                        </w:p>
                      </w:txbxContent>
                    </v:textbox>
                  </v:shape>
                  <v:shape id="Freeform: Shape 33" o:spid="_x0000_s1051" style="position:absolute;left:21334;top:4121;width:808;height:905;visibility:visible;mso-wrap-style:square;v-text-anchor:middle" coordsize="80874,90488"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" adj="-11796480,,5400" path="m47117,v6515,,12637,1206,18339,3607c71158,6007,75756,9461,79235,13957l67018,23419c64719,20206,61798,17793,58204,16128,54623,14465,50813,13653,46800,13653v-4572,,-8700,786,-12383,2400c30721,17640,27559,19862,24956,22695v-2617,2845,-4623,6159,-6046,9956c17513,36449,16802,40601,16802,45085v,4381,749,8496,2286,12344c20600,61278,22670,64656,25286,67551v2603,2870,5702,5144,9271,6807c38151,76022,42012,76847,46139,76847v4572,,8725,-889,12484,-2654c62370,72441,65646,69621,68479,65773r12395,8509c76721,79311,71946,83261,66523,86157v-5449,2883,-12230,4331,-20384,4331c39294,90488,33045,89382,27394,87198,21742,85001,16891,81928,12814,77965,8725,74016,5575,69266,3353,63703,1130,58141,,51930,,45085,,38341,1207,32194,3607,26632,5994,21069,9284,16345,13462,12420,17640,8534,22606,5486,28372,3302,34125,1092,40386,,47117,xe" fillcolor="#fffefd" stroked="f">
                    <v:stroke joinstyle="miter"/>
                    <v:formulas/>
                    <v:path arrowok="t" o:extrusionok="f" o:connecttype="custom" textboxrect="0,0,80874,90488"/>
                    <v:textbox inset="2.53958mm,2.53958mm,2.53958mm,2.53958mm">
                      <w:txbxContent>
                        <w:p w14:paraId="16B0386E" w14:textId="77777777" w:rsidR="00CF54CB" w:rsidRDefault="00CF54CB">
                          <w:pPr>
                            <w:spacing w:after="0" w:line="240" w:lineRule="auto"/>
                            <w:ind w:left="0" w:firstLine="0"/>
                            <w:jc w:val="left"/>
                            <w:textDirection w:val="btLr"/>
                          </w:pPr>
                        </w:p>
                      </w:txbxContent>
                    </v:textbox>
                  </v:shape>
                  <v:shape id="Freeform: Shape 34" o:spid="_x0000_s1052" style="position:absolute;left:30537;top:4144;width:157;height:860;visibility:visible;mso-wrap-style:square;v-text-anchor:middle" coordsize="15646,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" path="m,l15646,r,85992l,85992,,e" fillcolor="#fffefd" stroked="f">
                    <v:path arrowok="t" o:extrusionok="f"/>
                  </v:shape>
                  <v:shape id="Freeform: Shape 35" o:spid="_x0000_s1053" style="position:absolute;left:28415;top:4144;width:156;height:860;visibility:visible;mso-wrap-style:square;v-text-anchor:middle" coordsize="15646,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" path="m,l15646,r,85992l,85992,,e" fillcolor="#fffefd" stroked="f">
                    <v:path arrowok="t" o:extrusionok="f"/>
                  </v:shape>
                  <v:shape id="Freeform: Shape 36" o:spid="_x0000_s1054" style="position:absolute;left:27148;top:4144;width:928;height:860;visibility:visible;mso-wrap-style:square;v-text-anchor:middle" coordsize="92761,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" path="m,l23164,,46799,61468r318,l70269,,92761,r,85992l77445,85992r,-65596l77114,20396,51511,85992r-10427,l15646,20396r-305,l15341,85992,,85992,,xe" fillcolor="#fffefd" stroked="f">
                    <v:path arrowok="t" o:extrusionok="f"/>
                  </v:shape>
                  <v:shape id="Freeform: Shape 37" o:spid="_x0000_s1055" style="position:absolute;left:25882;top:4144;width:927;height:860;visibility:visible;mso-wrap-style:square;v-text-anchor:middle" coordsize="92748,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" path="m,l23152,,46787,61468r317,l70256,,92748,r,85992l77432,85992r,-65596l77102,20396,51499,85992r-10427,l15647,20396r-318,l15329,85992,,85992,,xe" fillcolor="#fffefd" stroked="f">
                    <v:path arrowok="t" o:extrusionok="f"/>
                  </v:shape>
                  <v:shape id="Freeform: Shape 38" o:spid="_x0000_s1056" style="position:absolute;left:25125;top:4122;width:470;height:904;visibility:visible;mso-wrap-style:square;v-text-anchor:middle" coordsize="47009,90399"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" adj="-11796480,,5400" path="m,l18498,3258v5765,2185,10756,5233,14985,9118c37738,16301,41053,21026,43440,26588v2388,5562,3569,11709,3569,18453c47009,51670,45828,57767,43440,63329v-2387,5563,-5702,10351,-9957,14364c29254,81693,24263,84830,18498,87066l,90399,,76756,12376,74404v3759,-1613,6960,-3823,9627,-6668c24657,64904,26702,61539,28111,57626v1423,-3885,2121,-8089,2121,-12585c30232,40558,29534,36405,28111,32608,26702,28810,24657,25496,22003,22651,19336,19819,16135,17596,12376,16009l,13656,,xe" fillcolor="#fffefd" stroked="f">
                    <v:stroke joinstyle="miter"/>
                    <v:formulas/>
                    <v:path arrowok="t" o:extrusionok="f" o:connecttype="custom" textboxrect="0,0,47009,90399"/>
                    <v:textbox inset="2.53958mm,2.53958mm,2.53958mm,2.53958mm">
                      <w:txbxContent>
                        <w:p w14:paraId="7AA7EDE4" w14:textId="77777777" w:rsidR="00CF54CB" w:rsidRDefault="00CF54CB">
                          <w:pPr>
                            <w:spacing w:after="0" w:line="240" w:lineRule="auto"/>
                            <w:ind w:left="0" w:firstLine="0"/>
                            <w:jc w:val="left"/>
                            <w:textDirection w:val="btLr"/>
                          </w:pPr>
                        </w:p>
                      </w:txbxContent>
                    </v:textbox>
                  </v:shape>
                  <v:shape id="Freeform: Shape 39" o:spid="_x0000_s1057" style="position:absolute;left:30981;top:4121;width:470;height:905;visibility:visible;mso-wrap-style:square;v-text-anchor:middle" coordsize="47034,90488"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" adj="-11796480,,5400" path="m46774,r260,46l47034,13702r-260,-49c42215,13653,38087,14439,34392,16053v-3696,1587,-6833,3809,-9449,6642c22339,25540,20320,28854,18910,32651v-1422,3798,-2121,7950,-2121,12434c16789,49581,17488,53784,18910,57670v1410,3912,3429,7277,6033,10110c27559,70624,30696,72834,34392,74447v3695,1588,7823,2400,12382,2400l47034,76798r,13643l46774,90488v-6617,,-12776,-1118,-18478,-3379c22568,84874,17628,81737,13449,77736,9271,73723,5969,68935,3581,63373,1194,57810,,51714,,45085,,38341,1194,32194,3581,26632,5969,21069,9271,16345,13449,12420,17628,8534,22568,5486,28296,3302,33998,1092,40157,,46774,xe" fillcolor="#fffefd" stroked="f">
                    <v:stroke joinstyle="miter"/>
                    <v:formulas/>
                    <v:path arrowok="t" o:extrusionok="f" o:connecttype="custom" textboxrect="0,0,47034,90488"/>
                    <v:textbox inset="2.53958mm,2.53958mm,2.53958mm,2.53958mm">
                      <w:txbxContent>
                        <w:p w14:paraId="16D7BF06" w14:textId="77777777" w:rsidR="00CF54CB" w:rsidRDefault="00CF54CB">
                          <w:pPr>
                            <w:spacing w:after="0" w:line="240" w:lineRule="auto"/>
                            <w:ind w:left="0" w:firstLine="0"/>
                            <w:jc w:val="left"/>
                            <w:textDirection w:val="btLr"/>
                          </w:pPr>
                        </w:p>
                      </w:txbxContent>
                    </v:textbox>
                  </v:shape>
                  <v:shape id="Freeform: Shape 40" o:spid="_x0000_s1058" style="position:absolute;left:29633;top:4121;width:612;height:905;visibility:visible;mso-wrap-style:square;v-text-anchor:middle" coordsize="61290,90488"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" adj="-11796480,,5400" path="m34874,v5436,,10376,965,14834,2883c54166,4813,57912,7442,60947,10757l51054,21018c49213,18669,46787,16776,43752,15316,40716,13881,37465,13157,34011,13157v-3899,,-7227,978,-9983,2971c21273,18110,19876,20968,19876,24702v,1930,355,3555,1054,4902c21641,30937,22670,32093,24028,33045v1359,965,2998,1842,4954,2654c30912,36499,33134,37274,35623,38023v3049,966,6097,2083,9183,3366c47879,42672,50660,44285,53086,46215v2439,1918,4407,4305,5931,7138c60528,56185,61290,59639,61290,63703v,4584,-813,8572,-2451,11938c57214,79019,54991,81800,52159,83985v-2819,2184,-6083,3823,-9779,4889c38684,89941,34709,90488,30480,90488v-6197,,-11989,-1182,-17348,-3544c7747,84595,3366,81343,,77177l10757,67386v2603,3417,5766,5868,9449,7366c23902,76250,27432,77012,30798,77012v4127,,7683,-939,10680,-2819c44476,72339,45962,69469,45962,65621v,-4267,-1652,-7480,-4966,-9627c37668,53860,32969,51867,26886,50050v-2819,-851,-5588,-1866,-8306,-3035c15862,45834,13437,44335,11316,42519,9220,40691,7493,38455,6185,35775,4890,33109,4229,29781,4229,25844v,-4394,877,-8216,2616,-11493c8573,11099,10884,8395,13779,6261,16650,4114,19926,2540,23622,1524,27318,520,31090,,34874,xe" fillcolor="#fffefd" stroked="f">
                    <v:stroke joinstyle="miter"/>
                    <v:formulas/>
                    <v:path arrowok="t" o:extrusionok="f" o:connecttype="custom" textboxrect="0,0,61290,90488"/>
                    <v:textbox inset="2.53958mm,2.53958mm,2.53958mm,2.53958mm">
                      <w:txbxContent>
                        <w:p w14:paraId="2B5174EC" w14:textId="77777777" w:rsidR="00CF54CB" w:rsidRDefault="00CF54CB">
                          <w:pPr>
                            <w:spacing w:after="0" w:line="240" w:lineRule="auto"/>
                            <w:ind w:left="0" w:firstLine="0"/>
                            <w:jc w:val="left"/>
                            <w:textDirection w:val="btLr"/>
                          </w:pPr>
                        </w:p>
                      </w:txbxContent>
                    </v:textbox>
                  </v:shape>
                  <v:shape id="Freeform: Shape 41" o:spid="_x0000_s1059" style="position:absolute;left:28829;top:4121;width:613;height:905;visibility:visible;mso-wrap-style:square;v-text-anchor:middle" coordsize="61290,90488"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" adj="-11796480,,5400" path="m34874,v5436,,10389,965,14847,2883c54166,4813,57912,7442,60960,10757l51054,21018c49225,18669,46774,16776,43752,15316,40729,13881,37465,13157,34011,13157v-3899,,-7227,978,-9983,2971c21260,18110,19876,20968,19876,24702v,1930,355,3555,1054,4902c21641,30937,22670,32093,24028,33045v1347,965,2985,1842,4941,2654c30937,36499,33134,37274,35624,38023v3048,966,6096,2083,9182,3366c47879,42672,50660,44285,53086,46215v2439,1918,4407,4305,5931,7138c60516,56185,61290,59639,61290,63703v,4584,-825,8572,-2438,11938c57214,79019,54991,81800,52159,83985v-2819,2184,-6083,3823,-9766,4889c38684,89941,34722,90488,30480,90488v-6185,,-11988,-1182,-17348,-3544c7747,84595,3366,81343,,77177l10744,67386v2616,3417,5779,5868,9475,7366c23914,76250,27432,77012,30810,77012v4115,,7671,-939,10668,-2819c44476,72339,45962,69469,45962,65621v,-4267,-1652,-7480,-4966,-9627c37694,53860,32969,51867,26899,50050v-2832,-851,-5601,-1866,-8319,-3035c15875,45834,13450,44335,11316,42519,9208,40691,7493,38455,6185,35775,4890,33109,4229,29781,4229,25844v,-4394,877,-8216,2616,-11493c8573,11099,10884,8395,13780,6261,16650,4114,19926,2540,23647,1524,27318,520,31077,,34874,xe" fillcolor="#fffefd" stroked="f">
                    <v:stroke joinstyle="miter"/>
                    <v:formulas/>
                    <v:path arrowok="t" o:extrusionok="f" o:connecttype="custom" textboxrect="0,0,61290,90488"/>
                    <v:textbox inset="2.53958mm,2.53958mm,2.53958mm,2.53958mm">
                      <w:txbxContent>
                        <w:p w14:paraId="52668ABC" w14:textId="77777777" w:rsidR="00CF54CB" w:rsidRDefault="00CF54CB">
                          <w:pPr>
                            <w:spacing w:after="0" w:line="240" w:lineRule="auto"/>
                            <w:ind w:left="0" w:firstLine="0"/>
                            <w:jc w:val="left"/>
                            <w:textDirection w:val="btLr"/>
                          </w:pPr>
                        </w:p>
                      </w:txbxContent>
                    </v:textbox>
                  </v:shape>
                  <v:shape id="Freeform: Shape 42" o:spid="_x0000_s1060" style="position:absolute;left:34172;top:4145;width:315;height:859;visibility:visible;mso-wrap-style:square;v-text-anchor:middle" coordsize="31452,8582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" path="m,l31039,r413,41l31452,12772r-1315,-97l15646,12675r,24244l29172,36919r2280,-215l31452,55508,28130,49581r-12484,l15646,85827,,85827,,xe" fillcolor="#fffefd" stroked="f">
                    <v:path arrowok="t" o:extrusionok="f"/>
                  </v:shape>
                  <v:shape id="Freeform: Shape 43" o:spid="_x0000_s1061" style="position:absolute;left:33280;top:4145;width:602;height:859;visibility:visible;mso-wrap-style:square;v-text-anchor:middle" coordsize="60147,8582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" path="m,l58191,r,12675l15646,12675r,22618l55918,35293r,12358l15646,47651r,25196l60147,72847r,12980l,85827,,xe" fillcolor="#fffefd" stroked="f">
                    <v:path arrowok="t" o:extrusionok="f"/>
                  </v:shape>
                  <v:shape id="Freeform: Shape 44" o:spid="_x0000_s1062" style="position:absolute;left:32208;top:4144;width:733;height:860;visibility:visible;mso-wrap-style:square;v-text-anchor:middle" coordsize="73343,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" path="m,l18910,,57861,65151r343,l58204,,73343,r,85992l54775,85992,15482,21184r-318,l15164,85992,,85992,,xe" fillcolor="#fffefd" stroked="f">
                    <v:path arrowok="t" o:extrusionok="f"/>
                  </v:shape>
                  <v:shape id="Freeform: Shape 45" o:spid="_x0000_s1063" style="position:absolute;left:31451;top:4122;width:470;height:904;visibility:visible;mso-wrap-style:square;v-text-anchor:middle" coordsize="47022,90395"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" adj="-11796480,,5400" path="m,l18510,3256v5741,2185,10744,5233,14986,9118c37725,16299,41040,21023,43428,26586v2387,5562,3594,11709,3594,18453c47022,51668,45815,57765,43428,63327v-2388,5563,-5703,10351,-9932,14364c29254,81691,24251,84828,18510,87064l,90395,,76752,12389,74402v3746,-1614,6947,-3823,9614,-6668c24657,64901,26689,61536,28124,57624v1397,-3886,2121,-8089,2121,-12585c30245,40556,29521,36403,28124,32606,26689,28808,24657,25494,22003,22649,19336,19817,16135,17594,12389,16007l,13656,,xe" fillcolor="#fffefd" stroked="f">
                    <v:stroke joinstyle="miter"/>
                    <v:formulas/>
                    <v:path arrowok="t" o:extrusionok="f" o:connecttype="custom" textboxrect="0,0,47022,90395"/>
                    <v:textbox inset="2.53958mm,2.53958mm,2.53958mm,2.53958mm">
                      <w:txbxContent>
                        <w:p w14:paraId="6AFFA6DE" w14:textId="77777777" w:rsidR="00CF54CB" w:rsidRDefault="00CF54CB">
                          <w:pPr>
                            <w:spacing w:after="0" w:line="240" w:lineRule="auto"/>
                            <w:ind w:left="0" w:firstLine="0"/>
                            <w:jc w:val="left"/>
                            <w:textDirection w:val="btLr"/>
                          </w:pPr>
                        </w:p>
                      </w:txbxContent>
                    </v:textbox>
                  </v:shape>
                  <v:shape id="Freeform: Shape 46" o:spid="_x0000_s1064" style="position:absolute;left:34487;top:4146;width:351;height:858;visibility:visible;mso-wrap-style:square;v-text-anchor:middle" coordsize="35096,8578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" adj="-11796480,,5400" path="m,l11855,1166v3849,788,7240,2109,10160,3912c24949,6894,27261,9345,28924,12431v1702,3086,2528,6871,2528,11341c31452,30058,29699,35177,26169,39114v-3531,3950,-8091,6654,-13742,8153l35096,85786r-18110,l,55468,,36663r4578,-432c6725,35799,8668,35075,10357,34072v1676,-1004,3010,-2299,4000,-3899c15323,28586,15805,26553,15805,24128v,-2248,-444,-4102,-1384,-5588c13494,17041,12249,15860,10675,14958,9099,14057,7284,13447,5226,13117l,12731,,xe" fillcolor="#fffefd" stroked="f">
                    <v:stroke joinstyle="miter"/>
                    <v:formulas/>
                    <v:path arrowok="t" o:extrusionok="f" o:connecttype="custom" textboxrect="0,0,35096,85786"/>
                    <v:textbox inset="2.53958mm,2.53958mm,2.53958mm,2.53958mm">
                      <w:txbxContent>
                        <w:p w14:paraId="737845A5" w14:textId="77777777" w:rsidR="00CF54CB" w:rsidRDefault="00CF54CB">
                          <w:pPr>
                            <w:spacing w:after="0" w:line="240" w:lineRule="auto"/>
                            <w:ind w:left="0" w:firstLine="0"/>
                            <w:jc w:val="left"/>
                            <w:textDirection w:val="btLr"/>
                          </w:pPr>
                        </w:p>
                      </w:txbxContent>
                    </v:textbox>
                  </v:shape>
                  <v:shape id="Freeform: Shape 47" o:spid="_x0000_s1065" style="position:absolute;left:35012;top:4121;width:613;height:905;visibility:visible;mso-wrap-style:square;v-text-anchor:middle" coordsize="61290,90488"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" adj="-11796480,,5400" path="m34899,v5436,,10364,965,14822,2883c54165,4813,57925,7442,60973,10757l51054,21018c49225,18669,46787,16776,43752,15316,40729,13881,37490,13157,34011,13157v-3899,,-7227,978,-9983,2971c21272,18110,19901,20968,19901,24702v,1930,343,3555,1054,4902c21653,30937,22670,32093,24028,33045v1346,965,3010,1842,4953,2654c30937,36499,33160,37274,35649,38023v3022,966,6083,2083,9156,3366c47904,42672,50660,44285,53099,46215v2426,1918,4394,4305,5918,7138c60541,56185,61290,59639,61290,63703v,4584,-813,8572,-2438,11938c57214,79019,54991,81800,52159,83985v-2819,2184,-6084,3823,-9767,4889c38684,89941,34722,90488,30480,90488v-6185,,-11976,-1182,-17348,-3544c7747,84595,3365,81343,,77177l10769,67386v2604,3417,5754,5868,9450,7366c23914,76250,27432,77012,30810,77012v4140,,7696,-939,10668,-2819c44475,72339,45974,69469,45974,65621v,-4267,-1664,-7480,-4978,-9627c37693,53860,32994,51867,26898,50050v-2819,-851,-5600,-1866,-8305,-3035c15862,45834,13449,44335,11341,42519,9208,40691,7506,38455,6210,35775,4902,33109,4254,29781,4254,25844v,-4394,852,-8216,2604,-11493c8572,11099,10897,8395,13779,6261,16650,4114,19951,2540,23647,1524,27343,520,31077,,34899,xe" fillcolor="#fffefd" stroked="f">
                    <v:stroke joinstyle="miter"/>
                    <v:formulas/>
                    <v:path arrowok="t" o:extrusionok="f" o:connecttype="custom" textboxrect="0,0,61290,90488"/>
                    <v:textbox inset="2.53958mm,2.53958mm,2.53958mm,2.53958mm">
                      <w:txbxContent>
                        <w:p w14:paraId="0151D5BA" w14:textId="77777777" w:rsidR="00CF54CB" w:rsidRDefault="00CF54CB">
                          <w:pPr>
                            <w:spacing w:after="0" w:line="240" w:lineRule="auto"/>
                            <w:ind w:left="0" w:firstLine="0"/>
                            <w:jc w:val="left"/>
                            <w:textDirection w:val="btLr"/>
                          </w:pPr>
                        </w:p>
                      </w:txbxContent>
                    </v:textbox>
                  </v:shape>
                  <v:shape id="Freeform: Shape 48" o:spid="_x0000_s1066" style="position:absolute;left:15966;top:2102;width:441;height:860;visibility:visible;mso-wrap-style:square;v-text-anchor:middle" coordsize="44101,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" path="m37173,r6928,l44101,17825,29515,53734r14586,l44101,66104r-19323,l16472,85992,,85992,37173,xe" fillcolor="#fffefd" stroked="f">
                    <v:path arrowok="t" o:extrusionok="f"/>
                  </v:shape>
                  <v:shape id="Freeform: Shape 49" o:spid="_x0000_s1067" style="position:absolute;left:15026;top:2102;width:733;height:860;visibility:visible;mso-wrap-style:square;v-text-anchor:middle" coordsize="73368,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" path="m,l18910,,57861,65138r343,l58204,,73368,r,85992l54775,85992,15481,21171r-317,l15164,85992,,85992,,xe" fillcolor="#fffefd" stroked="f">
                    <v:path arrowok="t" o:extrusionok="f"/>
                  </v:shape>
                  <v:shape id="Freeform: Shape 50" o:spid="_x0000_s1068" style="position:absolute;left:16897;top:2104;width:694;height:858;visibility:visible;mso-wrap-style:square;v-text-anchor:middle" coordsize="69444,8582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" path="m,l69444,r,12675l42380,12675r,73152l26733,85827r,-73152l,12675,,xe" fillcolor="#fffefd" stroked="f">
                    <v:path arrowok="t" o:extrusionok="f"/>
                  </v:shape>
                  <v:shape id="Freeform: Shape 51" o:spid="_x0000_s1069" style="position:absolute;left:17806;top:2102;width:157;height:860;visibility:visible;mso-wrap-style:square;v-text-anchor:middle" coordsize="15646,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" path="m,l15646,r,85992l,85992,,e" fillcolor="#fffefd" stroked="f">
                    <v:path arrowok="t" o:extrusionok="f"/>
                  </v:shape>
                  <v:shape id="Freeform: Shape 52" o:spid="_x0000_s1070" style="position:absolute;left:16407;top:2102;width:446;height:860;visibility:visible;mso-wrap-style:square;v-text-anchor:middle" coordsize="44571,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" path="m,l7576,,44571,85992r-16942,l19463,66104,,66104,,53734r14586,l70,17653,,17825,,xe" fillcolor="#fffefd" stroked="f">
                    <v:path arrowok="t" o:extrusionok="f"/>
                  </v:shape>
                  <v:shape id="Freeform: Shape 53" o:spid="_x0000_s1071" style="position:absolute;left:18250;top:2079;width:470;height:905;visibility:visible;mso-wrap-style:square;v-text-anchor:middle" coordsize="47022,90487"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" adj="-11796480,,5400" path="m46774,r248,43l47022,13687r-248,-47c42215,13640,38087,14440,34392,16053v-3696,1600,-6858,3822,-9462,6655c22314,25527,20307,28854,18910,32652v-1422,3784,-2121,7937,-2121,12420c16789,49568,17488,53784,18910,57683v1397,3899,3404,7278,6020,10097c27534,70612,30696,72834,34392,74447v3695,1601,7823,2401,12382,2401l47022,76801r,13642l46774,90487v-6629,,-12789,-1130,-18504,-3365c22568,84861,17628,81737,13449,77724,9258,73723,5969,68936,3581,63373,1194,57810,,51714,,45072,,38354,1194,32194,3581,26632,5969,21069,9258,16332,13449,12433,17628,8534,22568,5486,28270,3289,33985,1092,40145,,46774,xe" fillcolor="#fffefd" stroked="f">
                    <v:stroke joinstyle="miter"/>
                    <v:formulas/>
                    <v:path arrowok="t" o:extrusionok="f" o:connecttype="custom" textboxrect="0,0,47022,90487"/>
                    <v:textbox inset="2.53958mm,2.53958mm,2.53958mm,2.53958mm">
                      <w:txbxContent>
                        <w:p w14:paraId="5BF72F5A" w14:textId="77777777" w:rsidR="00CF54CB" w:rsidRDefault="00CF54CB">
                          <w:pPr>
                            <w:spacing w:after="0" w:line="240" w:lineRule="auto"/>
                            <w:ind w:left="0" w:firstLine="0"/>
                            <w:jc w:val="left"/>
                            <w:textDirection w:val="btLr"/>
                          </w:pPr>
                        </w:p>
                      </w:txbxContent>
                    </v:textbox>
                  </v:shape>
                  <v:shape id="Freeform: Shape 54" o:spid="_x0000_s1072" style="position:absolute;left:20418;top:2102;width:441;height:860;visibility:visible;mso-wrap-style:square;v-text-anchor:middle" coordsize="44101,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" path="m37160,r6941,l44101,17855,29502,53734r14599,l44101,66104r-19323,l16472,85992,,85992,37160,xe" fillcolor="#fffefd" stroked="f">
                    <v:path arrowok="t" o:extrusionok="f"/>
                  </v:shape>
                  <v:shape id="Freeform: Shape 55" o:spid="_x0000_s1073" style="position:absolute;left:19477;top:2102;width:734;height:860;visibility:visible;mso-wrap-style:square;v-text-anchor:middle" coordsize="73343,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" path="m,l18910,,57861,65138r318,l58179,,73343,r,85992l54775,85992,15481,21171r-330,l15151,85992,,85992,,xe" fillcolor="#fffefd" stroked="f">
                    <v:path arrowok="t" o:extrusionok="f"/>
                  </v:shape>
                  <v:shape id="Freeform: Shape 56" o:spid="_x0000_s1074" style="position:absolute;left:18720;top:2080;width:470;height:904;visibility:visible;mso-wrap-style:square;v-text-anchor:middle" coordsize="47035,9040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" adj="-11796480,,5400" path="m,l18498,3246v5778,2197,10769,5245,14998,9144c37738,16289,41053,21026,43441,26588v2400,5563,3594,11723,3594,18441c47035,51671,45841,57767,43441,63330v-2388,5562,-5703,10350,-9945,14351c29267,81694,24276,84818,18498,87079l,90400,,76757,12402,74404v3746,-1613,6947,-3835,9614,-6667c24670,64917,26715,61539,28124,57640v1410,-3899,2108,-8115,2108,-12611c30232,40546,29534,36393,28124,32608,26715,28811,24670,25484,22016,22664,19349,19832,16148,17610,12402,16009l,13644,,xe" fillcolor="#fffefd" stroked="f">
                    <v:stroke joinstyle="miter"/>
                    <v:formulas/>
                    <v:path arrowok="t" o:extrusionok="f" o:connecttype="custom" textboxrect="0,0,47035,90400"/>
                    <v:textbox inset="2.53958mm,2.53958mm,2.53958mm,2.53958mm">
                      <w:txbxContent>
                        <w:p w14:paraId="2242E72A" w14:textId="77777777" w:rsidR="00CF54CB" w:rsidRDefault="00CF54CB">
                          <w:pPr>
                            <w:spacing w:after="0" w:line="240" w:lineRule="auto"/>
                            <w:ind w:left="0" w:firstLine="0"/>
                            <w:jc w:val="left"/>
                            <w:textDirection w:val="btLr"/>
                          </w:pPr>
                        </w:p>
                      </w:txbxContent>
                    </v:textbox>
                  </v:shape>
                  <v:shape id="Freeform: Shape 57" o:spid="_x0000_s1075" style="position:absolute;left:22602;top:2102;width:441;height:860;visibility:visible;mso-wrap-style:square;v-text-anchor:middle" coordsize="44088,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" path="m37160,r6928,l44088,17856,29489,53734r14599,l44088,66104r-19310,l16447,85992,,85992,37160,xe" fillcolor="#fffefd" stroked="f">
                    <v:path arrowok="t" o:extrusionok="f"/>
                  </v:shape>
                  <v:shape id="Freeform: Shape 58" o:spid="_x0000_s1076" style="position:absolute;left:21512;top:2102;width:531;height:860;visibility:visible;mso-wrap-style:square;v-text-anchor:middle" coordsize="53137,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" path="m,l15646,r,72987l53137,72987r,13005l,85992,,xe" fillcolor="#fffefd" stroked="f">
                    <v:path arrowok="t" o:extrusionok="f"/>
                  </v:shape>
                  <v:shape id="Freeform: Shape 59" o:spid="_x0000_s1077" style="position:absolute;left:20859;top:2102;width:446;height:860;visibility:visible;mso-wrap-style:square;v-text-anchor:middle" coordsize="44583,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" path="m,l7575,,44583,85992r-16954,l19475,66104,,66104,,53734r14599,l82,17653,,17855,,xe" fillcolor="#fffefd" stroked="f">
                    <v:path arrowok="t" o:extrusionok="f"/>
                  </v:shape>
                  <v:shape id="Freeform: Shape 60" o:spid="_x0000_s1078" style="position:absolute;left:23043;top:2102;width:446;height:860;visibility:visible;mso-wrap-style:square;v-text-anchor:middle" coordsize="44584,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" path="m,l7576,,44584,85992r-16955,l19476,66104,,66104,,53734r14599,l83,17653,,17856,,xe" fillcolor="#fffefd" stroked="f">
                    <v:path arrowok="t" o:extrusionok="f"/>
                  </v:shape>
                  <v:shape id="Freeform: Shape 61" o:spid="_x0000_s1079" style="position:absolute;left:25271;top:2079;width:470;height:905;visibility:visible;mso-wrap-style:square;v-text-anchor:middle" coordsize="47022,90487"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" adj="-11796480,,5400" path="m46774,r248,43l47022,13687r-248,-47c42215,13640,38087,14440,34392,16053v-3696,1600,-6858,3822,-9462,6655c22327,25527,20320,28854,18910,32652v-1422,3784,-2121,7937,-2121,12420c16789,49568,17488,53784,18910,57683v1410,3899,3417,7278,6020,10097c27534,70612,30696,72834,34392,74447v3695,1601,7823,2401,12382,2401l47022,76801r,13642l46774,90487v-6629,,-12802,-1130,-18504,-3365c22568,84861,17615,81737,13436,77724,9258,73723,5969,68936,3581,63373,1194,57810,,51714,,45072,,38354,1194,32194,3581,26632,5969,21069,9258,16332,13436,12433,17615,8534,22568,5486,28270,3289,33972,1092,40145,,46774,xe" fillcolor="#fffefd" stroked="f">
                    <v:stroke joinstyle="miter"/>
                    <v:formulas/>
                    <v:path arrowok="t" o:extrusionok="f" o:connecttype="custom" textboxrect="0,0,47022,90487"/>
                    <v:textbox inset="2.53958mm,2.53958mm,2.53958mm,2.53958mm">
                      <w:txbxContent>
                        <w:p w14:paraId="6A95B7C6" w14:textId="77777777" w:rsidR="00CF54CB" w:rsidRDefault="00CF54CB">
                          <w:pPr>
                            <w:spacing w:after="0" w:line="240" w:lineRule="auto"/>
                            <w:ind w:left="0" w:firstLine="0"/>
                            <w:jc w:val="left"/>
                            <w:textDirection w:val="btLr"/>
                          </w:pPr>
                        </w:p>
                      </w:txbxContent>
                    </v:textbox>
                  </v:shape>
                  <v:shape id="Freeform: Shape 62" o:spid="_x0000_s1080" style="position:absolute;left:24418;top:2079;width:613;height:905;visibility:visible;mso-wrap-style:square;v-text-anchor:middle" coordsize="61290,90487"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" adj="-11796480,,5400" path="m34900,v5423,,10363,965,14820,2896c54191,4813,57925,7429,60973,10757l51067,21018c49225,18669,46799,16764,43764,15329,40729,13881,37490,13157,34036,13157v-3912,,-7252,991,-10008,2959c21273,18110,19901,20968,19901,24714v,1918,355,3543,1054,4877c21654,30950,22669,32093,24028,33045v1359,978,3010,1842,4966,2655c30937,36512,33160,37275,35649,38024v3022,965,6083,2083,9157,3365c47904,42672,50660,44285,53099,46215v2425,1931,4419,4293,5918,7125c60541,56185,61290,59626,61290,63690v,4611,-800,8586,-2438,11964c57226,79007,54991,81801,52171,83998v-2832,2184,-6095,3810,-9778,4877c38697,89954,34735,90487,30505,90487v-6210,,-11988,-1181,-17373,-3530c7747,84595,3378,81343,,77165l10770,67386v2616,3429,5753,5880,9448,7379c23914,76264,27445,77013,30823,77013v4127,,7683,-940,10680,-2807c44475,72326,45974,69469,45974,65608v,-4280,-1651,-7480,-4978,-9626c37694,53848,32995,51879,26899,50063v-2820,-851,-5601,-1879,-8306,-3060c15862,45834,13462,44336,11341,42507,9220,40703,7506,38443,6210,35789,4902,33096,4255,29794,4255,25832v,-4382,863,-8217,2603,-11468c8598,11100,10909,8407,13780,6261,16662,4127,19952,2540,23647,1524,27343,508,31090,,34900,xe" fillcolor="#fffefd" stroked="f">
                    <v:stroke joinstyle="miter"/>
                    <v:formulas/>
                    <v:path arrowok="t" o:extrusionok="f" o:connecttype="custom" textboxrect="0,0,61290,90487"/>
                    <v:textbox inset="2.53958mm,2.53958mm,2.53958mm,2.53958mm">
                      <w:txbxContent>
                        <w:p w14:paraId="0AA35000" w14:textId="77777777" w:rsidR="00CF54CB" w:rsidRDefault="00CF54CB">
                          <w:pPr>
                            <w:spacing w:after="0" w:line="240" w:lineRule="auto"/>
                            <w:ind w:left="0" w:firstLine="0"/>
                            <w:jc w:val="left"/>
                            <w:textDirection w:val="btLr"/>
                          </w:pPr>
                        </w:p>
                      </w:txbxContent>
                    </v:textbox>
                  </v:shape>
                  <v:shape id="Freeform: Shape 63" o:spid="_x0000_s1081" style="position:absolute;left:23614;top:2079;width:613;height:905;visibility:visible;mso-wrap-style:square;v-text-anchor:middle" coordsize="61278,90487"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" adj="-11796480,,5400" path="m34887,v5436,,10376,965,14834,2896c54178,4813,57925,7429,60960,10757l51054,21018c49213,18669,46787,16764,43764,15329,40716,13881,37478,13157,34024,13157v-3899,,-7227,991,-10008,2959c21260,18110,19888,20968,19888,24714v,1918,343,3543,1055,4877c21641,30950,22682,32093,24016,33045v1359,978,3010,1842,4966,2655c30924,36512,33147,37275,35636,38024v3023,965,6084,2083,9182,3365c47892,42672,50648,44285,53086,46215v2439,1931,4420,4293,5918,7125c60528,56185,61278,59626,61278,63690v,4611,-800,8586,-2439,11964c57214,79007,54978,81801,52159,83998v-2832,2184,-6096,3810,-9779,4877c38684,89954,34722,90487,30493,90487v-6210,,-11989,-1181,-17374,-3530c7734,84595,3366,81343,,77165l10757,67386v2603,3429,5753,5880,9449,7379c23902,76264,27445,77013,30798,77013v4140,,7696,-940,10693,-2807c44463,72326,45974,69469,45974,65608v,-4280,-1664,-7480,-4966,-9626c37668,53848,32982,51879,26886,50063v-2819,-851,-5588,-1879,-8293,-3060c15862,45834,13449,44336,11328,42507,9208,40703,7493,38443,6198,35789,4890,33096,4242,29794,4242,25832v,-4382,864,-8217,2603,-11468c8585,11100,10897,8407,13767,6261,16650,4127,19939,2540,23635,1524,27331,508,31077,,34887,xe" fillcolor="#fffefd" stroked="f">
                    <v:stroke joinstyle="miter"/>
                    <v:formulas/>
                    <v:path arrowok="t" o:extrusionok="f" o:connecttype="custom" textboxrect="0,0,61278,90487"/>
                    <v:textbox inset="2.53958mm,2.53958mm,2.53958mm,2.53958mm">
                      <w:txbxContent>
                        <w:p w14:paraId="6D6FB2CD" w14:textId="77777777" w:rsidR="00CF54CB" w:rsidRDefault="00CF54CB">
                          <w:pPr>
                            <w:spacing w:after="0" w:line="240" w:lineRule="auto"/>
                            <w:ind w:left="0" w:firstLine="0"/>
                            <w:jc w:val="left"/>
                            <w:textDirection w:val="btLr"/>
                          </w:pPr>
                        </w:p>
                      </w:txbxContent>
                    </v:textbox>
                  </v:shape>
                  <v:shape id="Freeform: Shape 117376" o:spid="_x0000_s1082" style="position:absolute;left:27849;top:2102;width:441;height:860;visibility:visible;mso-wrap-style:square;v-text-anchor:middle" coordsize="44101,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" path="m37160,r6941,l44101,17887,29515,53734r14586,l44101,66104r-19323,l16472,85992,,85992,37160,xe" fillcolor="#fffefd" stroked="f">
                    <v:path arrowok="t" o:extrusionok="f"/>
                  </v:shape>
                  <v:shape id="Freeform: Shape 117377" o:spid="_x0000_s1083" style="position:absolute;left:27486;top:2102;width:156;height:860;visibility:visible;mso-wrap-style:square;v-text-anchor:middle" coordsize="15646,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" path="m,l15646,r,85992l,85992,,e" fillcolor="#fffefd" stroked="f">
                    <v:path arrowok="t" o:extrusionok="f"/>
                  </v:shape>
                  <v:shape id="Freeform: Shape 117378" o:spid="_x0000_s1084" style="position:absolute;left:25741;top:2080;width:470;height:904;visibility:visible;mso-wrap-style:square;v-text-anchor:middle" coordsize="47022,9040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" adj="-11796480,,5400" path="m,l18498,3246v5765,2197,10769,5245,14998,9144c37738,16289,41053,21026,43440,26588v2388,5563,3582,11723,3582,18441c47022,51671,45828,57767,43440,63330v-2387,5562,-5702,10350,-9944,14351c29267,81694,24263,84818,18498,87079l,90400,,76757,12389,74404v3746,-1613,6947,-3835,9614,-6668c24670,64917,26702,61539,28111,57640v1423,-3899,2121,-8115,2121,-12611c30232,40546,29534,36393,28111,32608,26702,28811,24670,25484,22003,22664,19336,19832,16135,17610,12389,16009l,13644,,xe" fillcolor="#fffefd" stroked="f">
                    <v:stroke joinstyle="miter"/>
                    <v:formulas/>
                    <v:path arrowok="t" o:extrusionok="f" o:connecttype="custom" textboxrect="0,0,47022,90400"/>
                    <v:textbox inset="2.53958mm,2.53958mm,2.53958mm,2.53958mm">
                      <w:txbxContent>
                        <w:p w14:paraId="2589FA39" w14:textId="77777777" w:rsidR="00CF54CB" w:rsidRDefault="00CF54CB">
                          <w:pPr>
                            <w:spacing w:after="0" w:line="240" w:lineRule="auto"/>
                            <w:ind w:left="0" w:firstLine="0"/>
                            <w:jc w:val="left"/>
                            <w:textDirection w:val="btLr"/>
                          </w:pPr>
                        </w:p>
                      </w:txbxContent>
                    </v:textbox>
                  </v:shape>
                  <v:shape id="Freeform: Shape 117379" o:spid="_x0000_s1085" style="position:absolute;left:26446;top:2079;width:808;height:905;visibility:visible;mso-wrap-style:square;v-text-anchor:middle" coordsize="80861,90487"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" adj="-11796480,,5400" path="m47104,v6528,,12650,1219,18352,3619c71158,6020,75755,9474,79223,13970l67005,23419c64719,20218,61785,17780,58191,16116,54623,14478,50800,13640,46799,13640v-4571,,-8699,800,-12395,2413c30709,17653,27546,19875,24943,22708v-2604,2819,-4610,6146,-6033,9944c17500,36436,16802,40589,16802,45072v,4395,749,8509,2273,12357c20600,61290,22670,64656,25286,67539v2603,2895,5702,5168,9283,6832c38151,76035,42011,76848,46139,76848v4572,,8712,-889,12471,-2642c62357,72441,65634,69634,68478,65773r12383,8509c76721,79299,71958,83274,66523,86144v-5449,2896,-12231,4343,-20384,4343c39281,90487,33033,89395,27407,87198,21742,85014,16891,81940,12802,77965,8725,74016,5563,69253,3340,63690,1118,58128,,51930,,45072,,38354,1207,32194,3594,26632,5982,21069,9271,16332,13462,12433,17640,8534,22606,5486,28372,3289,34125,1092,40374,,47104,xe" fillcolor="#fffefd" stroked="f">
                    <v:stroke joinstyle="miter"/>
                    <v:formulas/>
                    <v:path arrowok="t" o:extrusionok="f" o:connecttype="custom" textboxrect="0,0,80861,90487"/>
                    <v:textbox inset="2.53958mm,2.53958mm,2.53958mm,2.53958mm">
                      <w:txbxContent>
                        <w:p w14:paraId="767C2605" w14:textId="77777777" w:rsidR="00CF54CB" w:rsidRDefault="00CF54CB">
                          <w:pPr>
                            <w:spacing w:after="0" w:line="240" w:lineRule="auto"/>
                            <w:ind w:left="0" w:firstLine="0"/>
                            <w:jc w:val="left"/>
                            <w:textDirection w:val="btLr"/>
                          </w:pPr>
                        </w:p>
                      </w:txbxContent>
                    </v:textbox>
                  </v:shape>
                  <v:shape id="Freeform: Shape 117380" o:spid="_x0000_s1086" style="position:absolute;left:28780;top:2104;width:694;height:858;visibility:visible;mso-wrap-style:square;v-text-anchor:middle" coordsize="69431,8582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" path="m,l69431,r,12675l42380,12675r,73152l26733,85827r,-73152l,12675,,xe" fillcolor="#fffefd" stroked="f">
                    <v:path arrowok="t" o:extrusionok="f"/>
                  </v:shape>
                  <v:shape id="Freeform: Shape 117381" o:spid="_x0000_s1087" style="position:absolute;left:29689;top:2102;width:157;height:860;visibility:visible;mso-wrap-style:square;v-text-anchor:middle" coordsize="15646,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" path="m,l15646,r,85992l,85992,,e" fillcolor="#fffefd" stroked="f">
                    <v:path arrowok="t" o:extrusionok="f"/>
                  </v:shape>
                  <v:shape id="Freeform: Shape 117382" o:spid="_x0000_s1088" style="position:absolute;left:28290;top:2102;width:446;height:860;visibility:visible;mso-wrap-style:square;v-text-anchor:middle" coordsize="44571,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" path="m,l7576,,44571,85992r-16955,l19488,66104,,66104,,53734r14586,l95,17653,,17887,,xe" fillcolor="#fffefd" stroked="f">
                    <v:path arrowok="t" o:extrusionok="f"/>
                  </v:shape>
                  <v:shape id="Freeform: Shape 117383" o:spid="_x0000_s1089" style="position:absolute;left:30133;top:2079;width:470;height:905;visibility:visible;mso-wrap-style:square;v-text-anchor:middle" coordsize="47034,90487"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" adj="-11796480,,5400" path="m46774,r260,46l47034,13689r-260,-49c42214,13640,38087,14440,34391,16053v-3695,1600,-6845,3822,-9448,6655c22339,25527,20332,28854,18910,32652v-1410,3784,-2121,7937,-2121,12420c16789,49568,17500,53784,18910,57683v1422,3899,3429,7278,6033,10097c27546,70612,30696,72834,34391,74447v3696,1601,7823,2401,12383,2401l47034,76798r,13643l46774,90487v-6617,,-12776,-1130,-18479,-3365c22593,84861,17640,81737,13462,77724,9271,73723,5994,68936,3594,63373,1206,57810,,51714,,45072,,38354,1206,32194,3594,26632,5994,21069,9271,16332,13462,12433,17640,8534,22593,5486,28295,3289,33998,1092,40157,,46774,xe" fillcolor="#fffefd" stroked="f">
                    <v:stroke joinstyle="miter"/>
                    <v:formulas/>
                    <v:path arrowok="t" o:extrusionok="f" o:connecttype="custom" textboxrect="0,0,47034,90487"/>
                    <v:textbox inset="2.53958mm,2.53958mm,2.53958mm,2.53958mm">
                      <w:txbxContent>
                        <w:p w14:paraId="7FA48F22" w14:textId="77777777" w:rsidR="00CF54CB" w:rsidRDefault="00CF54CB">
                          <w:pPr>
                            <w:spacing w:after="0" w:line="240" w:lineRule="auto"/>
                            <w:ind w:left="0" w:firstLine="0"/>
                            <w:jc w:val="left"/>
                            <w:textDirection w:val="btLr"/>
                          </w:pPr>
                        </w:p>
                      </w:txbxContent>
                    </v:textbox>
                  </v:shape>
                  <v:shape id="Freeform: Shape 117384" o:spid="_x0000_s1090" style="position:absolute;left:31360;top:2102;width:734;height:860;visibility:visible;mso-wrap-style:square;v-text-anchor:middle" coordsize="73355,8599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" path="m,l18910,,57861,65138r330,l58191,,73355,r,85992l54775,85992,15481,21171r-317,l15164,85992,,85992,,xe" fillcolor="#fffefd" stroked="f">
                    <v:path arrowok="t" o:extrusionok="f"/>
                  </v:shape>
                  <v:shape id="Freeform: Shape 117385" o:spid="_x0000_s1091" style="position:absolute;left:30603;top:2080;width:470;height:904;visibility:visible;mso-wrap-style:square;v-text-anchor:middle" coordsize="47022,90395"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" adj="-11796480,,5400" path="m,l18497,3244v5753,2197,10757,5245,14999,9144c37725,16287,41040,21024,43453,26586v2362,5563,3569,11722,3569,18441c47022,51669,45815,57765,43453,63327v-2413,5563,-5728,10351,-9957,14351c29254,81692,24250,84816,18497,87076l,90395,,76753,12389,74402v3746,-1613,6947,-3836,9614,-6668c24670,64915,26701,61537,28111,57638v1410,-3899,2134,-8116,2134,-12611c30245,40543,29521,36391,28111,32606,26701,28809,24670,25481,22003,22662,19336,19830,16135,17607,12389,16007l,13644,,xe" fillcolor="#fffefd" stroked="f">
                    <v:stroke joinstyle="miter"/>
                    <v:formulas/>
                    <v:path arrowok="t" o:extrusionok="f" o:connecttype="custom" textboxrect="0,0,47022,90395"/>
                    <v:textbox inset="2.53958mm,2.53958mm,2.53958mm,2.53958mm">
                      <w:txbxContent>
                        <w:p w14:paraId="0748758C" w14:textId="77777777" w:rsidR="00CF54CB" w:rsidRDefault="00CF54CB">
                          <w:pPr>
                            <w:spacing w:after="0" w:line="240" w:lineRule="auto"/>
                            <w:ind w:left="0" w:firstLine="0"/>
                            <w:jc w:val="left"/>
                            <w:textDirection w:val="btLr"/>
                          </w:pPr>
                        </w:p>
                      </w:txbxContent>
                    </v:textbox>
                  </v:shape>
                  <v:shape id="Freeform: Shape 117386" o:spid="_x0000_s1092" style="position:absolute;left:32853;top:2079;width:471;height:905;visibility:visible;mso-wrap-style:square;v-text-anchor:middle" coordsize="47028,90487"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" adj="-11796480,,5400" path="m46799,r229,40l47028,13683r-229,-43c42227,13640,38087,14440,34391,16053v-3695,1600,-6845,3822,-9448,6655c22339,25527,20332,28854,18910,32652v-1397,3784,-2121,7937,-2121,12420c16789,49568,17513,53784,18910,57683v1422,3899,3429,7278,6033,10097c27546,70612,30696,72834,34391,74447v3696,1601,7836,2401,12408,2401l47028,76804r,13642l46799,90487v-6642,,-12814,-1130,-18504,-3365c22593,84861,17640,81737,13449,77724,9258,73723,5981,68936,3594,63373,1206,57810,,51714,,45072,,38354,1206,32194,3594,26632,5981,21069,9258,16332,13449,12433,17640,8534,22593,5486,28295,3289,33985,1092,40157,,46799,xe" fillcolor="#fffefd" stroked="f">
                    <v:stroke joinstyle="miter"/>
                    <v:formulas/>
                    <v:path arrowok="t" o:extrusionok="f" o:connecttype="custom" textboxrect="0,0,47028,90487"/>
                    <v:textbox inset="2.53958mm,2.53958mm,2.53958mm,2.53958mm">
                      <w:txbxContent>
                        <w:p w14:paraId="75E4F9A1" w14:textId="77777777" w:rsidR="00CF54CB" w:rsidRDefault="00CF54CB">
                          <w:pPr>
                            <w:spacing w:after="0" w:line="240" w:lineRule="auto"/>
                            <w:ind w:left="0" w:firstLine="0"/>
                            <w:jc w:val="left"/>
                            <w:textDirection w:val="btLr"/>
                          </w:pPr>
                        </w:p>
                      </w:txbxContent>
                    </v:textbox>
                  </v:shape>
                  <v:shape id="Freeform: Shape 117387" o:spid="_x0000_s1093" style="position:absolute;left:34081;top:2104;width:565;height:858;visibility:visible;mso-wrap-style:square;v-text-anchor:middle" coordsize="56553,8582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" path="m,l56553,r,12675l15646,12675r,23901l54115,36576r,12675l15646,49251r,36576l,85827,,xe" fillcolor="#fffefd" stroked="f">
                    <v:path arrowok="t" o:extrusionok="f"/>
                  </v:shape>
                  <v:shape id="Freeform: Shape 117388" o:spid="_x0000_s1094" style="position:absolute;left:33324;top:2080;width:470;height:904;visibility:visible;mso-wrap-style:square;v-text-anchor:middle" coordsize="47028,9040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" adj="-11796480,,5400" path="m,l18504,3249v5753,2197,10757,5245,14999,9144c37731,16292,41059,21029,43446,26592v2375,5562,3582,11722,3582,18440c47028,51674,45821,57770,43446,63333v-2387,5562,-5715,10350,-9943,14351c29261,81697,24257,84821,18504,87082l,90406,,76764,12395,74407v3733,-1613,6947,-3835,9601,-6667c24676,64920,26708,61542,28118,57643v1409,-3899,2120,-8115,2120,-12611c30238,40549,29527,36396,28118,32612,26708,28814,24676,25487,21996,22667,19342,19835,16128,17613,12395,16013l,13643,,xe" fillcolor="#fffefd" stroked="f">
                    <v:stroke joinstyle="miter"/>
                    <v:formulas/>
                    <v:path arrowok="t" o:extrusionok="f" o:connecttype="custom" textboxrect="0,0,47028,90406"/>
                    <v:textbox inset="2.53958mm,2.53958mm,2.53958mm,2.53958mm">
                      <w:txbxContent>
                        <w:p w14:paraId="5C4E8394" w14:textId="77777777" w:rsidR="00CF54CB" w:rsidRDefault="00CF54CB">
                          <w:pPr>
                            <w:spacing w:after="0" w:line="240" w:lineRule="auto"/>
                            <w:ind w:left="0" w:firstLine="0"/>
                            <w:jc w:val="left"/>
                            <w:textDirection w:val="btLr"/>
                          </w:pPr>
                        </w:p>
                      </w:txbxContent>
                    </v:textbox>
                  </v:shape>
                  <v:shape id="Freeform: Shape 117389" o:spid="_x0000_s1095" style="position:absolute;left:8982;top:1989;width:696;height:3108;visibility:visible;mso-wrap-style:square;v-text-anchor:middle" coordsize="69583,3108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" path="m,l69583,r,310807l,310807,,e" fillcolor="#fffefd" stroked="f">
                    <v:path arrowok="t" o:extrusionok="f"/>
                  </v:shape>
                  <v:shape id="Freeform: Shape 117390" o:spid="_x0000_s1096" style="position:absolute;left:5226;top:1989;width:1635;height:3108;visibility:visible;mso-wrap-style:square;v-text-anchor:middle" coordsize="163473,31080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" path="m136486,r26987,l163473,91005r-228,-568l124891,187007r38582,l163473,244958r-60439,l76708,310804,,310804,136486,xe" fillcolor="#fffefd" stroked="f">
                    <v:path arrowok="t" o:extrusionok="f"/>
                  </v:shape>
                  <v:shape id="Freeform: Shape 117391" o:spid="_x0000_s1097" style="position:absolute;left:6861;top:1989;width:1679;height:3108;visibility:visible;mso-wrap-style:square;v-text-anchor:middle" coordsize="167931,31080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" path="m,l30556,,167931,310804r-78511,l62217,244958,,244958,,187007r38583,l,91005,,xe" fillcolor="#fffefd" stroked="f">
                    <v:path arrowok="t" o:extrusionok="f"/>
                  </v:shape>
                  <v:shape id="Freeform: Shape 117392" o:spid="_x0000_s1098" style="position:absolute;left:1783;top:1989;width:2993;height:3108;visibility:visible;mso-wrap-style:square;v-text-anchor:middle" coordsize="299296,31080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" path="m,l94559,,228824,215976r889,l229713,r69583,l299296,310804r-90997,l70480,89560r-902,l69578,310804,,310804,,xe" fillcolor="#fffefd" stroked="f">
                    <v:path arrowok="t" o:extrusionok="f"/>
                  </v:shape>
                  <v:shape id="Freeform: Shape 117393" o:spid="_x0000_s1099" style="position:absolute;left:10369;top:1989;width:3044;height:3098;visibility:visible;mso-wrap-style:square;v-text-anchor:middle" coordsize="304482,309802"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" adj="-11796480,,5400" path="m156888,r33,l205652,7639v46002,14875,82571,50239,98830,95140l249682,102779c231330,71067,196812,49655,157163,49655,98285,49655,50546,96772,50546,154900r-25,c50521,226350,96799,286980,161315,309611v-1473,38,-2921,191,-4407,191c70256,309802,,240447,,154900,,80046,53790,17590,125288,3145l156888,xe" fillcolor="#fffefd" stroked="f">
                    <v:stroke joinstyle="miter"/>
                    <v:formulas/>
                    <v:path arrowok="t" o:extrusionok="f" o:connecttype="custom" textboxrect="0,0,304482,309802"/>
                    <v:textbox inset="2.53958mm,2.53958mm,2.53958mm,2.53958mm">
                      <w:txbxContent>
                        <w:p w14:paraId="582967A2" w14:textId="77777777" w:rsidR="00CF54CB" w:rsidRDefault="00CF54CB">
                          <w:pPr>
                            <w:spacing w:after="0" w:line="240" w:lineRule="auto"/>
                            <w:ind w:left="0" w:firstLine="0"/>
                            <w:jc w:val="left"/>
                            <w:textDirection w:val="btLr"/>
                          </w:pPr>
                        </w:p>
                      </w:txbxContent>
                    </v:textbox>
                  </v:shape>
                  <v:shape id="Freeform: Shape 117394" o:spid="_x0000_s1100" style="position:absolute;left:12602;top:1995;width:1529;height:1021;visibility:visible;mso-wrap-style:square;v-text-anchor:middle" coordsize="152908,10213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" adj="-11796480,,5400" path="m5436,c73330,,130975,42596,152908,102133r-50317,c86106,54546,48120,16828,,267,1816,216,3594,,5436,xe" fillcolor="#fffefd" stroked="f">
                    <v:stroke joinstyle="miter"/>
                    <v:formulas/>
                    <v:path arrowok="t" o:extrusionok="f" o:connecttype="custom" textboxrect="0,0,152908,102133"/>
                    <v:textbox inset="2.53958mm,2.53958mm,2.53958mm,2.53958mm">
                      <w:txbxContent>
                        <w:p w14:paraId="1F357CDA" w14:textId="77777777" w:rsidR="00CF54CB" w:rsidRDefault="00CF54CB">
                          <w:pPr>
                            <w:spacing w:after="0" w:line="240" w:lineRule="auto"/>
                            <w:ind w:left="0" w:firstLine="0"/>
                            <w:jc w:val="left"/>
                            <w:textDirection w:val="btLr"/>
                          </w:pPr>
                        </w:p>
                      </w:txbxContent>
                    </v:textbox>
                  </v:shape>
                  <v:shape id="Freeform: Shape 117395" o:spid="_x0000_s1101" style="position:absolute;left:11086;top:2585;width:3071;height:2512;visibility:visible;mso-wrap-style:square;v-text-anchor:middle" coordsize="307086,25114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" adj="-11796480,,5400" path="m97282,v4877,,9627,483,14300,1156c75590,18021,50648,54115,50648,96050v,58052,47663,105105,106464,105105c199352,201155,235725,176809,252908,141592r54178,c287363,204991,227787,251143,157112,251143,70345,251143,,181712,,96050,,92710,305,89433,508,86144,5537,37757,46939,,97282,xe" fillcolor="#fffefd" stroked="f">
                    <v:stroke joinstyle="miter"/>
                    <v:formulas/>
                    <v:path arrowok="t" o:extrusionok="f" o:connecttype="custom" textboxrect="0,0,307086,251143"/>
                    <v:textbox inset="2.53958mm,2.53958mm,2.53958mm,2.53958mm">
                      <w:txbxContent>
                        <w:p w14:paraId="39C98704" w14:textId="77777777" w:rsidR="00CF54CB" w:rsidRDefault="00CF54CB">
                          <w:pPr>
                            <w:spacing w:after="0" w:line="240" w:lineRule="auto"/>
                            <w:ind w:left="0" w:firstLine="0"/>
                            <w:jc w:val="left"/>
                            <w:textDirection w:val="btLr"/>
                          </w:pPr>
                        </w:p>
                      </w:txbxContent>
                    </v:textbox>
                  </v:shape>
                  <v:shape id="Freeform: Shape 117396" o:spid="_x0000_s1102" style="position:absolute;left:12393;top:4001;width:999;height:495;visibility:visible;mso-wrap-style:square;v-text-anchor:middle" coordsize="99848,49479"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" adj="-11796480,,5400" path="m50102,l99848,c81839,29604,49124,49479,11582,49479,7671,49479,3810,49213,,48793,21844,38646,39446,21323,50102,xe" fillcolor="#fffefd" stroked="f">
                    <v:stroke joinstyle="miter"/>
                    <v:formulas/>
                    <v:path arrowok="t" o:extrusionok="f" o:connecttype="custom" textboxrect="0,0,99848,49479"/>
                    <v:textbox inset="2.53958mm,2.53958mm,2.53958mm,2.53958mm">
                      <w:txbxContent>
                        <w:p w14:paraId="4F770EF8" w14:textId="77777777" w:rsidR="00CF54CB" w:rsidRDefault="00CF54CB">
                          <w:pPr>
                            <w:spacing w:after="0" w:line="240" w:lineRule="auto"/>
                            <w:ind w:left="0" w:firstLine="0"/>
                            <w:jc w:val="left"/>
                            <w:textDirection w:val="btLr"/>
                          </w:pPr>
                        </w:p>
                      </w:txbxContent>
                    </v:textbox>
                  </v:shape>
                </v:group>
                <w10:anchorlock/>
              </v:group>
            </w:pict>
          </mc:Fallback>
        </mc:AlternateContent>
      </w:r>
    </w:p>
    <w:p w14:paraId="4A36EDA9" w14:textId="7EE7AE0C" w:rsidR="00CF54CB" w:rsidRDefault="00344004">
      <w:pPr>
        <w:spacing w:after="258"/>
        <w:ind w:left="-5" w:hanging="10"/>
        <w:jc w:val="left"/>
        <w:sectPr w:rsidR="00CF54CB">
          <w:headerReference w:type="even" r:id="rId13"/>
          <w:headerReference w:type="default" r:id="rId14"/>
          <w:footerReference w:type="even" r:id="rId15"/>
          <w:footerReference w:type="default" r:id="rId16"/>
          <w:headerReference w:type="first" r:id="rId17"/>
          <w:footerReference w:type="first" r:id="rId18"/>
          <w:pgSz w:w="12240" w:h="15840"/>
          <w:pgMar w:top="900" w:right="940" w:bottom="1171" w:left="900" w:header="720" w:footer="720" w:gutter="0"/>
          <w:pgNumType w:start="0"/>
          <w:cols w:space="720"/>
          <w:titlePg/>
        </w:sectPr>
      </w:pPr>
      <w:r>
        <w:rPr>
          <w:rFonts w:ascii="Calibri" w:eastAsia="Calibri" w:hAnsi="Calibri" w:cs="Calibri"/>
          <w:b/>
          <w:i/>
          <w:color w:val="181717"/>
          <w:sz w:val="22"/>
          <w:szCs w:val="22"/>
        </w:rPr>
        <w:t xml:space="preserve">The NAIC is the authoritative source for insurance industry information. Our expert solutions support the efforts of regulators, </w:t>
      </w:r>
      <w:r w:rsidR="001B6672">
        <w:rPr>
          <w:rFonts w:ascii="Calibri" w:eastAsia="Calibri" w:hAnsi="Calibri" w:cs="Calibri"/>
          <w:b/>
          <w:i/>
          <w:color w:val="181717"/>
          <w:sz w:val="22"/>
          <w:szCs w:val="22"/>
        </w:rPr>
        <w:t>insurers,</w:t>
      </w:r>
      <w:r>
        <w:rPr>
          <w:rFonts w:ascii="Calibri" w:eastAsia="Calibri" w:hAnsi="Calibri" w:cs="Calibri"/>
          <w:b/>
          <w:i/>
          <w:color w:val="181717"/>
          <w:sz w:val="22"/>
          <w:szCs w:val="22"/>
        </w:rPr>
        <w:t xml:space="preserve"> and researchers by providing detailed and comprehensive insurance information. The NAIC offers </w:t>
      </w:r>
      <w:r w:rsidR="001B6672">
        <w:rPr>
          <w:rFonts w:ascii="Calibri" w:eastAsia="Calibri" w:hAnsi="Calibri" w:cs="Calibri"/>
          <w:b/>
          <w:i/>
          <w:color w:val="181717"/>
          <w:sz w:val="22"/>
          <w:szCs w:val="22"/>
        </w:rPr>
        <w:t>a wide range of publication in the following categories:</w:t>
      </w:r>
    </w:p>
    <w:p w14:paraId="4798BF05" w14:textId="77777777" w:rsidR="00CF54CB" w:rsidRPr="001B6672" w:rsidRDefault="00344004" w:rsidP="001B6672">
      <w:pPr>
        <w:spacing w:after="0" w:line="259" w:lineRule="auto"/>
        <w:ind w:left="0" w:firstLine="0"/>
        <w:jc w:val="left"/>
        <w:rPr>
          <w:sz w:val="18"/>
          <w:szCs w:val="18"/>
        </w:rPr>
      </w:pPr>
      <w:r w:rsidRPr="001B6672">
        <w:rPr>
          <w:rFonts w:ascii="Calibri" w:eastAsia="Calibri" w:hAnsi="Calibri" w:cs="Calibri"/>
          <w:b/>
          <w:color w:val="181717"/>
          <w:sz w:val="18"/>
          <w:szCs w:val="18"/>
        </w:rPr>
        <w:t>Accounting &amp; Reporting</w:t>
      </w:r>
    </w:p>
    <w:p w14:paraId="49E5074C" w14:textId="77777777" w:rsidR="00CF54CB" w:rsidRPr="001B6672" w:rsidRDefault="00344004">
      <w:pPr>
        <w:spacing w:after="230"/>
        <w:ind w:left="-5" w:right="2" w:hanging="10"/>
        <w:jc w:val="left"/>
        <w:rPr>
          <w:sz w:val="18"/>
          <w:szCs w:val="18"/>
        </w:rPr>
      </w:pPr>
      <w:r w:rsidRPr="001B6672">
        <w:rPr>
          <w:rFonts w:ascii="Calibri" w:eastAsia="Calibri" w:hAnsi="Calibri" w:cs="Calibri"/>
          <w:color w:val="181717"/>
          <w:sz w:val="18"/>
          <w:szCs w:val="18"/>
        </w:rPr>
        <w:t>Information about statutory accounting principles and the procedures necessary for filing financial annual statements and conducting risk-based capital calculations.</w:t>
      </w:r>
    </w:p>
    <w:p w14:paraId="7255B856" w14:textId="77777777" w:rsidR="00CF54CB" w:rsidRPr="001B6672" w:rsidRDefault="00344004">
      <w:pPr>
        <w:spacing w:after="0" w:line="259" w:lineRule="auto"/>
        <w:ind w:left="-5" w:hanging="10"/>
        <w:jc w:val="left"/>
        <w:rPr>
          <w:sz w:val="18"/>
          <w:szCs w:val="18"/>
        </w:rPr>
      </w:pPr>
      <w:r w:rsidRPr="001B6672">
        <w:rPr>
          <w:rFonts w:ascii="Calibri" w:eastAsia="Calibri" w:hAnsi="Calibri" w:cs="Calibri"/>
          <w:b/>
          <w:color w:val="181717"/>
          <w:sz w:val="18"/>
          <w:szCs w:val="18"/>
        </w:rPr>
        <w:t>Consumer Information</w:t>
      </w:r>
    </w:p>
    <w:p w14:paraId="5D8DB141" w14:textId="77777777" w:rsidR="00CF54CB" w:rsidRPr="001B6672" w:rsidRDefault="00344004">
      <w:pPr>
        <w:spacing w:after="0"/>
        <w:ind w:left="-5" w:right="2" w:hanging="10"/>
        <w:jc w:val="left"/>
        <w:rPr>
          <w:sz w:val="18"/>
          <w:szCs w:val="18"/>
        </w:rPr>
      </w:pPr>
      <w:r w:rsidRPr="001B6672">
        <w:rPr>
          <w:rFonts w:ascii="Calibri" w:eastAsia="Calibri" w:hAnsi="Calibri" w:cs="Calibri"/>
          <w:color w:val="181717"/>
          <w:sz w:val="18"/>
          <w:szCs w:val="18"/>
        </w:rPr>
        <w:t>Important answers to common questions about auto, home, health, and life insurance — as well as buyer’s guides on annuities, long-term care insurance and Medicare supplement plans.</w:t>
      </w:r>
    </w:p>
    <w:p w14:paraId="1FD5E7C0" w14:textId="77777777" w:rsidR="00CF54CB" w:rsidRPr="001B6672" w:rsidRDefault="00344004">
      <w:pPr>
        <w:spacing w:after="0" w:line="259" w:lineRule="auto"/>
        <w:ind w:left="-5" w:hanging="10"/>
        <w:jc w:val="left"/>
        <w:rPr>
          <w:sz w:val="18"/>
          <w:szCs w:val="18"/>
        </w:rPr>
      </w:pPr>
      <w:r w:rsidRPr="001B6672">
        <w:rPr>
          <w:rFonts w:ascii="Calibri" w:eastAsia="Calibri" w:hAnsi="Calibri" w:cs="Calibri"/>
          <w:b/>
          <w:color w:val="181717"/>
          <w:sz w:val="18"/>
          <w:szCs w:val="18"/>
        </w:rPr>
        <w:t xml:space="preserve">Financial Regulation </w:t>
      </w:r>
    </w:p>
    <w:p w14:paraId="6C28821F" w14:textId="77777777" w:rsidR="00CF54CB" w:rsidRPr="001B6672" w:rsidRDefault="00344004">
      <w:pPr>
        <w:spacing w:after="10"/>
        <w:ind w:left="-5" w:right="2" w:hanging="10"/>
        <w:jc w:val="left"/>
        <w:rPr>
          <w:sz w:val="18"/>
          <w:szCs w:val="18"/>
        </w:rPr>
      </w:pPr>
      <w:r w:rsidRPr="001B6672">
        <w:rPr>
          <w:rFonts w:ascii="Calibri" w:eastAsia="Calibri" w:hAnsi="Calibri" w:cs="Calibri"/>
          <w:color w:val="181717"/>
          <w:sz w:val="18"/>
          <w:szCs w:val="18"/>
        </w:rPr>
        <w:t xml:space="preserve">Useful handbooks, compliance guides and reports on financial </w:t>
      </w:r>
    </w:p>
    <w:p w14:paraId="6914C324" w14:textId="77777777" w:rsidR="00CF54CB" w:rsidRPr="001B6672" w:rsidRDefault="00344004">
      <w:pPr>
        <w:spacing w:after="230"/>
        <w:ind w:left="-5" w:right="706" w:hanging="10"/>
        <w:jc w:val="left"/>
        <w:rPr>
          <w:sz w:val="18"/>
          <w:szCs w:val="18"/>
        </w:rPr>
      </w:pPr>
      <w:r w:rsidRPr="001B6672">
        <w:rPr>
          <w:rFonts w:ascii="Calibri" w:eastAsia="Calibri" w:hAnsi="Calibri" w:cs="Calibri"/>
          <w:color w:val="181717"/>
          <w:sz w:val="18"/>
          <w:szCs w:val="18"/>
        </w:rPr>
        <w:t>analysis, company licensing, state audit requirements and receiverships.</w:t>
      </w:r>
    </w:p>
    <w:p w14:paraId="5C8F1ADC" w14:textId="77777777" w:rsidR="00CF54CB" w:rsidRPr="001B6672" w:rsidRDefault="00344004">
      <w:pPr>
        <w:spacing w:after="0" w:line="259" w:lineRule="auto"/>
        <w:ind w:left="-5" w:hanging="10"/>
        <w:jc w:val="left"/>
        <w:rPr>
          <w:sz w:val="18"/>
          <w:szCs w:val="18"/>
        </w:rPr>
      </w:pPr>
      <w:r w:rsidRPr="001B6672">
        <w:rPr>
          <w:rFonts w:ascii="Calibri" w:eastAsia="Calibri" w:hAnsi="Calibri" w:cs="Calibri"/>
          <w:b/>
          <w:color w:val="181717"/>
          <w:sz w:val="18"/>
          <w:szCs w:val="18"/>
        </w:rPr>
        <w:t>Legal</w:t>
      </w:r>
    </w:p>
    <w:p w14:paraId="79066181" w14:textId="77777777" w:rsidR="00CF54CB" w:rsidRPr="001B6672" w:rsidRDefault="00344004">
      <w:pPr>
        <w:spacing w:after="230"/>
        <w:ind w:left="-5" w:right="2" w:hanging="10"/>
        <w:jc w:val="left"/>
        <w:rPr>
          <w:sz w:val="18"/>
          <w:szCs w:val="18"/>
        </w:rPr>
      </w:pPr>
      <w:r w:rsidRPr="001B6672">
        <w:rPr>
          <w:rFonts w:ascii="Calibri" w:eastAsia="Calibri" w:hAnsi="Calibri" w:cs="Calibri"/>
          <w:color w:val="181717"/>
          <w:sz w:val="18"/>
          <w:szCs w:val="18"/>
        </w:rPr>
        <w:t>Comprehensive collection of NAIC model laws, regulations, and guidelines; state laws on insurance topics; and other regulatory guidance on taxation and consumer privacy.</w:t>
      </w:r>
    </w:p>
    <w:p w14:paraId="04D78E2C" w14:textId="77777777" w:rsidR="00CF54CB" w:rsidRPr="001B6672" w:rsidRDefault="00344004">
      <w:pPr>
        <w:spacing w:after="0" w:line="259" w:lineRule="auto"/>
        <w:ind w:left="-5" w:hanging="10"/>
        <w:jc w:val="left"/>
        <w:rPr>
          <w:sz w:val="18"/>
          <w:szCs w:val="18"/>
        </w:rPr>
      </w:pPr>
      <w:r w:rsidRPr="001B6672">
        <w:rPr>
          <w:rFonts w:ascii="Calibri" w:eastAsia="Calibri" w:hAnsi="Calibri" w:cs="Calibri"/>
          <w:b/>
          <w:color w:val="181717"/>
          <w:sz w:val="18"/>
          <w:szCs w:val="18"/>
        </w:rPr>
        <w:t>Market Regulation</w:t>
      </w:r>
    </w:p>
    <w:p w14:paraId="5C75EEA5" w14:textId="77777777" w:rsidR="00CF54CB" w:rsidRPr="001B6672" w:rsidRDefault="00344004">
      <w:pPr>
        <w:spacing w:after="230"/>
        <w:ind w:left="-5" w:right="2" w:hanging="10"/>
        <w:jc w:val="left"/>
        <w:rPr>
          <w:sz w:val="18"/>
          <w:szCs w:val="18"/>
        </w:rPr>
      </w:pPr>
      <w:r w:rsidRPr="001B6672">
        <w:rPr>
          <w:rFonts w:ascii="Calibri" w:eastAsia="Calibri" w:hAnsi="Calibri" w:cs="Calibri"/>
          <w:color w:val="181717"/>
          <w:sz w:val="18"/>
          <w:szCs w:val="18"/>
        </w:rPr>
        <w:t>Regulatory and industry guidance on market-related issues, including antifraud, product filing requirements, producer licensing and market analysis.</w:t>
      </w:r>
    </w:p>
    <w:p w14:paraId="335126C7" w14:textId="77777777" w:rsidR="00CF54CB" w:rsidRPr="001B6672" w:rsidRDefault="00344004">
      <w:pPr>
        <w:spacing w:after="0" w:line="259" w:lineRule="auto"/>
        <w:ind w:left="-5" w:hanging="10"/>
        <w:jc w:val="left"/>
        <w:rPr>
          <w:sz w:val="18"/>
          <w:szCs w:val="18"/>
        </w:rPr>
      </w:pPr>
      <w:r w:rsidRPr="001B6672">
        <w:rPr>
          <w:rFonts w:ascii="Calibri" w:eastAsia="Calibri" w:hAnsi="Calibri" w:cs="Calibri"/>
          <w:b/>
          <w:color w:val="181717"/>
          <w:sz w:val="18"/>
          <w:szCs w:val="18"/>
        </w:rPr>
        <w:t>NAIC Activities</w:t>
      </w:r>
    </w:p>
    <w:p w14:paraId="4B497D47" w14:textId="77777777" w:rsidR="00CF54CB" w:rsidRPr="001B6672" w:rsidRDefault="00344004">
      <w:pPr>
        <w:spacing w:after="230"/>
        <w:ind w:left="-5" w:right="2" w:hanging="10"/>
        <w:jc w:val="left"/>
        <w:rPr>
          <w:sz w:val="18"/>
          <w:szCs w:val="18"/>
        </w:rPr>
      </w:pPr>
      <w:r w:rsidRPr="001B6672">
        <w:rPr>
          <w:rFonts w:ascii="Calibri" w:eastAsia="Calibri" w:hAnsi="Calibri" w:cs="Calibri"/>
          <w:color w:val="181717"/>
          <w:sz w:val="18"/>
          <w:szCs w:val="18"/>
        </w:rPr>
        <w:t>NAIC member directories, in-depth reporting of state regulatory activities and official historical records of NAIC national meetings and other activities.</w:t>
      </w:r>
    </w:p>
    <w:p w14:paraId="5D57F697" w14:textId="77777777" w:rsidR="00CF54CB" w:rsidRDefault="00344004">
      <w:pPr>
        <w:spacing w:after="0" w:line="259" w:lineRule="auto"/>
        <w:ind w:left="-5" w:hanging="10"/>
        <w:jc w:val="left"/>
      </w:pPr>
      <w:r>
        <w:rPr>
          <w:rFonts w:ascii="Calibri" w:eastAsia="Calibri" w:hAnsi="Calibri" w:cs="Calibri"/>
          <w:b/>
          <w:color w:val="181717"/>
          <w:sz w:val="20"/>
          <w:szCs w:val="20"/>
        </w:rPr>
        <w:t>Special Studies</w:t>
      </w:r>
    </w:p>
    <w:p w14:paraId="129BEAFB" w14:textId="77777777" w:rsidR="00CF54CB" w:rsidRDefault="00344004">
      <w:pPr>
        <w:spacing w:after="230"/>
        <w:ind w:left="-5" w:right="2" w:hanging="10"/>
        <w:jc w:val="left"/>
      </w:pPr>
      <w:r>
        <w:rPr>
          <w:rFonts w:ascii="Calibri" w:eastAsia="Calibri" w:hAnsi="Calibri" w:cs="Calibri"/>
          <w:color w:val="181717"/>
          <w:sz w:val="20"/>
          <w:szCs w:val="20"/>
        </w:rPr>
        <w:t>Studies, reports, handbooks, and regulatory research conducted by NAIC members on a variety of insurance- related topics.</w:t>
      </w:r>
    </w:p>
    <w:p w14:paraId="029256C9" w14:textId="77777777" w:rsidR="00CF54CB" w:rsidRDefault="00344004">
      <w:pPr>
        <w:spacing w:after="0" w:line="259" w:lineRule="auto"/>
        <w:ind w:left="-5" w:hanging="10"/>
        <w:jc w:val="left"/>
      </w:pPr>
      <w:r>
        <w:rPr>
          <w:rFonts w:ascii="Calibri" w:eastAsia="Calibri" w:hAnsi="Calibri" w:cs="Calibri"/>
          <w:b/>
          <w:color w:val="181717"/>
          <w:sz w:val="20"/>
          <w:szCs w:val="20"/>
        </w:rPr>
        <w:t>Statistical Reports</w:t>
      </w:r>
    </w:p>
    <w:p w14:paraId="431807F4" w14:textId="77777777" w:rsidR="00CF54CB" w:rsidRDefault="00344004">
      <w:pPr>
        <w:spacing w:after="230"/>
        <w:ind w:left="-5" w:right="2" w:hanging="10"/>
        <w:jc w:val="left"/>
      </w:pPr>
      <w:r>
        <w:rPr>
          <w:rFonts w:ascii="Calibri" w:eastAsia="Calibri" w:hAnsi="Calibri" w:cs="Calibri"/>
          <w:color w:val="181717"/>
          <w:sz w:val="20"/>
          <w:szCs w:val="20"/>
        </w:rPr>
        <w:t>Valuable and in-demand insurance industry-wide statistical data for various lines of business, including auto, home, health, and life insurance.</w:t>
      </w:r>
    </w:p>
    <w:p w14:paraId="0BF5F88F" w14:textId="77777777" w:rsidR="00CF54CB" w:rsidRDefault="00344004">
      <w:pPr>
        <w:spacing w:after="0" w:line="259" w:lineRule="auto"/>
        <w:ind w:left="-5" w:hanging="10"/>
        <w:jc w:val="left"/>
      </w:pPr>
      <w:r>
        <w:rPr>
          <w:rFonts w:ascii="Calibri" w:eastAsia="Calibri" w:hAnsi="Calibri" w:cs="Calibri"/>
          <w:b/>
          <w:color w:val="181717"/>
          <w:sz w:val="20"/>
          <w:szCs w:val="20"/>
        </w:rPr>
        <w:t>Supplementary Products</w:t>
      </w:r>
    </w:p>
    <w:p w14:paraId="764D330E" w14:textId="77777777" w:rsidR="00CF54CB" w:rsidRDefault="00344004">
      <w:pPr>
        <w:spacing w:after="230"/>
        <w:ind w:left="-5" w:right="229" w:hanging="10"/>
        <w:jc w:val="left"/>
      </w:pPr>
      <w:r>
        <w:rPr>
          <w:rFonts w:ascii="Calibri" w:eastAsia="Calibri" w:hAnsi="Calibri" w:cs="Calibri"/>
          <w:color w:val="181717"/>
          <w:sz w:val="20"/>
          <w:szCs w:val="20"/>
        </w:rPr>
        <w:t>Guidance manuals, handbooks, surveys, and research on a wide variety of issues.</w:t>
      </w:r>
    </w:p>
    <w:p w14:paraId="0AAC8744" w14:textId="77777777" w:rsidR="00CF54CB" w:rsidRDefault="00344004">
      <w:pPr>
        <w:spacing w:after="230"/>
        <w:ind w:left="-5" w:right="98" w:hanging="10"/>
        <w:jc w:val="left"/>
      </w:pPr>
      <w:r>
        <w:rPr>
          <w:rFonts w:ascii="Calibri" w:eastAsia="Calibri" w:hAnsi="Calibri" w:cs="Calibri"/>
          <w:b/>
          <w:color w:val="181717"/>
          <w:sz w:val="20"/>
          <w:szCs w:val="20"/>
        </w:rPr>
        <w:t xml:space="preserve">Capital Markets &amp; Investment Analysis </w:t>
      </w:r>
      <w:r>
        <w:rPr>
          <w:rFonts w:ascii="Calibri" w:eastAsia="Calibri" w:hAnsi="Calibri" w:cs="Calibri"/>
          <w:color w:val="181717"/>
          <w:sz w:val="20"/>
          <w:szCs w:val="20"/>
        </w:rPr>
        <w:t>Information regarding portfolio values and procedures for complying with NAIC reporting requirements.</w:t>
      </w:r>
    </w:p>
    <w:p w14:paraId="17CDF3D4" w14:textId="77777777" w:rsidR="00CF54CB" w:rsidRDefault="00344004">
      <w:pPr>
        <w:spacing w:after="0" w:line="259" w:lineRule="auto"/>
        <w:ind w:left="-5" w:hanging="10"/>
        <w:jc w:val="left"/>
      </w:pPr>
      <w:r>
        <w:rPr>
          <w:rFonts w:ascii="Calibri" w:eastAsia="Calibri" w:hAnsi="Calibri" w:cs="Calibri"/>
          <w:b/>
          <w:color w:val="181717"/>
          <w:sz w:val="20"/>
          <w:szCs w:val="20"/>
        </w:rPr>
        <w:t xml:space="preserve">White Papers </w:t>
      </w:r>
    </w:p>
    <w:p w14:paraId="530FC15D" w14:textId="77777777" w:rsidR="00CF54CB" w:rsidRDefault="00344004">
      <w:pPr>
        <w:spacing w:after="696"/>
        <w:ind w:left="-5" w:right="119" w:hanging="10"/>
        <w:jc w:val="left"/>
      </w:pPr>
      <w:r>
        <w:rPr>
          <w:rFonts w:ascii="Calibri" w:eastAsia="Calibri" w:hAnsi="Calibri" w:cs="Calibri"/>
          <w:color w:val="181717"/>
          <w:sz w:val="20"/>
          <w:szCs w:val="20"/>
        </w:rPr>
        <w:t>Relevant studies, guidance and NAIC policy positions on a variety of insurance topics.</w:t>
      </w:r>
    </w:p>
    <w:p w14:paraId="1E79F337" w14:textId="77777777" w:rsidR="00CF54CB" w:rsidRPr="001B6672" w:rsidRDefault="00344004" w:rsidP="001B6672">
      <w:pPr>
        <w:shd w:val="clear" w:color="auto" w:fill="181717"/>
        <w:spacing w:after="0" w:line="236" w:lineRule="auto"/>
        <w:ind w:left="0" w:firstLine="0"/>
        <w:jc w:val="left"/>
        <w:rPr>
          <w:sz w:val="16"/>
          <w:szCs w:val="16"/>
        </w:rPr>
        <w:sectPr w:rsidR="00CF54CB" w:rsidRPr="001B6672">
          <w:type w:val="continuous"/>
          <w:pgSz w:w="12240" w:h="15840"/>
          <w:pgMar w:top="1440" w:right="1172" w:bottom="1440" w:left="900" w:header="720" w:footer="720" w:gutter="0"/>
          <w:cols w:num="2" w:space="720" w:equalWidth="0">
            <w:col w:w="4921" w:space="325"/>
            <w:col w:w="4921" w:space="0"/>
          </w:cols>
        </w:sectPr>
      </w:pPr>
      <w:r>
        <w:rPr>
          <w:rFonts w:ascii="Calibri" w:eastAsia="Calibri" w:hAnsi="Calibri" w:cs="Calibri"/>
          <w:b/>
          <w:color w:val="FFFEFD"/>
        </w:rPr>
        <w:t xml:space="preserve">For more information about NAIC publications, visit us at: https:// </w:t>
      </w:r>
      <w:r w:rsidRPr="001B6672">
        <w:rPr>
          <w:rFonts w:ascii="Calibri" w:eastAsia="Calibri" w:hAnsi="Calibri" w:cs="Calibri"/>
          <w:b/>
          <w:color w:val="FFFEFD"/>
          <w:sz w:val="16"/>
          <w:szCs w:val="16"/>
        </w:rPr>
        <w:t>content.naic.org/prod_serv_home.htm</w:t>
      </w:r>
    </w:p>
    <w:p w14:paraId="47744412" w14:textId="77777777" w:rsidR="00CF54CB" w:rsidRPr="001B6672" w:rsidRDefault="00344004">
      <w:pPr>
        <w:spacing w:after="195" w:line="259" w:lineRule="auto"/>
        <w:ind w:left="2141" w:firstLine="0"/>
        <w:jc w:val="left"/>
        <w:rPr>
          <w:sz w:val="16"/>
          <w:szCs w:val="16"/>
        </w:rPr>
      </w:pPr>
      <w:r w:rsidRPr="001B6672">
        <w:rPr>
          <w:rFonts w:ascii="Calibri" w:eastAsia="Calibri" w:hAnsi="Calibri" w:cs="Calibri"/>
          <w:color w:val="181717"/>
          <w:sz w:val="16"/>
          <w:szCs w:val="16"/>
        </w:rPr>
        <w:t>© 1999-2022 National Association of Insurance Commissioners. All rights reserved.</w:t>
      </w:r>
    </w:p>
    <w:p w14:paraId="52643E21" w14:textId="77777777" w:rsidR="00CF54CB" w:rsidRPr="001B6672" w:rsidRDefault="00344004">
      <w:pPr>
        <w:spacing w:after="195" w:line="259" w:lineRule="auto"/>
        <w:ind w:left="632" w:firstLine="0"/>
        <w:jc w:val="center"/>
        <w:rPr>
          <w:sz w:val="16"/>
          <w:szCs w:val="16"/>
        </w:rPr>
      </w:pPr>
      <w:r w:rsidRPr="001B6672">
        <w:rPr>
          <w:rFonts w:ascii="Calibri" w:eastAsia="Calibri" w:hAnsi="Calibri" w:cs="Calibri"/>
          <w:color w:val="181717"/>
          <w:sz w:val="16"/>
          <w:szCs w:val="16"/>
        </w:rPr>
        <w:t>ISBN: 978-1-64179-180-9</w:t>
      </w:r>
    </w:p>
    <w:p w14:paraId="6AB05ECA" w14:textId="77777777" w:rsidR="00CF54CB" w:rsidRPr="001B6672" w:rsidRDefault="00344004">
      <w:pPr>
        <w:spacing w:after="195" w:line="259" w:lineRule="auto"/>
        <w:ind w:left="563" w:right="-79" w:hanging="10"/>
        <w:jc w:val="center"/>
        <w:rPr>
          <w:sz w:val="16"/>
          <w:szCs w:val="16"/>
        </w:rPr>
      </w:pPr>
      <w:r w:rsidRPr="001B6672">
        <w:rPr>
          <w:rFonts w:ascii="Calibri" w:eastAsia="Calibri" w:hAnsi="Calibri" w:cs="Calibri"/>
          <w:color w:val="181717"/>
          <w:sz w:val="16"/>
          <w:szCs w:val="16"/>
        </w:rPr>
        <w:t>Printed in the United States of America</w:t>
      </w:r>
    </w:p>
    <w:p w14:paraId="0B314D51" w14:textId="77777777" w:rsidR="00CF54CB" w:rsidRPr="001B6672" w:rsidRDefault="00344004">
      <w:pPr>
        <w:spacing w:after="0" w:line="259" w:lineRule="auto"/>
        <w:ind w:left="563" w:hanging="10"/>
        <w:jc w:val="center"/>
        <w:rPr>
          <w:sz w:val="16"/>
          <w:szCs w:val="16"/>
        </w:rPr>
      </w:pPr>
      <w:r w:rsidRPr="001B6672">
        <w:rPr>
          <w:rFonts w:ascii="Calibri" w:eastAsia="Calibri" w:hAnsi="Calibri" w:cs="Calibri"/>
          <w:color w:val="181717"/>
          <w:sz w:val="16"/>
          <w:szCs w:val="16"/>
        </w:rPr>
        <w:t xml:space="preserve">No part of this book may be reproduced, stored in a retrieval system, or transmitted in any form or by any means, electronic or mechanical, including photocopying, recording, or any storage or retrieval system, without written permission from the </w:t>
      </w:r>
    </w:p>
    <w:tbl>
      <w:tblPr>
        <w:tblStyle w:val="a"/>
        <w:tblW w:w="10074" w:type="dxa"/>
        <w:tblInd w:w="-45" w:type="dxa"/>
        <w:tblLayout w:type="fixed"/>
        <w:tblLook w:val="0400" w:firstRow="0" w:lastRow="0" w:firstColumn="0" w:lastColumn="0" w:noHBand="0" w:noVBand="1"/>
      </w:tblPr>
      <w:tblGrid>
        <w:gridCol w:w="4126"/>
        <w:gridCol w:w="3643"/>
        <w:gridCol w:w="2305"/>
      </w:tblGrid>
      <w:tr w:rsidR="00CF54CB" w14:paraId="7DE57CF4" w14:textId="77777777">
        <w:trPr>
          <w:trHeight w:val="285"/>
        </w:trPr>
        <w:tc>
          <w:tcPr>
            <w:tcW w:w="4126" w:type="dxa"/>
            <w:tcBorders>
              <w:top w:val="nil"/>
              <w:left w:val="nil"/>
              <w:bottom w:val="nil"/>
              <w:right w:val="nil"/>
            </w:tcBorders>
          </w:tcPr>
          <w:p w14:paraId="7D6FDF69" w14:textId="77777777" w:rsidR="00CF54CB" w:rsidRDefault="00CF54CB">
            <w:pPr>
              <w:spacing w:after="160" w:line="259" w:lineRule="auto"/>
              <w:ind w:left="0" w:firstLine="0"/>
              <w:jc w:val="left"/>
            </w:pPr>
          </w:p>
        </w:tc>
        <w:tc>
          <w:tcPr>
            <w:tcW w:w="3643" w:type="dxa"/>
            <w:tcBorders>
              <w:top w:val="nil"/>
              <w:left w:val="nil"/>
              <w:bottom w:val="nil"/>
              <w:right w:val="nil"/>
            </w:tcBorders>
          </w:tcPr>
          <w:p w14:paraId="47DAA7D2" w14:textId="77777777" w:rsidR="00CF54CB" w:rsidRDefault="00344004">
            <w:pPr>
              <w:spacing w:line="259" w:lineRule="auto"/>
              <w:ind w:left="891" w:firstLine="0"/>
              <w:jc w:val="left"/>
            </w:pPr>
            <w:r>
              <w:rPr>
                <w:rFonts w:ascii="Calibri" w:eastAsia="Calibri" w:hAnsi="Calibri" w:cs="Calibri"/>
                <w:color w:val="181717"/>
                <w:sz w:val="18"/>
                <w:szCs w:val="18"/>
              </w:rPr>
              <w:t>NAIC.</w:t>
            </w:r>
          </w:p>
        </w:tc>
        <w:tc>
          <w:tcPr>
            <w:tcW w:w="2305" w:type="dxa"/>
            <w:tcBorders>
              <w:top w:val="nil"/>
              <w:left w:val="nil"/>
              <w:bottom w:val="nil"/>
              <w:right w:val="nil"/>
            </w:tcBorders>
          </w:tcPr>
          <w:p w14:paraId="2A64F3B0" w14:textId="77777777" w:rsidR="00CF54CB" w:rsidRDefault="00CF54CB">
            <w:pPr>
              <w:spacing w:after="160" w:line="259" w:lineRule="auto"/>
              <w:ind w:left="0" w:firstLine="0"/>
              <w:jc w:val="left"/>
            </w:pPr>
          </w:p>
        </w:tc>
      </w:tr>
      <w:tr w:rsidR="001B6672" w14:paraId="7CE4993B" w14:textId="77777777">
        <w:trPr>
          <w:trHeight w:val="285"/>
        </w:trPr>
        <w:tc>
          <w:tcPr>
            <w:tcW w:w="4126" w:type="dxa"/>
            <w:tcBorders>
              <w:top w:val="nil"/>
              <w:left w:val="nil"/>
              <w:bottom w:val="nil"/>
              <w:right w:val="nil"/>
            </w:tcBorders>
          </w:tcPr>
          <w:p w14:paraId="1D0A1B3D" w14:textId="77777777" w:rsidR="001B6672" w:rsidRDefault="001B6672">
            <w:pPr>
              <w:spacing w:after="160" w:line="259" w:lineRule="auto"/>
              <w:ind w:left="0" w:firstLine="0"/>
              <w:jc w:val="left"/>
            </w:pPr>
          </w:p>
        </w:tc>
        <w:tc>
          <w:tcPr>
            <w:tcW w:w="3643" w:type="dxa"/>
            <w:tcBorders>
              <w:top w:val="nil"/>
              <w:left w:val="nil"/>
              <w:bottom w:val="nil"/>
              <w:right w:val="nil"/>
            </w:tcBorders>
          </w:tcPr>
          <w:p w14:paraId="27C3B207" w14:textId="77777777" w:rsidR="001B6672" w:rsidRDefault="001B6672">
            <w:pPr>
              <w:spacing w:line="259" w:lineRule="auto"/>
              <w:ind w:left="891" w:firstLine="0"/>
              <w:jc w:val="left"/>
              <w:rPr>
                <w:rFonts w:ascii="Calibri" w:eastAsia="Calibri" w:hAnsi="Calibri" w:cs="Calibri"/>
                <w:color w:val="181717"/>
                <w:sz w:val="18"/>
                <w:szCs w:val="18"/>
              </w:rPr>
            </w:pPr>
          </w:p>
        </w:tc>
        <w:tc>
          <w:tcPr>
            <w:tcW w:w="2305" w:type="dxa"/>
            <w:tcBorders>
              <w:top w:val="nil"/>
              <w:left w:val="nil"/>
              <w:bottom w:val="nil"/>
              <w:right w:val="nil"/>
            </w:tcBorders>
          </w:tcPr>
          <w:p w14:paraId="1991793B" w14:textId="77777777" w:rsidR="001B6672" w:rsidRDefault="001B6672">
            <w:pPr>
              <w:spacing w:after="160" w:line="259" w:lineRule="auto"/>
              <w:ind w:left="0" w:firstLine="0"/>
              <w:jc w:val="left"/>
            </w:pPr>
          </w:p>
        </w:tc>
      </w:tr>
      <w:tr w:rsidR="00CF54CB" w14:paraId="755AD1B4" w14:textId="77777777">
        <w:trPr>
          <w:trHeight w:val="1149"/>
        </w:trPr>
        <w:tc>
          <w:tcPr>
            <w:tcW w:w="4126" w:type="dxa"/>
            <w:tcBorders>
              <w:top w:val="nil"/>
              <w:left w:val="nil"/>
              <w:bottom w:val="nil"/>
              <w:right w:val="nil"/>
            </w:tcBorders>
            <w:vAlign w:val="bottom"/>
          </w:tcPr>
          <w:p w14:paraId="67F78A8F"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NAIC Executive Office</w:t>
            </w:r>
          </w:p>
          <w:p w14:paraId="1E8B7BC6"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444 North Capitol Street, NW</w:t>
            </w:r>
          </w:p>
          <w:p w14:paraId="68181D04"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Suite 700</w:t>
            </w:r>
          </w:p>
          <w:p w14:paraId="001E043D"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 xml:space="preserve">Washington, DC 20001 </w:t>
            </w:r>
          </w:p>
          <w:p w14:paraId="1A954D36"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202.471.3990</w:t>
            </w:r>
          </w:p>
        </w:tc>
        <w:tc>
          <w:tcPr>
            <w:tcW w:w="3643" w:type="dxa"/>
            <w:tcBorders>
              <w:top w:val="nil"/>
              <w:left w:val="nil"/>
              <w:bottom w:val="nil"/>
              <w:right w:val="nil"/>
            </w:tcBorders>
            <w:vAlign w:val="bottom"/>
          </w:tcPr>
          <w:p w14:paraId="6CBFDB2B"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NAIC Central Office</w:t>
            </w:r>
          </w:p>
          <w:p w14:paraId="174804EE"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1100 Walnut Street</w:t>
            </w:r>
          </w:p>
          <w:p w14:paraId="40F1D156"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Suite 1500</w:t>
            </w:r>
          </w:p>
          <w:p w14:paraId="17F8B6E6"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Kansas City, MO 64106</w:t>
            </w:r>
          </w:p>
          <w:p w14:paraId="3B8D4330"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816.842.3600</w:t>
            </w:r>
          </w:p>
        </w:tc>
        <w:tc>
          <w:tcPr>
            <w:tcW w:w="2305" w:type="dxa"/>
            <w:tcBorders>
              <w:top w:val="nil"/>
              <w:left w:val="nil"/>
              <w:bottom w:val="nil"/>
              <w:right w:val="nil"/>
            </w:tcBorders>
            <w:vAlign w:val="bottom"/>
          </w:tcPr>
          <w:p w14:paraId="355753AB"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NAIC Capital Markets</w:t>
            </w:r>
          </w:p>
          <w:p w14:paraId="723188AE"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amp; Investment Analysis Office</w:t>
            </w:r>
          </w:p>
          <w:p w14:paraId="715578F0" w14:textId="77777777" w:rsidR="00CF54CB" w:rsidRPr="001B6672" w:rsidRDefault="00344004">
            <w:pPr>
              <w:spacing w:line="259" w:lineRule="auto"/>
              <w:ind w:left="0" w:firstLine="0"/>
              <w:rPr>
                <w:sz w:val="16"/>
                <w:szCs w:val="16"/>
              </w:rPr>
            </w:pPr>
            <w:r w:rsidRPr="001B6672">
              <w:rPr>
                <w:rFonts w:ascii="Calibri" w:eastAsia="Calibri" w:hAnsi="Calibri" w:cs="Calibri"/>
                <w:color w:val="181717"/>
                <w:sz w:val="16"/>
                <w:szCs w:val="16"/>
              </w:rPr>
              <w:t>One New York Plaza, Suite 4210</w:t>
            </w:r>
          </w:p>
          <w:p w14:paraId="770D8798"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New York, NY 10004</w:t>
            </w:r>
          </w:p>
          <w:p w14:paraId="5D17CE86" w14:textId="77777777" w:rsidR="00CF54CB" w:rsidRPr="001B6672" w:rsidRDefault="00344004">
            <w:pPr>
              <w:spacing w:line="259" w:lineRule="auto"/>
              <w:ind w:left="0" w:firstLine="0"/>
              <w:jc w:val="left"/>
              <w:rPr>
                <w:sz w:val="16"/>
                <w:szCs w:val="16"/>
              </w:rPr>
            </w:pPr>
            <w:r w:rsidRPr="001B6672">
              <w:rPr>
                <w:rFonts w:ascii="Calibri" w:eastAsia="Calibri" w:hAnsi="Calibri" w:cs="Calibri"/>
                <w:color w:val="181717"/>
                <w:sz w:val="16"/>
                <w:szCs w:val="16"/>
              </w:rPr>
              <w:t>212.398.9000</w:t>
            </w:r>
          </w:p>
        </w:tc>
      </w:tr>
    </w:tbl>
    <w:p w14:paraId="05D2D736" w14:textId="50E4C7DC" w:rsidR="00CF54CB" w:rsidRDefault="00CF54CB" w:rsidP="001B6672">
      <w:pPr>
        <w:spacing w:after="454" w:line="259" w:lineRule="auto"/>
        <w:ind w:left="0" w:firstLine="0"/>
        <w:rPr>
          <w:color w:val="2F5496"/>
        </w:rPr>
      </w:pPr>
    </w:p>
    <w:p w14:paraId="0496DDA1" w14:textId="77777777" w:rsidR="00CF54CB" w:rsidRDefault="00344004">
      <w:pPr>
        <w:spacing w:after="454" w:line="259" w:lineRule="auto"/>
        <w:ind w:left="634" w:firstLine="0"/>
        <w:jc w:val="center"/>
      </w:pPr>
      <w:r>
        <w:rPr>
          <w:color w:val="2F5496"/>
        </w:rPr>
        <w:t>Table of Contents</w:t>
      </w:r>
    </w:p>
    <w:p w14:paraId="2AC12702" w14:textId="77777777" w:rsidR="00CF54CB" w:rsidRDefault="00344004">
      <w:pPr>
        <w:tabs>
          <w:tab w:val="center" w:pos="9288"/>
        </w:tabs>
        <w:spacing w:after="144" w:line="240" w:lineRule="auto"/>
        <w:ind w:left="360" w:firstLine="0"/>
        <w:jc w:val="center"/>
      </w:pPr>
      <w:r>
        <w:rPr>
          <w:sz w:val="22"/>
          <w:szCs w:val="22"/>
        </w:rPr>
        <w:t>Section 1: Overview of IBT and Corporate Division Laws and Mechanics</w:t>
      </w:r>
      <w:r>
        <w:rPr>
          <w:rFonts w:ascii="Calibri" w:eastAsia="Calibri" w:hAnsi="Calibri" w:cs="Calibri"/>
          <w:sz w:val="22"/>
          <w:szCs w:val="22"/>
        </w:rPr>
        <w:t xml:space="preserve"> </w:t>
      </w:r>
      <w:r>
        <w:rPr>
          <w:rFonts w:ascii="Calibri" w:eastAsia="Calibri" w:hAnsi="Calibri" w:cs="Calibri"/>
          <w:sz w:val="22"/>
          <w:szCs w:val="22"/>
        </w:rPr>
        <w:tab/>
        <w:t xml:space="preserve">     </w:t>
      </w:r>
      <w:r>
        <w:rPr>
          <w:sz w:val="22"/>
          <w:szCs w:val="22"/>
        </w:rPr>
        <w:t>3</w:t>
      </w:r>
    </w:p>
    <w:p w14:paraId="4F023012" w14:textId="3794BE75" w:rsidR="00CF54CB" w:rsidRDefault="00344004" w:rsidP="00B078CA">
      <w:pPr>
        <w:spacing w:after="142" w:line="240" w:lineRule="auto"/>
        <w:ind w:left="630" w:firstLine="0"/>
        <w:jc w:val="center"/>
      </w:pPr>
      <w:r>
        <w:rPr>
          <w:sz w:val="22"/>
          <w:szCs w:val="22"/>
        </w:rPr>
        <w:t>Introduction ........................................................................................................................................ 3</w:t>
      </w:r>
    </w:p>
    <w:p w14:paraId="21FB1329" w14:textId="6494E1FC" w:rsidR="00CF54CB" w:rsidRDefault="00344004" w:rsidP="00B078CA">
      <w:pPr>
        <w:spacing w:after="142" w:line="240" w:lineRule="auto"/>
        <w:ind w:left="630" w:firstLine="0"/>
        <w:jc w:val="center"/>
      </w:pPr>
      <w:r>
        <w:rPr>
          <w:sz w:val="22"/>
          <w:szCs w:val="22"/>
        </w:rPr>
        <w:t>Purposes ............................................................................................................................................. 4</w:t>
      </w:r>
    </w:p>
    <w:p w14:paraId="381ABF99" w14:textId="358F975D" w:rsidR="00CF54CB" w:rsidRDefault="00344004" w:rsidP="00B078CA">
      <w:pPr>
        <w:spacing w:after="146" w:line="240" w:lineRule="auto"/>
        <w:ind w:left="810" w:firstLine="0"/>
        <w:jc w:val="left"/>
      </w:pPr>
      <w:r>
        <w:rPr>
          <w:sz w:val="22"/>
          <w:szCs w:val="22"/>
        </w:rPr>
        <w:t>Regulator Concerns with Restructuring Plans ...................................................................................</w:t>
      </w:r>
      <w:r w:rsidR="00B078CA">
        <w:rPr>
          <w:sz w:val="22"/>
          <w:szCs w:val="22"/>
        </w:rPr>
        <w:t xml:space="preserve"> </w:t>
      </w:r>
      <w:r>
        <w:rPr>
          <w:sz w:val="22"/>
          <w:szCs w:val="22"/>
        </w:rPr>
        <w:t>5</w:t>
      </w:r>
    </w:p>
    <w:p w14:paraId="753510CB" w14:textId="77777777" w:rsidR="00CF54CB" w:rsidRDefault="00344004">
      <w:pPr>
        <w:tabs>
          <w:tab w:val="center" w:pos="9278"/>
        </w:tabs>
        <w:spacing w:after="141" w:line="240" w:lineRule="auto"/>
        <w:ind w:left="360" w:firstLine="0"/>
        <w:jc w:val="center"/>
      </w:pPr>
      <w:r>
        <w:rPr>
          <w:sz w:val="22"/>
          <w:szCs w:val="22"/>
        </w:rPr>
        <w:t xml:space="preserve">Section 2: History of Restructuring in the United Kingdom </w:t>
      </w:r>
      <w:r>
        <w:rPr>
          <w:sz w:val="22"/>
          <w:szCs w:val="22"/>
        </w:rPr>
        <w:tab/>
        <w:t xml:space="preserve">     6</w:t>
      </w:r>
    </w:p>
    <w:p w14:paraId="0FD22F24" w14:textId="620FEEF6" w:rsidR="00CF54CB" w:rsidRDefault="00344004" w:rsidP="00B078CA">
      <w:pPr>
        <w:spacing w:after="142" w:line="240" w:lineRule="auto"/>
        <w:ind w:left="810" w:firstLine="0"/>
        <w:jc w:val="left"/>
      </w:pPr>
      <w:r>
        <w:rPr>
          <w:sz w:val="22"/>
          <w:szCs w:val="22"/>
        </w:rPr>
        <w:t>Part VII Transfers in the United Kingdom ..........................................................................................6</w:t>
      </w:r>
    </w:p>
    <w:p w14:paraId="0D672111" w14:textId="06A17FA3" w:rsidR="00CF54CB" w:rsidRDefault="00344004" w:rsidP="00B078CA">
      <w:pPr>
        <w:spacing w:after="141" w:line="240" w:lineRule="auto"/>
        <w:ind w:left="810" w:firstLine="0"/>
        <w:jc w:val="left"/>
      </w:pPr>
      <w:r>
        <w:rPr>
          <w:sz w:val="22"/>
          <w:szCs w:val="22"/>
        </w:rPr>
        <w:t>Differences between Part VII and Solvent Schemes of Arrangements ...............................................8</w:t>
      </w:r>
    </w:p>
    <w:p w14:paraId="486C4A5D" w14:textId="77777777" w:rsidR="00CF54CB" w:rsidRDefault="00344004">
      <w:pPr>
        <w:tabs>
          <w:tab w:val="center" w:pos="9278"/>
        </w:tabs>
        <w:spacing w:after="141" w:line="240" w:lineRule="auto"/>
        <w:ind w:left="360" w:firstLine="0"/>
        <w:jc w:val="center"/>
      </w:pPr>
      <w:r>
        <w:rPr>
          <w:sz w:val="22"/>
          <w:szCs w:val="22"/>
        </w:rPr>
        <w:t xml:space="preserve">Section 3: Survey of US Restructuring Statutes and Regulations </w:t>
      </w:r>
      <w:r>
        <w:rPr>
          <w:sz w:val="22"/>
          <w:szCs w:val="22"/>
        </w:rPr>
        <w:tab/>
        <w:t xml:space="preserve">        8</w:t>
      </w:r>
    </w:p>
    <w:p w14:paraId="7D6DACAB" w14:textId="3E14E910" w:rsidR="00CF54CB" w:rsidRDefault="00344004" w:rsidP="00B078CA">
      <w:pPr>
        <w:spacing w:after="142" w:line="240" w:lineRule="auto"/>
        <w:ind w:left="810" w:firstLine="0"/>
        <w:jc w:val="left"/>
      </w:pPr>
      <w:r>
        <w:rPr>
          <w:sz w:val="22"/>
          <w:szCs w:val="22"/>
        </w:rPr>
        <w:t>Similarities and Differences between Statutes .................................................................................. 10</w:t>
      </w:r>
    </w:p>
    <w:p w14:paraId="738628FC" w14:textId="05114859" w:rsidR="00CF54CB" w:rsidRDefault="00344004" w:rsidP="00B078CA">
      <w:pPr>
        <w:spacing w:after="146" w:line="240" w:lineRule="auto"/>
        <w:ind w:left="810" w:firstLine="0"/>
        <w:jc w:val="left"/>
      </w:pPr>
      <w:r>
        <w:rPr>
          <w:sz w:val="22"/>
          <w:szCs w:val="22"/>
        </w:rPr>
        <w:t>Transactions Completed to Date ....................................................................................................... 11</w:t>
      </w:r>
    </w:p>
    <w:p w14:paraId="7CDF37F7" w14:textId="77777777" w:rsidR="00CF54CB" w:rsidRDefault="00344004">
      <w:pPr>
        <w:tabs>
          <w:tab w:val="center" w:pos="9243"/>
        </w:tabs>
        <w:spacing w:after="141" w:line="240" w:lineRule="auto"/>
        <w:ind w:left="360" w:firstLine="0"/>
        <w:jc w:val="center"/>
      </w:pPr>
      <w:r>
        <w:rPr>
          <w:sz w:val="22"/>
          <w:szCs w:val="22"/>
        </w:rPr>
        <w:t xml:space="preserve">Section 4: Impact of IBTs and CDs to Personal Lines </w:t>
      </w:r>
      <w:r>
        <w:rPr>
          <w:sz w:val="22"/>
          <w:szCs w:val="22"/>
        </w:rPr>
        <w:tab/>
        <w:t xml:space="preserve">           13</w:t>
      </w:r>
    </w:p>
    <w:p w14:paraId="1A72F8A4" w14:textId="59693036" w:rsidR="00CF54CB" w:rsidRDefault="00344004" w:rsidP="00B078CA">
      <w:pPr>
        <w:spacing w:after="142" w:line="240" w:lineRule="auto"/>
        <w:ind w:left="810" w:firstLine="0"/>
        <w:jc w:val="left"/>
      </w:pPr>
      <w:r>
        <w:rPr>
          <w:sz w:val="22"/>
          <w:szCs w:val="22"/>
        </w:rPr>
        <w:t>Guarantee Association Issues ............................................................................................................ 13</w:t>
      </w:r>
    </w:p>
    <w:p w14:paraId="47B9736F" w14:textId="61D91FF9" w:rsidR="00CF54CB" w:rsidRDefault="00344004" w:rsidP="00B078CA">
      <w:pPr>
        <w:spacing w:after="137" w:line="240" w:lineRule="auto"/>
        <w:ind w:left="810" w:firstLine="0"/>
        <w:jc w:val="left"/>
      </w:pPr>
      <w:r>
        <w:rPr>
          <w:sz w:val="22"/>
          <w:szCs w:val="22"/>
        </w:rPr>
        <w:t>Assumption Reinsurance ................................................................................................................... 14</w:t>
      </w:r>
    </w:p>
    <w:p w14:paraId="308E4A95" w14:textId="76C81AA8" w:rsidR="00CF54CB" w:rsidRDefault="00344004" w:rsidP="00B078CA">
      <w:pPr>
        <w:spacing w:after="145" w:line="240" w:lineRule="auto"/>
        <w:ind w:left="810" w:firstLine="0"/>
        <w:jc w:val="left"/>
      </w:pPr>
      <w:r>
        <w:rPr>
          <w:sz w:val="22"/>
          <w:szCs w:val="22"/>
        </w:rPr>
        <w:t>Separate Issues in Long-Term Care .................................................................................................. 15</w:t>
      </w:r>
    </w:p>
    <w:p w14:paraId="5DD00720" w14:textId="77777777" w:rsidR="00CF54CB" w:rsidRDefault="00344004">
      <w:pPr>
        <w:tabs>
          <w:tab w:val="center" w:pos="9242"/>
        </w:tabs>
        <w:spacing w:after="141" w:line="240" w:lineRule="auto"/>
        <w:ind w:left="360" w:firstLine="0"/>
        <w:jc w:val="center"/>
      </w:pPr>
      <w:r>
        <w:rPr>
          <w:sz w:val="22"/>
          <w:szCs w:val="22"/>
        </w:rPr>
        <w:t xml:space="preserve">Section 5: Legal Impacts of IBT and CD Laws </w:t>
      </w:r>
      <w:r>
        <w:rPr>
          <w:sz w:val="22"/>
          <w:szCs w:val="22"/>
        </w:rPr>
        <w:tab/>
        <w:t xml:space="preserve">            15</w:t>
      </w:r>
    </w:p>
    <w:p w14:paraId="10AE3E07" w14:textId="130F1D88" w:rsidR="00CF54CB" w:rsidRDefault="00344004" w:rsidP="00B078CA">
      <w:pPr>
        <w:spacing w:after="142" w:line="240" w:lineRule="auto"/>
        <w:ind w:left="810" w:firstLine="0"/>
        <w:jc w:val="left"/>
      </w:pPr>
      <w:r>
        <w:rPr>
          <w:sz w:val="22"/>
          <w:szCs w:val="22"/>
        </w:rPr>
        <w:t>How Other Jurisdictions Might Analyze IBT or CD Decisions from Other States ........................... 15</w:t>
      </w:r>
    </w:p>
    <w:p w14:paraId="078E5F80" w14:textId="6F3EE009" w:rsidR="00CF54CB" w:rsidRDefault="00344004" w:rsidP="00B078CA">
      <w:pPr>
        <w:spacing w:after="145" w:line="240" w:lineRule="auto"/>
        <w:ind w:left="810" w:firstLine="0"/>
        <w:jc w:val="left"/>
      </w:pPr>
      <w:r>
        <w:rPr>
          <w:sz w:val="22"/>
          <w:szCs w:val="22"/>
        </w:rPr>
        <w:t>Impact of UK Part VII Transactions in the US ................................................................................. 16</w:t>
      </w:r>
    </w:p>
    <w:p w14:paraId="7BF25384" w14:textId="77777777" w:rsidR="00CF54CB" w:rsidRDefault="00344004">
      <w:pPr>
        <w:tabs>
          <w:tab w:val="center" w:pos="9241"/>
        </w:tabs>
        <w:spacing w:after="141" w:line="240" w:lineRule="auto"/>
        <w:ind w:left="360" w:firstLine="0"/>
        <w:jc w:val="center"/>
      </w:pPr>
      <w:r>
        <w:rPr>
          <w:sz w:val="22"/>
          <w:szCs w:val="22"/>
        </w:rPr>
        <w:t xml:space="preserve">Section 6: Recommendations </w:t>
      </w:r>
      <w:r>
        <w:rPr>
          <w:sz w:val="22"/>
          <w:szCs w:val="22"/>
        </w:rPr>
        <w:tab/>
        <w:t xml:space="preserve">           18</w:t>
      </w:r>
    </w:p>
    <w:p w14:paraId="1A7ADAA1" w14:textId="00031188" w:rsidR="00CF54CB" w:rsidRDefault="00344004" w:rsidP="00B078CA">
      <w:pPr>
        <w:spacing w:after="142" w:line="240" w:lineRule="auto"/>
        <w:ind w:left="810" w:firstLine="0"/>
        <w:jc w:val="left"/>
      </w:pPr>
      <w:r>
        <w:rPr>
          <w:sz w:val="22"/>
          <w:szCs w:val="22"/>
        </w:rPr>
        <w:t>Financial Standards Developed by Subgroup .....</w:t>
      </w:r>
      <w:r w:rsidR="00D65155">
        <w:rPr>
          <w:sz w:val="22"/>
          <w:szCs w:val="22"/>
        </w:rPr>
        <w:t>..</w:t>
      </w:r>
      <w:r>
        <w:rPr>
          <w:sz w:val="22"/>
          <w:szCs w:val="22"/>
        </w:rPr>
        <w:t>............................................................................. 18</w:t>
      </w:r>
    </w:p>
    <w:p w14:paraId="762206B6" w14:textId="10C43E5D" w:rsidR="00CF54CB" w:rsidRDefault="00344004" w:rsidP="00B078CA">
      <w:pPr>
        <w:spacing w:after="137" w:line="240" w:lineRule="auto"/>
        <w:ind w:left="810" w:firstLine="0"/>
        <w:jc w:val="left"/>
      </w:pPr>
      <w:r>
        <w:rPr>
          <w:sz w:val="22"/>
          <w:szCs w:val="22"/>
        </w:rPr>
        <w:t>Guaranty Association Issues .................................</w:t>
      </w:r>
      <w:r w:rsidR="00D65155">
        <w:rPr>
          <w:sz w:val="22"/>
          <w:szCs w:val="22"/>
        </w:rPr>
        <w:t>.</w:t>
      </w:r>
      <w:r>
        <w:rPr>
          <w:sz w:val="22"/>
          <w:szCs w:val="22"/>
        </w:rPr>
        <w:t>............................................................................ 19</w:t>
      </w:r>
    </w:p>
    <w:p w14:paraId="1268651D" w14:textId="363A5103" w:rsidR="00CF54CB" w:rsidRDefault="00344004" w:rsidP="00B078CA">
      <w:pPr>
        <w:spacing w:after="142" w:line="240" w:lineRule="auto"/>
        <w:ind w:left="810" w:firstLine="0"/>
        <w:jc w:val="left"/>
      </w:pPr>
      <w:r>
        <w:rPr>
          <w:sz w:val="22"/>
          <w:szCs w:val="22"/>
        </w:rPr>
        <w:t>Statutory Minimums .......................................................................................................................... 19</w:t>
      </w:r>
    </w:p>
    <w:p w14:paraId="49FBB9B7" w14:textId="5596F995" w:rsidR="00CF54CB" w:rsidRDefault="00344004" w:rsidP="00B078CA">
      <w:pPr>
        <w:spacing w:after="119" w:line="240" w:lineRule="auto"/>
        <w:ind w:left="810" w:firstLine="0"/>
        <w:jc w:val="left"/>
      </w:pPr>
      <w:r>
        <w:rPr>
          <w:sz w:val="22"/>
          <w:szCs w:val="22"/>
        </w:rPr>
        <w:t>Impact of Licensing Statutes............................................................................................................... 20</w:t>
      </w:r>
    </w:p>
    <w:p w14:paraId="59107373" w14:textId="77777777" w:rsidR="00CF54CB" w:rsidRDefault="00344004">
      <w:pPr>
        <w:spacing w:after="119" w:line="240" w:lineRule="auto"/>
        <w:ind w:left="360" w:firstLine="0"/>
        <w:rPr>
          <w:rFonts w:ascii="Calibri" w:eastAsia="Calibri" w:hAnsi="Calibri" w:cs="Calibri"/>
          <w:sz w:val="22"/>
          <w:szCs w:val="22"/>
        </w:rPr>
      </w:pPr>
      <w:r>
        <w:rPr>
          <w:sz w:val="22"/>
          <w:szCs w:val="22"/>
        </w:rPr>
        <w:t>Attachment 1: 1997 NAIC White Paper…………………………………………………………………...21</w:t>
      </w:r>
      <w:r>
        <w:rPr>
          <w:rFonts w:ascii="Calibri" w:eastAsia="Calibri" w:hAnsi="Calibri" w:cs="Calibri"/>
          <w:sz w:val="22"/>
          <w:szCs w:val="22"/>
        </w:rPr>
        <w:t xml:space="preserve"> </w:t>
      </w:r>
      <w:r>
        <w:rPr>
          <w:noProof/>
        </w:rPr>
        <mc:AlternateContent>
          <mc:Choice Requires="wpg">
            <w:drawing>
              <wp:anchor distT="0" distB="0" distL="0" distR="0" simplePos="0" relativeHeight="251653120" behindDoc="1" locked="0" layoutInCell="1" hidden="0" allowOverlap="1" wp14:anchorId="7FDAD190" wp14:editId="1C654A7C">
                <wp:simplePos x="0" y="0"/>
                <wp:positionH relativeFrom="column">
                  <wp:posOffset>419100</wp:posOffset>
                </wp:positionH>
                <wp:positionV relativeFrom="paragraph">
                  <wp:posOffset>-4394199</wp:posOffset>
                </wp:positionV>
                <wp:extent cx="5151308" cy="5442282"/>
                <wp:effectExtent l="0" t="0" r="0" b="0"/>
                <wp:wrapNone/>
                <wp:docPr id="117422" name="Group 117422" descr="P81#y1"/>
                <wp:cNvGraphicFramePr/>
                <a:graphic xmlns:a="http://schemas.openxmlformats.org/drawingml/2006/main">
                  <a:graphicData uri="http://schemas.microsoft.com/office/word/2010/wordprocessingGroup">
                    <wpg:wgp>
                      <wpg:cNvGrpSpPr/>
                      <wpg:grpSpPr>
                        <a:xfrm>
                          <a:off x="0" y="0"/>
                          <a:ext cx="5151308" cy="5442282"/>
                          <a:chOff x="2770346" y="1058859"/>
                          <a:chExt cx="5151308" cy="5442282"/>
                        </a:xfrm>
                      </wpg:grpSpPr>
                      <wpg:grpSp>
                        <wpg:cNvPr id="117397" name="Group 117397"/>
                        <wpg:cNvGrpSpPr/>
                        <wpg:grpSpPr>
                          <a:xfrm>
                            <a:off x="2770346" y="1058859"/>
                            <a:ext cx="5151308" cy="5442282"/>
                            <a:chOff x="0" y="0"/>
                            <a:chExt cx="5151308" cy="5442282"/>
                          </a:xfrm>
                        </wpg:grpSpPr>
                        <wps:wsp>
                          <wps:cNvPr id="117398" name="Rectangle 117398"/>
                          <wps:cNvSpPr/>
                          <wps:spPr>
                            <a:xfrm>
                              <a:off x="0" y="0"/>
                              <a:ext cx="5151300" cy="5442275"/>
                            </a:xfrm>
                            <a:prstGeom prst="rect">
                              <a:avLst/>
                            </a:prstGeom>
                            <a:noFill/>
                            <a:ln>
                              <a:noFill/>
                            </a:ln>
                          </wps:spPr>
                          <wps:txbx>
                            <w:txbxContent>
                              <w:p w14:paraId="24E2CB6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399" name="Freeform: Shape 117399"/>
                          <wps:cNvSpPr/>
                          <wps:spPr>
                            <a:xfrm>
                              <a:off x="0" y="3484466"/>
                              <a:ext cx="1000596" cy="1472664"/>
                            </a:xfrm>
                            <a:custGeom>
                              <a:avLst/>
                              <a:gdLst/>
                              <a:ahLst/>
                              <a:cxnLst/>
                              <a:rect l="l" t="t" r="r" b="b"/>
                              <a:pathLst>
                                <a:path w="1000596" h="1472664" extrusionOk="0">
                                  <a:moveTo>
                                    <a:pt x="639526" y="592"/>
                                  </a:moveTo>
                                  <a:cubicBezTo>
                                    <a:pt x="688638" y="1184"/>
                                    <a:pt x="739197" y="7756"/>
                                    <a:pt x="791032" y="20837"/>
                                  </a:cubicBezTo>
                                  <a:cubicBezTo>
                                    <a:pt x="843153" y="34890"/>
                                    <a:pt x="896506" y="53877"/>
                                    <a:pt x="950816" y="78416"/>
                                  </a:cubicBezTo>
                                  <a:lnTo>
                                    <a:pt x="1000596" y="103292"/>
                                  </a:lnTo>
                                  <a:lnTo>
                                    <a:pt x="1000596" y="330497"/>
                                  </a:lnTo>
                                  <a:lnTo>
                                    <a:pt x="954591" y="304878"/>
                                  </a:lnTo>
                                  <a:cubicBezTo>
                                    <a:pt x="913406" y="283927"/>
                                    <a:pt x="872750" y="267167"/>
                                    <a:pt x="832777" y="254238"/>
                                  </a:cubicBezTo>
                                  <a:cubicBezTo>
                                    <a:pt x="772874" y="234893"/>
                                    <a:pt x="715315" y="227570"/>
                                    <a:pt x="659761" y="230085"/>
                                  </a:cubicBezTo>
                                  <a:cubicBezTo>
                                    <a:pt x="641243" y="230923"/>
                                    <a:pt x="622948" y="232854"/>
                                    <a:pt x="604863" y="235798"/>
                                  </a:cubicBezTo>
                                  <a:cubicBezTo>
                                    <a:pt x="532460" y="247507"/>
                                    <a:pt x="463931" y="288134"/>
                                    <a:pt x="397827" y="354238"/>
                                  </a:cubicBezTo>
                                  <a:cubicBezTo>
                                    <a:pt x="354521" y="397545"/>
                                    <a:pt x="311150" y="440915"/>
                                    <a:pt x="267792" y="484273"/>
                                  </a:cubicBezTo>
                                  <a:lnTo>
                                    <a:pt x="1000596" y="1217085"/>
                                  </a:lnTo>
                                  <a:lnTo>
                                    <a:pt x="1000596" y="1472664"/>
                                  </a:lnTo>
                                  <a:lnTo>
                                    <a:pt x="52705" y="524773"/>
                                  </a:lnTo>
                                  <a:cubicBezTo>
                                    <a:pt x="21615" y="493684"/>
                                    <a:pt x="5537" y="466887"/>
                                    <a:pt x="2553" y="443341"/>
                                  </a:cubicBezTo>
                                  <a:cubicBezTo>
                                    <a:pt x="0" y="421725"/>
                                    <a:pt x="5410" y="404580"/>
                                    <a:pt x="16574" y="393430"/>
                                  </a:cubicBezTo>
                                  <a:cubicBezTo>
                                    <a:pt x="89090" y="320913"/>
                                    <a:pt x="161684" y="248320"/>
                                    <a:pt x="234201" y="175790"/>
                                  </a:cubicBezTo>
                                  <a:cubicBezTo>
                                    <a:pt x="317449" y="92554"/>
                                    <a:pt x="404609" y="37906"/>
                                    <a:pt x="496697" y="16227"/>
                                  </a:cubicBezTo>
                                  <a:cubicBezTo>
                                    <a:pt x="542747" y="5388"/>
                                    <a:pt x="590414" y="0"/>
                                    <a:pt x="639526" y="592"/>
                                  </a:cubicBezTo>
                                  <a:close/>
                                </a:path>
                              </a:pathLst>
                            </a:custGeom>
                            <a:solidFill>
                              <a:srgbClr val="C0C0C0">
                                <a:alpha val="49803"/>
                              </a:srgbClr>
                            </a:solidFill>
                            <a:ln>
                              <a:noFill/>
                            </a:ln>
                          </wps:spPr>
                          <wps:txbx>
                            <w:txbxContent>
                              <w:p w14:paraId="77A3F69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00" name="Freeform: Shape 117400"/>
                          <wps:cNvSpPr/>
                          <wps:spPr>
                            <a:xfrm>
                              <a:off x="1000596" y="3587758"/>
                              <a:ext cx="959243" cy="1854524"/>
                            </a:xfrm>
                            <a:custGeom>
                              <a:avLst/>
                              <a:gdLst/>
                              <a:ahLst/>
                              <a:cxnLst/>
                              <a:rect l="l" t="t" r="r" b="b"/>
                              <a:pathLst>
                                <a:path w="959243" h="1854524" extrusionOk="0">
                                  <a:moveTo>
                                    <a:pt x="0" y="0"/>
                                  </a:moveTo>
                                  <a:lnTo>
                                    <a:pt x="32368" y="16175"/>
                                  </a:lnTo>
                                  <a:cubicBezTo>
                                    <a:pt x="59967" y="31299"/>
                                    <a:pt x="87772" y="47889"/>
                                    <a:pt x="115747" y="66021"/>
                                  </a:cubicBezTo>
                                  <a:cubicBezTo>
                                    <a:pt x="227583" y="138487"/>
                                    <a:pt x="342785" y="233623"/>
                                    <a:pt x="458863" y="349701"/>
                                  </a:cubicBezTo>
                                  <a:cubicBezTo>
                                    <a:pt x="592822" y="483660"/>
                                    <a:pt x="699172" y="611575"/>
                                    <a:pt x="777366" y="732136"/>
                                  </a:cubicBezTo>
                                  <a:cubicBezTo>
                                    <a:pt x="856817" y="853815"/>
                                    <a:pt x="907401" y="967340"/>
                                    <a:pt x="933322" y="1073766"/>
                                  </a:cubicBezTo>
                                  <a:cubicBezTo>
                                    <a:pt x="959243" y="1180179"/>
                                    <a:pt x="957185" y="1280928"/>
                                    <a:pt x="930833" y="1372953"/>
                                  </a:cubicBezTo>
                                  <a:cubicBezTo>
                                    <a:pt x="904467" y="1464863"/>
                                    <a:pt x="849832" y="1552022"/>
                                    <a:pt x="767396" y="1634458"/>
                                  </a:cubicBezTo>
                                  <a:cubicBezTo>
                                    <a:pt x="699553" y="1702302"/>
                                    <a:pt x="631697" y="1770158"/>
                                    <a:pt x="563841" y="1838013"/>
                                  </a:cubicBezTo>
                                  <a:cubicBezTo>
                                    <a:pt x="552690" y="1849165"/>
                                    <a:pt x="535494" y="1854524"/>
                                    <a:pt x="512749" y="1850841"/>
                                  </a:cubicBezTo>
                                  <a:cubicBezTo>
                                    <a:pt x="490384" y="1849038"/>
                                    <a:pt x="463587" y="1832959"/>
                                    <a:pt x="432497" y="1801870"/>
                                  </a:cubicBezTo>
                                  <a:lnTo>
                                    <a:pt x="0" y="1369372"/>
                                  </a:lnTo>
                                  <a:lnTo>
                                    <a:pt x="0" y="1113793"/>
                                  </a:lnTo>
                                  <a:lnTo>
                                    <a:pt x="471753" y="1585551"/>
                                  </a:lnTo>
                                  <a:cubicBezTo>
                                    <a:pt x="515619" y="1541685"/>
                                    <a:pt x="559485" y="1497819"/>
                                    <a:pt x="603287" y="1454017"/>
                                  </a:cubicBezTo>
                                  <a:cubicBezTo>
                                    <a:pt x="664971" y="1392333"/>
                                    <a:pt x="704849" y="1329277"/>
                                    <a:pt x="721486" y="1261675"/>
                                  </a:cubicBezTo>
                                  <a:cubicBezTo>
                                    <a:pt x="738123" y="1194073"/>
                                    <a:pt x="737247" y="1122051"/>
                                    <a:pt x="713320" y="1042550"/>
                                  </a:cubicBezTo>
                                  <a:cubicBezTo>
                                    <a:pt x="689520" y="963047"/>
                                    <a:pt x="648651" y="877691"/>
                                    <a:pt x="584656" y="786035"/>
                                  </a:cubicBezTo>
                                  <a:cubicBezTo>
                                    <a:pt x="521918" y="695623"/>
                                    <a:pt x="438047" y="597808"/>
                                    <a:pt x="332751" y="492512"/>
                                  </a:cubicBezTo>
                                  <a:cubicBezTo>
                                    <a:pt x="249020" y="408768"/>
                                    <a:pt x="164400" y="337991"/>
                                    <a:pt x="78980" y="277361"/>
                                  </a:cubicBezTo>
                                  <a:cubicBezTo>
                                    <a:pt x="57936" y="262518"/>
                                    <a:pt x="36986" y="248812"/>
                                    <a:pt x="16149" y="236197"/>
                                  </a:cubicBezTo>
                                  <a:lnTo>
                                    <a:pt x="0" y="227205"/>
                                  </a:lnTo>
                                  <a:lnTo>
                                    <a:pt x="0" y="0"/>
                                  </a:lnTo>
                                  <a:close/>
                                </a:path>
                              </a:pathLst>
                            </a:custGeom>
                            <a:solidFill>
                              <a:srgbClr val="C0C0C0">
                                <a:alpha val="49803"/>
                              </a:srgbClr>
                            </a:solidFill>
                            <a:ln>
                              <a:noFill/>
                            </a:ln>
                          </wps:spPr>
                          <wps:txbx>
                            <w:txbxContent>
                              <w:p w14:paraId="2178077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01" name="Freeform: Shape 117401"/>
                          <wps:cNvSpPr/>
                          <wps:spPr>
                            <a:xfrm>
                              <a:off x="936154" y="2590207"/>
                              <a:ext cx="628690" cy="1058861"/>
                            </a:xfrm>
                            <a:custGeom>
                              <a:avLst/>
                              <a:gdLst/>
                              <a:ahLst/>
                              <a:cxnLst/>
                              <a:rect l="l" t="t" r="r" b="b"/>
                              <a:pathLst>
                                <a:path w="628690" h="1058861" extrusionOk="0">
                                  <a:moveTo>
                                    <a:pt x="559321" y="2040"/>
                                  </a:moveTo>
                                  <a:cubicBezTo>
                                    <a:pt x="572297" y="3060"/>
                                    <a:pt x="585367" y="4730"/>
                                    <a:pt x="598565" y="7135"/>
                                  </a:cubicBezTo>
                                  <a:lnTo>
                                    <a:pt x="628690" y="14286"/>
                                  </a:lnTo>
                                  <a:lnTo>
                                    <a:pt x="628690" y="238084"/>
                                  </a:lnTo>
                                  <a:lnTo>
                                    <a:pt x="623625" y="236432"/>
                                  </a:lnTo>
                                  <a:cubicBezTo>
                                    <a:pt x="609005" y="233143"/>
                                    <a:pt x="594429" y="231336"/>
                                    <a:pt x="579896" y="230970"/>
                                  </a:cubicBezTo>
                                  <a:cubicBezTo>
                                    <a:pt x="550831" y="230238"/>
                                    <a:pt x="521938" y="235271"/>
                                    <a:pt x="493217" y="245742"/>
                                  </a:cubicBezTo>
                                  <a:cubicBezTo>
                                    <a:pt x="474523" y="252219"/>
                                    <a:pt x="457632" y="262252"/>
                                    <a:pt x="439636" y="275396"/>
                                  </a:cubicBezTo>
                                  <a:cubicBezTo>
                                    <a:pt x="421627" y="288541"/>
                                    <a:pt x="399631" y="308175"/>
                                    <a:pt x="374332" y="333461"/>
                                  </a:cubicBezTo>
                                  <a:cubicBezTo>
                                    <a:pt x="338442" y="369351"/>
                                    <a:pt x="302489" y="405304"/>
                                    <a:pt x="266611" y="441194"/>
                                  </a:cubicBezTo>
                                  <a:lnTo>
                                    <a:pt x="628690" y="803273"/>
                                  </a:lnTo>
                                  <a:lnTo>
                                    <a:pt x="628690" y="1058861"/>
                                  </a:lnTo>
                                  <a:lnTo>
                                    <a:pt x="52705" y="482876"/>
                                  </a:lnTo>
                                  <a:cubicBezTo>
                                    <a:pt x="21615" y="451786"/>
                                    <a:pt x="5537" y="424990"/>
                                    <a:pt x="2553" y="401444"/>
                                  </a:cubicBezTo>
                                  <a:cubicBezTo>
                                    <a:pt x="0" y="379828"/>
                                    <a:pt x="5359" y="362747"/>
                                    <a:pt x="16510" y="351596"/>
                                  </a:cubicBezTo>
                                  <a:cubicBezTo>
                                    <a:pt x="84607" y="283499"/>
                                    <a:pt x="152705" y="215401"/>
                                    <a:pt x="220815" y="147291"/>
                                  </a:cubicBezTo>
                                  <a:cubicBezTo>
                                    <a:pt x="245364" y="122742"/>
                                    <a:pt x="266611" y="103870"/>
                                    <a:pt x="284112" y="88731"/>
                                  </a:cubicBezTo>
                                  <a:cubicBezTo>
                                    <a:pt x="302247" y="75574"/>
                                    <a:pt x="319316" y="62989"/>
                                    <a:pt x="334454" y="52841"/>
                                  </a:cubicBezTo>
                                  <a:cubicBezTo>
                                    <a:pt x="382499" y="26730"/>
                                    <a:pt x="430479" y="8785"/>
                                    <a:pt x="482308" y="3058"/>
                                  </a:cubicBezTo>
                                  <a:cubicBezTo>
                                    <a:pt x="507791" y="562"/>
                                    <a:pt x="533368" y="0"/>
                                    <a:pt x="559321" y="2040"/>
                                  </a:cubicBezTo>
                                  <a:close/>
                                </a:path>
                              </a:pathLst>
                            </a:custGeom>
                            <a:solidFill>
                              <a:srgbClr val="C0C0C0">
                                <a:alpha val="49803"/>
                              </a:srgbClr>
                            </a:solidFill>
                            <a:ln>
                              <a:noFill/>
                            </a:ln>
                          </wps:spPr>
                          <wps:txbx>
                            <w:txbxContent>
                              <w:p w14:paraId="0E58885E"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02" name="Freeform: Shape 117402"/>
                          <wps:cNvSpPr/>
                          <wps:spPr>
                            <a:xfrm>
                              <a:off x="1564843" y="2604493"/>
                              <a:ext cx="1516569" cy="1918460"/>
                            </a:xfrm>
                            <a:custGeom>
                              <a:avLst/>
                              <a:gdLst/>
                              <a:ahLst/>
                              <a:cxnLst/>
                              <a:rect l="l" t="t" r="r" b="b"/>
                              <a:pathLst>
                                <a:path w="1516569" h="1918460" extrusionOk="0">
                                  <a:moveTo>
                                    <a:pt x="0" y="0"/>
                                  </a:moveTo>
                                  <a:lnTo>
                                    <a:pt x="9892" y="2348"/>
                                  </a:lnTo>
                                  <a:cubicBezTo>
                                    <a:pt x="63714" y="18172"/>
                                    <a:pt x="117118" y="40918"/>
                                    <a:pt x="170890" y="75742"/>
                                  </a:cubicBezTo>
                                  <a:cubicBezTo>
                                    <a:pt x="224661" y="110577"/>
                                    <a:pt x="278370" y="154939"/>
                                    <a:pt x="332192" y="208774"/>
                                  </a:cubicBezTo>
                                  <a:cubicBezTo>
                                    <a:pt x="383602" y="260171"/>
                                    <a:pt x="425652" y="311453"/>
                                    <a:pt x="458303" y="360171"/>
                                  </a:cubicBezTo>
                                  <a:cubicBezTo>
                                    <a:pt x="491450" y="410767"/>
                                    <a:pt x="514133" y="459611"/>
                                    <a:pt x="529271" y="506906"/>
                                  </a:cubicBezTo>
                                  <a:cubicBezTo>
                                    <a:pt x="545590" y="555382"/>
                                    <a:pt x="552944" y="602359"/>
                                    <a:pt x="553134" y="648156"/>
                                  </a:cubicBezTo>
                                  <a:cubicBezTo>
                                    <a:pt x="553261" y="693889"/>
                                    <a:pt x="547521" y="739367"/>
                                    <a:pt x="535189" y="783233"/>
                                  </a:cubicBezTo>
                                  <a:cubicBezTo>
                                    <a:pt x="561542" y="778687"/>
                                    <a:pt x="590764" y="777632"/>
                                    <a:pt x="620114" y="782052"/>
                                  </a:cubicBezTo>
                                  <a:cubicBezTo>
                                    <a:pt x="650645" y="787653"/>
                                    <a:pt x="683792" y="794765"/>
                                    <a:pt x="718742" y="807909"/>
                                  </a:cubicBezTo>
                                  <a:cubicBezTo>
                                    <a:pt x="753692" y="820927"/>
                                    <a:pt x="791831" y="837500"/>
                                    <a:pt x="832445" y="859179"/>
                                  </a:cubicBezTo>
                                  <a:cubicBezTo>
                                    <a:pt x="873073" y="880871"/>
                                    <a:pt x="918437" y="904670"/>
                                    <a:pt x="967472" y="934757"/>
                                  </a:cubicBezTo>
                                  <a:cubicBezTo>
                                    <a:pt x="1109470" y="1020304"/>
                                    <a:pt x="1252587" y="1103857"/>
                                    <a:pt x="1394522" y="1189468"/>
                                  </a:cubicBezTo>
                                  <a:cubicBezTo>
                                    <a:pt x="1429904" y="1211655"/>
                                    <a:pt x="1454771" y="1227289"/>
                                    <a:pt x="1467725" y="1235886"/>
                                  </a:cubicBezTo>
                                  <a:cubicBezTo>
                                    <a:pt x="1481872" y="1245666"/>
                                    <a:pt x="1492274" y="1254454"/>
                                    <a:pt x="1498256" y="1260436"/>
                                  </a:cubicBezTo>
                                  <a:cubicBezTo>
                                    <a:pt x="1504237" y="1266417"/>
                                    <a:pt x="1509406" y="1273212"/>
                                    <a:pt x="1512772" y="1279435"/>
                                  </a:cubicBezTo>
                                  <a:cubicBezTo>
                                    <a:pt x="1516137" y="1285670"/>
                                    <a:pt x="1516569" y="1292211"/>
                                    <a:pt x="1515083" y="1301063"/>
                                  </a:cubicBezTo>
                                  <a:cubicBezTo>
                                    <a:pt x="1513521" y="1309851"/>
                                    <a:pt x="1509101" y="1318881"/>
                                    <a:pt x="1501431" y="1329041"/>
                                  </a:cubicBezTo>
                                  <a:cubicBezTo>
                                    <a:pt x="1493709" y="1339125"/>
                                    <a:pt x="1482990" y="1352218"/>
                                    <a:pt x="1468157" y="1367039"/>
                                  </a:cubicBezTo>
                                  <a:cubicBezTo>
                                    <a:pt x="1455507" y="1379689"/>
                                    <a:pt x="1443925" y="1388909"/>
                                    <a:pt x="1434578" y="1395894"/>
                                  </a:cubicBezTo>
                                  <a:cubicBezTo>
                                    <a:pt x="1425167" y="1402802"/>
                                    <a:pt x="1416137" y="1407235"/>
                                    <a:pt x="1406104" y="1407540"/>
                                  </a:cubicBezTo>
                                  <a:cubicBezTo>
                                    <a:pt x="1397316" y="1409102"/>
                                    <a:pt x="1388782" y="1408162"/>
                                    <a:pt x="1380615" y="1404365"/>
                                  </a:cubicBezTo>
                                  <a:cubicBezTo>
                                    <a:pt x="1371713" y="1401304"/>
                                    <a:pt x="1361057" y="1395271"/>
                                    <a:pt x="1349284" y="1387854"/>
                                  </a:cubicBezTo>
                                  <a:cubicBezTo>
                                    <a:pt x="1198625" y="1295018"/>
                                    <a:pt x="1046656" y="1204238"/>
                                    <a:pt x="896009" y="1111401"/>
                                  </a:cubicBezTo>
                                  <a:cubicBezTo>
                                    <a:pt x="843913" y="1079753"/>
                                    <a:pt x="794942" y="1052334"/>
                                    <a:pt x="749209" y="1028533"/>
                                  </a:cubicBezTo>
                                  <a:cubicBezTo>
                                    <a:pt x="703604" y="1004734"/>
                                    <a:pt x="660055" y="988846"/>
                                    <a:pt x="619428" y="979003"/>
                                  </a:cubicBezTo>
                                  <a:cubicBezTo>
                                    <a:pt x="578737" y="969097"/>
                                    <a:pt x="541730" y="968475"/>
                                    <a:pt x="506589" y="974571"/>
                                  </a:cubicBezTo>
                                  <a:cubicBezTo>
                                    <a:pt x="472565" y="981925"/>
                                    <a:pt x="440104" y="1000314"/>
                                    <a:pt x="411135" y="1029283"/>
                                  </a:cubicBezTo>
                                  <a:cubicBezTo>
                                    <a:pt x="382662" y="1057756"/>
                                    <a:pt x="354189" y="1086229"/>
                                    <a:pt x="325715" y="1114703"/>
                                  </a:cubicBezTo>
                                  <a:cubicBezTo>
                                    <a:pt x="545463" y="1334464"/>
                                    <a:pt x="765161" y="1554149"/>
                                    <a:pt x="984845" y="1773846"/>
                                  </a:cubicBezTo>
                                  <a:cubicBezTo>
                                    <a:pt x="990827" y="1779827"/>
                                    <a:pt x="996059" y="1786546"/>
                                    <a:pt x="998625" y="1793594"/>
                                  </a:cubicBezTo>
                                  <a:cubicBezTo>
                                    <a:pt x="1001241" y="1800566"/>
                                    <a:pt x="1000987" y="1807793"/>
                                    <a:pt x="998929" y="1814714"/>
                                  </a:cubicBezTo>
                                  <a:cubicBezTo>
                                    <a:pt x="997495" y="1823503"/>
                                    <a:pt x="993761" y="1831846"/>
                                    <a:pt x="988020" y="1842439"/>
                                  </a:cubicBezTo>
                                  <a:cubicBezTo>
                                    <a:pt x="981048" y="1851785"/>
                                    <a:pt x="971828" y="1863381"/>
                                    <a:pt x="959242" y="1875966"/>
                                  </a:cubicBezTo>
                                  <a:cubicBezTo>
                                    <a:pt x="946593" y="1888616"/>
                                    <a:pt x="935747" y="1897087"/>
                                    <a:pt x="926400" y="1904059"/>
                                  </a:cubicBezTo>
                                  <a:cubicBezTo>
                                    <a:pt x="915808" y="1909799"/>
                                    <a:pt x="906778" y="1914219"/>
                                    <a:pt x="897927" y="1915717"/>
                                  </a:cubicBezTo>
                                  <a:cubicBezTo>
                                    <a:pt x="890332" y="1918460"/>
                                    <a:pt x="883791" y="1918016"/>
                                    <a:pt x="876807" y="1915400"/>
                                  </a:cubicBezTo>
                                  <a:cubicBezTo>
                                    <a:pt x="869834" y="1912784"/>
                                    <a:pt x="863040" y="1907615"/>
                                    <a:pt x="857058" y="1901633"/>
                                  </a:cubicBezTo>
                                  <a:lnTo>
                                    <a:pt x="0" y="1044575"/>
                                  </a:lnTo>
                                  <a:lnTo>
                                    <a:pt x="0" y="788988"/>
                                  </a:lnTo>
                                  <a:lnTo>
                                    <a:pt x="159485" y="948473"/>
                                  </a:lnTo>
                                  <a:cubicBezTo>
                                    <a:pt x="201103" y="906855"/>
                                    <a:pt x="242721" y="865237"/>
                                    <a:pt x="284275" y="823670"/>
                                  </a:cubicBezTo>
                                  <a:cubicBezTo>
                                    <a:pt x="317740" y="790218"/>
                                    <a:pt x="340600" y="753388"/>
                                    <a:pt x="351572" y="715631"/>
                                  </a:cubicBezTo>
                                  <a:cubicBezTo>
                                    <a:pt x="362660" y="677874"/>
                                    <a:pt x="365530" y="639863"/>
                                    <a:pt x="357491" y="599680"/>
                                  </a:cubicBezTo>
                                  <a:cubicBezTo>
                                    <a:pt x="350760" y="560678"/>
                                    <a:pt x="335748" y="521118"/>
                                    <a:pt x="311453" y="480744"/>
                                  </a:cubicBezTo>
                                  <a:cubicBezTo>
                                    <a:pt x="286396" y="441108"/>
                                    <a:pt x="255497" y="402601"/>
                                    <a:pt x="218426" y="365530"/>
                                  </a:cubicBezTo>
                                  <a:cubicBezTo>
                                    <a:pt x="157428" y="304532"/>
                                    <a:pt x="97737" y="261669"/>
                                    <a:pt x="38924" y="236498"/>
                                  </a:cubicBezTo>
                                  <a:lnTo>
                                    <a:pt x="0" y="223799"/>
                                  </a:lnTo>
                                  <a:lnTo>
                                    <a:pt x="0" y="0"/>
                                  </a:lnTo>
                                  <a:close/>
                                </a:path>
                              </a:pathLst>
                            </a:custGeom>
                            <a:solidFill>
                              <a:srgbClr val="C0C0C0">
                                <a:alpha val="49803"/>
                              </a:srgbClr>
                            </a:solidFill>
                            <a:ln>
                              <a:noFill/>
                            </a:ln>
                          </wps:spPr>
                          <wps:txbx>
                            <w:txbxContent>
                              <w:p w14:paraId="08C8547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03" name="Freeform: Shape 117403"/>
                          <wps:cNvSpPr/>
                          <wps:spPr>
                            <a:xfrm>
                              <a:off x="1978105" y="1786690"/>
                              <a:ext cx="734403" cy="1318044"/>
                            </a:xfrm>
                            <a:custGeom>
                              <a:avLst/>
                              <a:gdLst/>
                              <a:ahLst/>
                              <a:cxnLst/>
                              <a:rect l="l" t="t" r="r" b="b"/>
                              <a:pathLst>
                                <a:path w="734403" h="1318044" extrusionOk="0">
                                  <a:moveTo>
                                    <a:pt x="143118" y="343"/>
                                  </a:moveTo>
                                  <a:cubicBezTo>
                                    <a:pt x="147619" y="0"/>
                                    <a:pt x="152025" y="327"/>
                                    <a:pt x="156820" y="1508"/>
                                  </a:cubicBezTo>
                                  <a:cubicBezTo>
                                    <a:pt x="166548" y="3870"/>
                                    <a:pt x="177203" y="9916"/>
                                    <a:pt x="187732" y="16088"/>
                                  </a:cubicBezTo>
                                  <a:lnTo>
                                    <a:pt x="734403" y="362456"/>
                                  </a:lnTo>
                                  <a:lnTo>
                                    <a:pt x="734403" y="577667"/>
                                  </a:lnTo>
                                  <a:lnTo>
                                    <a:pt x="265049" y="276095"/>
                                  </a:lnTo>
                                  <a:cubicBezTo>
                                    <a:pt x="264795" y="276336"/>
                                    <a:pt x="264554" y="276590"/>
                                    <a:pt x="264300" y="276844"/>
                                  </a:cubicBezTo>
                                  <a:cubicBezTo>
                                    <a:pt x="365894" y="432641"/>
                                    <a:pt x="466550" y="589061"/>
                                    <a:pt x="567214" y="745472"/>
                                  </a:cubicBezTo>
                                  <a:lnTo>
                                    <a:pt x="734403" y="1004067"/>
                                  </a:lnTo>
                                  <a:lnTo>
                                    <a:pt x="734403" y="1318044"/>
                                  </a:lnTo>
                                  <a:lnTo>
                                    <a:pt x="574148" y="1065135"/>
                                  </a:lnTo>
                                  <a:cubicBezTo>
                                    <a:pt x="388880" y="771360"/>
                                    <a:pt x="203613" y="477586"/>
                                    <a:pt x="16447" y="184998"/>
                                  </a:cubicBezTo>
                                  <a:cubicBezTo>
                                    <a:pt x="10224" y="174406"/>
                                    <a:pt x="5423" y="164995"/>
                                    <a:pt x="3048" y="155280"/>
                                  </a:cubicBezTo>
                                  <a:cubicBezTo>
                                    <a:pt x="0" y="146377"/>
                                    <a:pt x="1054" y="138338"/>
                                    <a:pt x="4051" y="127988"/>
                                  </a:cubicBezTo>
                                  <a:cubicBezTo>
                                    <a:pt x="6287" y="118526"/>
                                    <a:pt x="12217" y="107985"/>
                                    <a:pt x="20625" y="97088"/>
                                  </a:cubicBezTo>
                                  <a:cubicBezTo>
                                    <a:pt x="29032" y="86179"/>
                                    <a:pt x="40996" y="74343"/>
                                    <a:pt x="55829" y="59522"/>
                                  </a:cubicBezTo>
                                  <a:cubicBezTo>
                                    <a:pt x="71463" y="43875"/>
                                    <a:pt x="84735" y="30477"/>
                                    <a:pt x="96393" y="21320"/>
                                  </a:cubicBezTo>
                                  <a:cubicBezTo>
                                    <a:pt x="108039" y="12164"/>
                                    <a:pt x="118567" y="6245"/>
                                    <a:pt x="128854" y="3197"/>
                                  </a:cubicBezTo>
                                  <a:cubicBezTo>
                                    <a:pt x="134023" y="1698"/>
                                    <a:pt x="138617" y="686"/>
                                    <a:pt x="143118" y="343"/>
                                  </a:cubicBezTo>
                                  <a:close/>
                                </a:path>
                              </a:pathLst>
                            </a:custGeom>
                            <a:solidFill>
                              <a:srgbClr val="C0C0C0">
                                <a:alpha val="49803"/>
                              </a:srgbClr>
                            </a:solidFill>
                            <a:ln>
                              <a:noFill/>
                            </a:ln>
                          </wps:spPr>
                          <wps:txbx>
                            <w:txbxContent>
                              <w:p w14:paraId="6DDE1C92"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04" name="Freeform: Shape 117404"/>
                          <wps:cNvSpPr/>
                          <wps:spPr>
                            <a:xfrm>
                              <a:off x="2712508" y="2149147"/>
                              <a:ext cx="1283754" cy="1652916"/>
                            </a:xfrm>
                            <a:custGeom>
                              <a:avLst/>
                              <a:gdLst/>
                              <a:ahLst/>
                              <a:cxnLst/>
                              <a:rect l="l" t="t" r="r" b="b"/>
                              <a:pathLst>
                                <a:path w="1283754" h="1652916" extrusionOk="0">
                                  <a:moveTo>
                                    <a:pt x="0" y="0"/>
                                  </a:moveTo>
                                  <a:lnTo>
                                    <a:pt x="333496" y="211301"/>
                                  </a:lnTo>
                                  <a:cubicBezTo>
                                    <a:pt x="627269" y="396569"/>
                                    <a:pt x="921042" y="581837"/>
                                    <a:pt x="1213663" y="768971"/>
                                  </a:cubicBezTo>
                                  <a:cubicBezTo>
                                    <a:pt x="1235215" y="783296"/>
                                    <a:pt x="1250671" y="794142"/>
                                    <a:pt x="1262202" y="804175"/>
                                  </a:cubicBezTo>
                                  <a:cubicBezTo>
                                    <a:pt x="1272984" y="814958"/>
                                    <a:pt x="1278953" y="825549"/>
                                    <a:pt x="1281392" y="835201"/>
                                  </a:cubicBezTo>
                                  <a:cubicBezTo>
                                    <a:pt x="1283754" y="844917"/>
                                    <a:pt x="1280516" y="855140"/>
                                    <a:pt x="1272794" y="865364"/>
                                  </a:cubicBezTo>
                                  <a:cubicBezTo>
                                    <a:pt x="1264374" y="876133"/>
                                    <a:pt x="1253668" y="889227"/>
                                    <a:pt x="1238021" y="904861"/>
                                  </a:cubicBezTo>
                                  <a:cubicBezTo>
                                    <a:pt x="1222451" y="920444"/>
                                    <a:pt x="1210615" y="932395"/>
                                    <a:pt x="1200455" y="940065"/>
                                  </a:cubicBezTo>
                                  <a:cubicBezTo>
                                    <a:pt x="1189546" y="948473"/>
                                    <a:pt x="1180516" y="952905"/>
                                    <a:pt x="1172477" y="953705"/>
                                  </a:cubicBezTo>
                                  <a:cubicBezTo>
                                    <a:pt x="1164882" y="956448"/>
                                    <a:pt x="1158265" y="955953"/>
                                    <a:pt x="1151293" y="953337"/>
                                  </a:cubicBezTo>
                                  <a:cubicBezTo>
                                    <a:pt x="1144321" y="950721"/>
                                    <a:pt x="1136028" y="947038"/>
                                    <a:pt x="1126681" y="942059"/>
                                  </a:cubicBezTo>
                                  <a:cubicBezTo>
                                    <a:pt x="973976" y="843304"/>
                                    <a:pt x="820077" y="746479"/>
                                    <a:pt x="667360" y="647724"/>
                                  </a:cubicBezTo>
                                  <a:cubicBezTo>
                                    <a:pt x="534149" y="780934"/>
                                    <a:pt x="400876" y="914208"/>
                                    <a:pt x="267665" y="1047418"/>
                                  </a:cubicBezTo>
                                  <a:cubicBezTo>
                                    <a:pt x="366039" y="1197266"/>
                                    <a:pt x="462559" y="1348358"/>
                                    <a:pt x="560934" y="1498205"/>
                                  </a:cubicBezTo>
                                  <a:cubicBezTo>
                                    <a:pt x="566738" y="1506866"/>
                                    <a:pt x="570344" y="1515096"/>
                                    <a:pt x="572960" y="1522068"/>
                                  </a:cubicBezTo>
                                  <a:cubicBezTo>
                                    <a:pt x="576707" y="1530298"/>
                                    <a:pt x="576516" y="1537588"/>
                                    <a:pt x="575704" y="1545627"/>
                                  </a:cubicBezTo>
                                  <a:cubicBezTo>
                                    <a:pt x="575399" y="1555647"/>
                                    <a:pt x="570967" y="1564689"/>
                                    <a:pt x="564058" y="1574100"/>
                                  </a:cubicBezTo>
                                  <a:cubicBezTo>
                                    <a:pt x="556323" y="1584184"/>
                                    <a:pt x="546354" y="1596528"/>
                                    <a:pt x="532219" y="1610676"/>
                                  </a:cubicBezTo>
                                  <a:cubicBezTo>
                                    <a:pt x="518135" y="1624748"/>
                                    <a:pt x="505054" y="1635467"/>
                                    <a:pt x="494957" y="1643188"/>
                                  </a:cubicBezTo>
                                  <a:cubicBezTo>
                                    <a:pt x="482867" y="1650427"/>
                                    <a:pt x="473278" y="1652916"/>
                                    <a:pt x="463677" y="1650542"/>
                                  </a:cubicBezTo>
                                  <a:cubicBezTo>
                                    <a:pt x="453961" y="1648179"/>
                                    <a:pt x="443370" y="1642070"/>
                                    <a:pt x="433337" y="1630666"/>
                                  </a:cubicBezTo>
                                  <a:cubicBezTo>
                                    <a:pt x="422554" y="1619897"/>
                                    <a:pt x="411709" y="1604441"/>
                                    <a:pt x="397446" y="1582825"/>
                                  </a:cubicBezTo>
                                  <a:lnTo>
                                    <a:pt x="0" y="955588"/>
                                  </a:lnTo>
                                  <a:lnTo>
                                    <a:pt x="0" y="641610"/>
                                  </a:lnTo>
                                  <a:lnTo>
                                    <a:pt x="135763" y="851597"/>
                                  </a:lnTo>
                                  <a:cubicBezTo>
                                    <a:pt x="247167" y="740193"/>
                                    <a:pt x="358635" y="628725"/>
                                    <a:pt x="470103" y="517257"/>
                                  </a:cubicBezTo>
                                  <a:cubicBezTo>
                                    <a:pt x="313963" y="416006"/>
                                    <a:pt x="157185" y="315740"/>
                                    <a:pt x="398" y="215467"/>
                                  </a:cubicBezTo>
                                  <a:lnTo>
                                    <a:pt x="0" y="215211"/>
                                  </a:lnTo>
                                  <a:lnTo>
                                    <a:pt x="0" y="0"/>
                                  </a:lnTo>
                                  <a:close/>
                                </a:path>
                              </a:pathLst>
                            </a:custGeom>
                            <a:solidFill>
                              <a:srgbClr val="C0C0C0">
                                <a:alpha val="49803"/>
                              </a:srgbClr>
                            </a:solidFill>
                            <a:ln>
                              <a:noFill/>
                            </a:ln>
                          </wps:spPr>
                          <wps:txbx>
                            <w:txbxContent>
                              <w:p w14:paraId="44AB271E"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05" name="Freeform: Shape 117405"/>
                          <wps:cNvSpPr/>
                          <wps:spPr>
                            <a:xfrm>
                              <a:off x="2642730" y="797215"/>
                              <a:ext cx="1630426" cy="2019160"/>
                            </a:xfrm>
                            <a:custGeom>
                              <a:avLst/>
                              <a:gdLst/>
                              <a:ahLst/>
                              <a:cxnLst/>
                              <a:rect l="l" t="t" r="r" b="b"/>
                              <a:pathLst>
                                <a:path w="1630426" h="2019160" extrusionOk="0">
                                  <a:moveTo>
                                    <a:pt x="464122" y="0"/>
                                  </a:moveTo>
                                  <a:cubicBezTo>
                                    <a:pt x="470662" y="686"/>
                                    <a:pt x="478447" y="2362"/>
                                    <a:pt x="487794" y="7353"/>
                                  </a:cubicBezTo>
                                  <a:cubicBezTo>
                                    <a:pt x="497269" y="12332"/>
                                    <a:pt x="509041" y="19621"/>
                                    <a:pt x="520573" y="29655"/>
                                  </a:cubicBezTo>
                                  <a:cubicBezTo>
                                    <a:pt x="533273" y="40869"/>
                                    <a:pt x="547167" y="53264"/>
                                    <a:pt x="562750" y="68847"/>
                                  </a:cubicBezTo>
                                  <a:cubicBezTo>
                                    <a:pt x="578269" y="84366"/>
                                    <a:pt x="590664" y="98260"/>
                                    <a:pt x="600697" y="109779"/>
                                  </a:cubicBezTo>
                                  <a:cubicBezTo>
                                    <a:pt x="610731" y="121310"/>
                                    <a:pt x="618020" y="133084"/>
                                    <a:pt x="621818" y="141376"/>
                                  </a:cubicBezTo>
                                  <a:cubicBezTo>
                                    <a:pt x="626796" y="150711"/>
                                    <a:pt x="628485" y="158509"/>
                                    <a:pt x="629171" y="165049"/>
                                  </a:cubicBezTo>
                                  <a:cubicBezTo>
                                    <a:pt x="629107" y="172339"/>
                                    <a:pt x="627304" y="176517"/>
                                    <a:pt x="623557" y="180251"/>
                                  </a:cubicBezTo>
                                  <a:cubicBezTo>
                                    <a:pt x="506171" y="297637"/>
                                    <a:pt x="388785" y="415023"/>
                                    <a:pt x="271399" y="532410"/>
                                  </a:cubicBezTo>
                                  <a:cubicBezTo>
                                    <a:pt x="446862" y="707860"/>
                                    <a:pt x="622313" y="883310"/>
                                    <a:pt x="797700" y="1058710"/>
                                  </a:cubicBezTo>
                                  <a:cubicBezTo>
                                    <a:pt x="908672" y="947738"/>
                                    <a:pt x="1019645" y="836765"/>
                                    <a:pt x="1130542" y="725869"/>
                                  </a:cubicBezTo>
                                  <a:cubicBezTo>
                                    <a:pt x="1134288" y="722122"/>
                                    <a:pt x="1138453" y="720319"/>
                                    <a:pt x="1144562" y="719074"/>
                                  </a:cubicBezTo>
                                  <a:cubicBezTo>
                                    <a:pt x="1151103" y="719760"/>
                                    <a:pt x="1158888" y="721436"/>
                                    <a:pt x="1167054" y="725246"/>
                                  </a:cubicBezTo>
                                  <a:cubicBezTo>
                                    <a:pt x="1175347" y="729044"/>
                                    <a:pt x="1185939" y="735152"/>
                                    <a:pt x="1197458" y="745185"/>
                                  </a:cubicBezTo>
                                  <a:cubicBezTo>
                                    <a:pt x="1208926" y="755142"/>
                                    <a:pt x="1224064" y="768795"/>
                                    <a:pt x="1240765" y="785495"/>
                                  </a:cubicBezTo>
                                  <a:cubicBezTo>
                                    <a:pt x="1256335" y="801065"/>
                                    <a:pt x="1267562" y="813778"/>
                                    <a:pt x="1277582" y="825310"/>
                                  </a:cubicBezTo>
                                  <a:cubicBezTo>
                                    <a:pt x="1287615" y="836829"/>
                                    <a:pt x="1294905" y="848602"/>
                                    <a:pt x="1298651" y="856831"/>
                                  </a:cubicBezTo>
                                  <a:cubicBezTo>
                                    <a:pt x="1303693" y="866242"/>
                                    <a:pt x="1305370" y="874027"/>
                                    <a:pt x="1306056" y="880567"/>
                                  </a:cubicBezTo>
                                  <a:cubicBezTo>
                                    <a:pt x="1306004" y="887857"/>
                                    <a:pt x="1305370" y="893217"/>
                                    <a:pt x="1301636" y="896963"/>
                                  </a:cubicBezTo>
                                  <a:cubicBezTo>
                                    <a:pt x="1190727" y="1007859"/>
                                    <a:pt x="1079767" y="1118832"/>
                                    <a:pt x="968794" y="1229805"/>
                                  </a:cubicBezTo>
                                  <a:cubicBezTo>
                                    <a:pt x="1183691" y="1444688"/>
                                    <a:pt x="1398588" y="1659585"/>
                                    <a:pt x="1613535" y="1874546"/>
                                  </a:cubicBezTo>
                                  <a:cubicBezTo>
                                    <a:pt x="1619517" y="1880527"/>
                                    <a:pt x="1623504" y="1886001"/>
                                    <a:pt x="1626121" y="1892986"/>
                                  </a:cubicBezTo>
                                  <a:cubicBezTo>
                                    <a:pt x="1629931" y="1901266"/>
                                    <a:pt x="1630426" y="1907756"/>
                                    <a:pt x="1627683" y="1915350"/>
                                  </a:cubicBezTo>
                                  <a:cubicBezTo>
                                    <a:pt x="1626184" y="1924203"/>
                                    <a:pt x="1622514" y="1932483"/>
                                    <a:pt x="1616774" y="1943075"/>
                                  </a:cubicBezTo>
                                  <a:cubicBezTo>
                                    <a:pt x="1609738" y="1952485"/>
                                    <a:pt x="1600517" y="1964081"/>
                                    <a:pt x="1587932" y="1976666"/>
                                  </a:cubicBezTo>
                                  <a:cubicBezTo>
                                    <a:pt x="1576032" y="1988566"/>
                                    <a:pt x="1564437" y="1997786"/>
                                    <a:pt x="1555090" y="2004759"/>
                                  </a:cubicBezTo>
                                  <a:cubicBezTo>
                                    <a:pt x="1544498" y="2010499"/>
                                    <a:pt x="1535468" y="2014919"/>
                                    <a:pt x="1526616" y="2016417"/>
                                  </a:cubicBezTo>
                                  <a:cubicBezTo>
                                    <a:pt x="1519022" y="2019160"/>
                                    <a:pt x="1512481" y="2018716"/>
                                    <a:pt x="1504252" y="2014855"/>
                                  </a:cubicBezTo>
                                  <a:cubicBezTo>
                                    <a:pt x="1497279" y="2012239"/>
                                    <a:pt x="1491730" y="2008314"/>
                                    <a:pt x="1485748" y="2002333"/>
                                  </a:cubicBezTo>
                                  <a:cubicBezTo>
                                    <a:pt x="1008050" y="1524635"/>
                                    <a:pt x="530403" y="1046988"/>
                                    <a:pt x="52705" y="569290"/>
                                  </a:cubicBezTo>
                                  <a:cubicBezTo>
                                    <a:pt x="21615" y="538201"/>
                                    <a:pt x="5537" y="511416"/>
                                    <a:pt x="2553" y="487858"/>
                                  </a:cubicBezTo>
                                  <a:cubicBezTo>
                                    <a:pt x="0" y="466243"/>
                                    <a:pt x="5423" y="449098"/>
                                    <a:pt x="16510" y="438010"/>
                                  </a:cubicBezTo>
                                  <a:cubicBezTo>
                                    <a:pt x="160681" y="293840"/>
                                    <a:pt x="304800" y="149721"/>
                                    <a:pt x="448920" y="5601"/>
                                  </a:cubicBezTo>
                                  <a:cubicBezTo>
                                    <a:pt x="452653" y="1867"/>
                                    <a:pt x="456832" y="64"/>
                                    <a:pt x="464122" y="0"/>
                                  </a:cubicBezTo>
                                  <a:close/>
                                </a:path>
                              </a:pathLst>
                            </a:custGeom>
                            <a:solidFill>
                              <a:srgbClr val="C0C0C0">
                                <a:alpha val="49803"/>
                              </a:srgbClr>
                            </a:solidFill>
                            <a:ln>
                              <a:noFill/>
                            </a:ln>
                          </wps:spPr>
                          <wps:txbx>
                            <w:txbxContent>
                              <w:p w14:paraId="62ACFB97"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06" name="Freeform: Shape 117406"/>
                          <wps:cNvSpPr/>
                          <wps:spPr>
                            <a:xfrm>
                              <a:off x="3213212" y="0"/>
                              <a:ext cx="1938096" cy="1938223"/>
                            </a:xfrm>
                            <a:custGeom>
                              <a:avLst/>
                              <a:gdLst/>
                              <a:ahLst/>
                              <a:cxnLst/>
                              <a:rect l="l" t="t" r="r" b="b"/>
                              <a:pathLst>
                                <a:path w="1938096" h="1938223" extrusionOk="0">
                                  <a:moveTo>
                                    <a:pt x="690855" y="0"/>
                                  </a:moveTo>
                                  <a:cubicBezTo>
                                    <a:pt x="697395" y="686"/>
                                    <a:pt x="705180" y="2362"/>
                                    <a:pt x="714528" y="7353"/>
                                  </a:cubicBezTo>
                                  <a:cubicBezTo>
                                    <a:pt x="723938" y="12395"/>
                                    <a:pt x="735025" y="20371"/>
                                    <a:pt x="746557" y="30404"/>
                                  </a:cubicBezTo>
                                  <a:cubicBezTo>
                                    <a:pt x="759206" y="41681"/>
                                    <a:pt x="773151" y="54013"/>
                                    <a:pt x="788734" y="69596"/>
                                  </a:cubicBezTo>
                                  <a:cubicBezTo>
                                    <a:pt x="804253" y="85115"/>
                                    <a:pt x="816585" y="99073"/>
                                    <a:pt x="826681" y="110528"/>
                                  </a:cubicBezTo>
                                  <a:cubicBezTo>
                                    <a:pt x="836714" y="122060"/>
                                    <a:pt x="844690" y="133147"/>
                                    <a:pt x="848551" y="141376"/>
                                  </a:cubicBezTo>
                                  <a:cubicBezTo>
                                    <a:pt x="853529" y="150724"/>
                                    <a:pt x="855218" y="158509"/>
                                    <a:pt x="855904" y="165049"/>
                                  </a:cubicBezTo>
                                  <a:cubicBezTo>
                                    <a:pt x="855840" y="172339"/>
                                    <a:pt x="853288" y="177267"/>
                                    <a:pt x="849541" y="181000"/>
                                  </a:cubicBezTo>
                                  <a:cubicBezTo>
                                    <a:pt x="759384" y="271158"/>
                                    <a:pt x="669290" y="361251"/>
                                    <a:pt x="579133" y="451409"/>
                                  </a:cubicBezTo>
                                  <a:cubicBezTo>
                                    <a:pt x="1026490" y="898766"/>
                                    <a:pt x="1473911" y="1346187"/>
                                    <a:pt x="1921269" y="1793545"/>
                                  </a:cubicBezTo>
                                  <a:cubicBezTo>
                                    <a:pt x="1927251" y="1799526"/>
                                    <a:pt x="1932419" y="1806321"/>
                                    <a:pt x="1935036" y="1813293"/>
                                  </a:cubicBezTo>
                                  <a:cubicBezTo>
                                    <a:pt x="1937652" y="1820278"/>
                                    <a:pt x="1938096" y="1826819"/>
                                    <a:pt x="1935353" y="1834413"/>
                                  </a:cubicBezTo>
                                  <a:cubicBezTo>
                                    <a:pt x="1933855" y="1843265"/>
                                    <a:pt x="1930184" y="1851559"/>
                                    <a:pt x="1924444" y="1862150"/>
                                  </a:cubicBezTo>
                                  <a:cubicBezTo>
                                    <a:pt x="1917471" y="1871498"/>
                                    <a:pt x="1908251" y="1883080"/>
                                    <a:pt x="1895602" y="1895729"/>
                                  </a:cubicBezTo>
                                  <a:cubicBezTo>
                                    <a:pt x="1883702" y="1907629"/>
                                    <a:pt x="1872107" y="1916849"/>
                                    <a:pt x="1862760" y="1923834"/>
                                  </a:cubicBezTo>
                                  <a:cubicBezTo>
                                    <a:pt x="1852168" y="1929562"/>
                                    <a:pt x="1843139" y="1933981"/>
                                    <a:pt x="1834287" y="1935480"/>
                                  </a:cubicBezTo>
                                  <a:cubicBezTo>
                                    <a:pt x="1826692" y="1938223"/>
                                    <a:pt x="1820202" y="1937728"/>
                                    <a:pt x="1813167" y="1935163"/>
                                  </a:cubicBezTo>
                                  <a:cubicBezTo>
                                    <a:pt x="1806194" y="1932546"/>
                                    <a:pt x="1799463" y="1927314"/>
                                    <a:pt x="1793481" y="1921332"/>
                                  </a:cubicBezTo>
                                  <a:cubicBezTo>
                                    <a:pt x="1346124" y="1473975"/>
                                    <a:pt x="898703" y="1026554"/>
                                    <a:pt x="451345" y="579196"/>
                                  </a:cubicBezTo>
                                  <a:cubicBezTo>
                                    <a:pt x="361188" y="669354"/>
                                    <a:pt x="271031" y="759511"/>
                                    <a:pt x="180873" y="849668"/>
                                  </a:cubicBezTo>
                                  <a:cubicBezTo>
                                    <a:pt x="177191" y="853351"/>
                                    <a:pt x="172276" y="855904"/>
                                    <a:pt x="165672" y="855282"/>
                                  </a:cubicBezTo>
                                  <a:cubicBezTo>
                                    <a:pt x="158382" y="855345"/>
                                    <a:pt x="151333" y="852919"/>
                                    <a:pt x="141986" y="847928"/>
                                  </a:cubicBezTo>
                                  <a:cubicBezTo>
                                    <a:pt x="133769" y="844067"/>
                                    <a:pt x="122682" y="836092"/>
                                    <a:pt x="111214" y="825995"/>
                                  </a:cubicBezTo>
                                  <a:cubicBezTo>
                                    <a:pt x="98933" y="816712"/>
                                    <a:pt x="85039" y="804316"/>
                                    <a:pt x="69533" y="788797"/>
                                  </a:cubicBezTo>
                                  <a:cubicBezTo>
                                    <a:pt x="53950" y="773227"/>
                                    <a:pt x="41554" y="759333"/>
                                    <a:pt x="31090" y="745871"/>
                                  </a:cubicBezTo>
                                  <a:cubicBezTo>
                                    <a:pt x="20993" y="734403"/>
                                    <a:pt x="13018" y="723316"/>
                                    <a:pt x="7976" y="713905"/>
                                  </a:cubicBezTo>
                                  <a:cubicBezTo>
                                    <a:pt x="2985" y="704558"/>
                                    <a:pt x="559" y="697522"/>
                                    <a:pt x="622" y="690232"/>
                                  </a:cubicBezTo>
                                  <a:cubicBezTo>
                                    <a:pt x="0" y="683628"/>
                                    <a:pt x="2553" y="678701"/>
                                    <a:pt x="6223" y="675030"/>
                                  </a:cubicBezTo>
                                  <a:cubicBezTo>
                                    <a:pt x="229159" y="452095"/>
                                    <a:pt x="452031" y="229222"/>
                                    <a:pt x="674903" y="6350"/>
                                  </a:cubicBezTo>
                                  <a:cubicBezTo>
                                    <a:pt x="678637" y="2616"/>
                                    <a:pt x="683565" y="63"/>
                                    <a:pt x="690855" y="0"/>
                                  </a:cubicBezTo>
                                  <a:close/>
                                </a:path>
                              </a:pathLst>
                            </a:custGeom>
                            <a:solidFill>
                              <a:srgbClr val="C0C0C0">
                                <a:alpha val="49803"/>
                              </a:srgbClr>
                            </a:solidFill>
                            <a:ln>
                              <a:noFill/>
                            </a:ln>
                          </wps:spPr>
                          <wps:txbx>
                            <w:txbxContent>
                              <w:p w14:paraId="3071D5E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g:grpSp>
                    </wpg:wgp>
                  </a:graphicData>
                </a:graphic>
              </wp:anchor>
            </w:drawing>
          </mc:Choice>
          <mc:Fallback>
            <w:pict>
              <v:group w14:anchorId="7FDAD190" id="Group 117422" o:spid="_x0000_s1103" alt="P81#y1" style="position:absolute;left:0;text-align:left;margin-left:33pt;margin-top:-346pt;width:405.6pt;height:428.55pt;z-index:-251663360;mso-wrap-distance-left:0;mso-wrap-distance-right:0;mso-position-horizontal-relative:text;mso-position-vertical-relative:text" coordorigin="27703,10588" coordsize="51513,5442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">
                <v:group id="Group 117397" o:spid="_x0000_s1104" style="position:absolute;left:27703;top:10588;width:51513;height:54423" coordsize="51513,5442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">
                  <v:rect id="Rectangle 117398" o:spid="_x0000_s1105" style="position:absolute;width:51513;height:5442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" filled="f" stroked="f">
                    <v:textbox inset="2.53958mm,2.53958mm,2.53958mm,2.53958mm">
                      <w:txbxContent>
                        <w:p w14:paraId="24E2CB66" w14:textId="77777777" w:rsidR="00CF54CB" w:rsidRDefault="00CF54CB">
                          <w:pPr>
                            <w:spacing w:after="0" w:line="240" w:lineRule="auto"/>
                            <w:ind w:left="0" w:firstLine="0"/>
                            <w:jc w:val="left"/>
                            <w:textDirection w:val="btLr"/>
                          </w:pPr>
                        </w:p>
                      </w:txbxContent>
                    </v:textbox>
                  </v:rect>
                  <v:shape id="Freeform: Shape 117399" o:spid="_x0000_s1106" style="position:absolute;top:34844;width:10005;height:14727;visibility:visible;mso-wrap-style:square;v-text-anchor:middle" coordsize="1000596,147266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" adj="-11796480,,5400" path="m639526,592v49112,592,99671,7164,151506,20245c843153,34890,896506,53877,950816,78416r49780,24876l1000596,330497,954591,304878c913406,283927,872750,267167,832777,254238,772874,234893,715315,227570,659761,230085v-18518,838,-36813,2769,-54898,5713c532460,247507,463931,288134,397827,354238v-43306,43307,-86677,86677,-130035,130035l1000596,1217085r,255579l52705,524773c21615,493684,5537,466887,2553,443341,,421725,5410,404580,16574,393430,89090,320913,161684,248320,234201,175790,317449,92554,404609,37906,496697,16227,542747,5388,590414,,639526,592xe" fillcolor="silver" stroked="f">
                    <v:fill opacity="32639f"/>
                    <v:stroke joinstyle="miter"/>
                    <v:formulas/>
                    <v:path arrowok="t" o:extrusionok="f" o:connecttype="custom" textboxrect="0,0,1000596,1472664"/>
                    <v:textbox inset="2.53958mm,2.53958mm,2.53958mm,2.53958mm">
                      <w:txbxContent>
                        <w:p w14:paraId="77A3F691" w14:textId="77777777" w:rsidR="00CF54CB" w:rsidRDefault="00CF54CB">
                          <w:pPr>
                            <w:spacing w:after="0" w:line="240" w:lineRule="auto"/>
                            <w:ind w:left="0" w:firstLine="0"/>
                            <w:jc w:val="left"/>
                            <w:textDirection w:val="btLr"/>
                          </w:pPr>
                        </w:p>
                      </w:txbxContent>
                    </v:textbox>
                  </v:shape>
                  <v:shape id="Freeform: Shape 117400" o:spid="_x0000_s1107" style="position:absolute;left:10005;top:35877;width:9593;height:18545;visibility:visible;mso-wrap-style:square;v-text-anchor:middle" coordsize="959243,185452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" adj="-11796480,,5400" path="m,l32368,16175v27599,15124,55404,31714,83379,49846c227583,138487,342785,233623,458863,349701,592822,483660,699172,611575,777366,732136v79451,121679,130035,235204,155956,341630c959243,1180179,957185,1280928,930833,1372953v-26366,91910,-81001,179069,-163437,261505c699553,1702302,631697,1770158,563841,1838013v-11151,11152,-28347,16511,-51092,12828c490384,1849038,463587,1832959,432497,1801870l,1369372,,1113793r471753,471758c515619,1541685,559485,1497819,603287,1454017v61684,-61684,101562,-124740,118199,-192342c738123,1194073,737247,1122051,713320,1042550,689520,963047,648651,877691,584656,786035,521918,695623,438047,597808,332751,492512,249020,408768,164400,337991,78980,277361,57936,262518,36986,248812,16149,236197l,227205,,xe" fillcolor="silver" stroked="f">
                    <v:fill opacity="32639f"/>
                    <v:stroke joinstyle="miter"/>
                    <v:formulas/>
                    <v:path arrowok="t" o:extrusionok="f" o:connecttype="custom" textboxrect="0,0,959243,1854524"/>
                    <v:textbox inset="2.53958mm,2.53958mm,2.53958mm,2.53958mm">
                      <w:txbxContent>
                        <w:p w14:paraId="21780774" w14:textId="77777777" w:rsidR="00CF54CB" w:rsidRDefault="00CF54CB">
                          <w:pPr>
                            <w:spacing w:after="0" w:line="240" w:lineRule="auto"/>
                            <w:ind w:left="0" w:firstLine="0"/>
                            <w:jc w:val="left"/>
                            <w:textDirection w:val="btLr"/>
                          </w:pPr>
                        </w:p>
                      </w:txbxContent>
                    </v:textbox>
                  </v:shape>
                  <v:shape id="Freeform: Shape 117401" o:spid="_x0000_s1108" style="position:absolute;left:9361;top:25902;width:6287;height:10588;visibility:visible;mso-wrap-style:square;v-text-anchor:middle" coordsize="628690,1058861"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" adj="-11796480,,5400" path="m559321,2040v12976,1020,26046,2690,39244,5095l628690,14286r,223798l623625,236432v-14620,-3289,-29196,-5096,-43729,-5462c550831,230238,521938,235271,493217,245742v-18694,6477,-35585,16510,-53581,29654c421627,288541,399631,308175,374332,333461v-35890,35890,-71843,71843,-107721,107733l628690,803273r,255588l52705,482876c21615,451786,5537,424990,2553,401444,,379828,5359,362747,16510,351596,84607,283499,152705,215401,220815,147291v24549,-24549,45796,-43421,63297,-58560c302247,75574,319316,62989,334454,52841,382499,26730,430479,8785,482308,3058,507791,562,533368,,559321,2040xe" fillcolor="silver" stroked="f">
                    <v:fill opacity="32639f"/>
                    <v:stroke joinstyle="miter"/>
                    <v:formulas/>
                    <v:path arrowok="t" o:extrusionok="f" o:connecttype="custom" textboxrect="0,0,628690,1058861"/>
                    <v:textbox inset="2.53958mm,2.53958mm,2.53958mm,2.53958mm">
                      <w:txbxContent>
                        <w:p w14:paraId="0E58885E" w14:textId="77777777" w:rsidR="00CF54CB" w:rsidRDefault="00CF54CB">
                          <w:pPr>
                            <w:spacing w:after="0" w:line="240" w:lineRule="auto"/>
                            <w:ind w:left="0" w:firstLine="0"/>
                            <w:jc w:val="left"/>
                            <w:textDirection w:val="btLr"/>
                          </w:pPr>
                        </w:p>
                      </w:txbxContent>
                    </v:textbox>
                  </v:shape>
                  <v:shape id="Freeform: Shape 117402" o:spid="_x0000_s1109" style="position:absolute;left:15648;top:26044;width:15166;height:19185;visibility:visible;mso-wrap-style:square;v-text-anchor:middle" coordsize="1516569,19184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" adj="-11796480,,5400" path="m,l9892,2348c63714,18172,117118,40918,170890,75742v53771,34835,107480,79197,161302,133032c383602,260171,425652,311453,458303,360171v33147,50596,55830,99440,70968,146735c545590,555382,552944,602359,553134,648156v127,45733,-5613,91211,-17945,135077c561542,778687,590764,777632,620114,782052v30531,5601,63678,12713,98628,25857c753692,820927,791831,837500,832445,859179v40628,21692,85992,45491,135027,75578c1109470,1020304,1252587,1103857,1394522,1189468v35382,22187,60249,37821,73203,46418c1481872,1245666,1492274,1254454,1498256,1260436v5981,5981,11150,12776,14516,18999c1516137,1285670,1516569,1292211,1515083,1301063v-1562,8788,-5982,17818,-13652,27978c1493709,1339125,1482990,1352218,1468157,1367039v-12650,12650,-24232,21870,-33579,28855c1425167,1402802,1416137,1407235,1406104,1407540v-8788,1562,-17322,622,-25489,-3175c1371713,1401304,1361057,1395271,1349284,1387854,1198625,1295018,1046656,1204238,896009,1111401v-52096,-31648,-101067,-59067,-146800,-82868c703604,1004734,660055,988846,619428,979003v-40691,-9906,-77698,-10528,-112839,-4432c472565,981925,440104,1000314,411135,1029283v-28473,28473,-56946,56946,-85420,85420c545463,1334464,765161,1554149,984845,1773846v5982,5981,11214,12700,13780,19748c1001241,1800566,1000987,1807793,998929,1814714v-1434,8789,-5168,17132,-10909,27725c981048,1851785,971828,1863381,959242,1875966v-12649,12650,-23495,21121,-32842,28093c915808,1909799,906778,1914219,897927,1915717v-7595,2743,-14136,2299,-21120,-317c869834,1912784,863040,1907615,857058,1901633l,1044575,,788988,159485,948473v41618,-41618,83236,-83236,124790,-124803c317740,790218,340600,753388,351572,715631v11088,-37757,13958,-75768,5919,-115951c350760,560678,335748,521118,311453,480744,286396,441108,255497,402601,218426,365530,157428,304532,97737,261669,38924,236498l,223799,,xe" fillcolor="silver" stroked="f">
                    <v:fill opacity="32639f"/>
                    <v:stroke joinstyle="miter"/>
                    <v:formulas/>
                    <v:path arrowok="t" o:extrusionok="f" o:connecttype="custom" textboxrect="0,0,1516569,1918460"/>
                    <v:textbox inset="2.53958mm,2.53958mm,2.53958mm,2.53958mm">
                      <w:txbxContent>
                        <w:p w14:paraId="08C85476" w14:textId="77777777" w:rsidR="00CF54CB" w:rsidRDefault="00CF54CB">
                          <w:pPr>
                            <w:spacing w:after="0" w:line="240" w:lineRule="auto"/>
                            <w:ind w:left="0" w:firstLine="0"/>
                            <w:jc w:val="left"/>
                            <w:textDirection w:val="btLr"/>
                          </w:pPr>
                        </w:p>
                      </w:txbxContent>
                    </v:textbox>
                  </v:shape>
                  <v:shape id="Freeform: Shape 117403" o:spid="_x0000_s1110" style="position:absolute;left:19781;top:17866;width:7344;height:13181;visibility:visible;mso-wrap-style:square;v-text-anchor:middle" coordsize="734403,131804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" adj="-11796480,,5400" path="m143118,343v4501,-343,8907,-16,13702,1165c166548,3870,177203,9916,187732,16088l734403,362456r,215211l265049,276095v-254,241,-495,495,-749,749c365894,432641,466550,589061,567214,745472r167189,258595l734403,1318044,574148,1065135c388880,771360,203613,477586,16447,184998,10224,174406,5423,164995,3048,155280,,146377,1054,138338,4051,127988v2236,-9462,8166,-20003,16574,-30900c29032,86179,40996,74343,55829,59522,71463,43875,84735,30477,96393,21320,108039,12164,118567,6245,128854,3197,134023,1698,138617,686,143118,343xe" fillcolor="silver" stroked="f">
                    <v:fill opacity="32639f"/>
                    <v:stroke joinstyle="miter"/>
                    <v:formulas/>
                    <v:path arrowok="t" o:extrusionok="f" o:connecttype="custom" textboxrect="0,0,734403,1318044"/>
                    <v:textbox inset="2.53958mm,2.53958mm,2.53958mm,2.53958mm">
                      <w:txbxContent>
                        <w:p w14:paraId="6DDE1C92" w14:textId="77777777" w:rsidR="00CF54CB" w:rsidRDefault="00CF54CB">
                          <w:pPr>
                            <w:spacing w:after="0" w:line="240" w:lineRule="auto"/>
                            <w:ind w:left="0" w:firstLine="0"/>
                            <w:jc w:val="left"/>
                            <w:textDirection w:val="btLr"/>
                          </w:pPr>
                        </w:p>
                      </w:txbxContent>
                    </v:textbox>
                  </v:shape>
                  <v:shape id="Freeform: Shape 117404" o:spid="_x0000_s1111" style="position:absolute;left:27125;top:21491;width:12837;height:16529;visibility:visible;mso-wrap-style:square;v-text-anchor:middle" coordsize="1283754,165291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" adj="-11796480,,5400" path="m,l333496,211301v293773,185268,587546,370536,880167,557670c1235215,783296,1250671,794142,1262202,804175v10782,10783,16751,21374,19190,31026c1283754,844917,1280516,855140,1272794,865364v-8420,10769,-19126,23863,-34773,39497c1222451,920444,1210615,932395,1200455,940065v-10909,8408,-19939,12840,-27978,13640c1164882,956448,1158265,955953,1151293,953337v-6972,-2616,-15265,-6299,-24612,-11278c973976,843304,820077,746479,667360,647724,534149,780934,400876,914208,267665,1047418v98374,149848,194894,300940,293269,450787c566738,1506866,570344,1515096,572960,1522068v3747,8230,3556,15520,2744,23559c575399,1555647,570967,1564689,564058,1574100v-7735,10084,-17704,22428,-31839,36576c518135,1624748,505054,1635467,494957,1643188v-12090,7239,-21679,9728,-31280,7354c453961,1648179,443370,1642070,433337,1630666v-10783,-10769,-21628,-26225,-35891,-47841l,955588,,641610,135763,851597c247167,740193,358635,628725,470103,517257,313963,416006,157185,315740,398,215467l,215211,,xe" fillcolor="silver" stroked="f">
                    <v:fill opacity="32639f"/>
                    <v:stroke joinstyle="miter"/>
                    <v:formulas/>
                    <v:path arrowok="t" o:extrusionok="f" o:connecttype="custom" textboxrect="0,0,1283754,1652916"/>
                    <v:textbox inset="2.53958mm,2.53958mm,2.53958mm,2.53958mm">
                      <w:txbxContent>
                        <w:p w14:paraId="44AB271E" w14:textId="77777777" w:rsidR="00CF54CB" w:rsidRDefault="00CF54CB">
                          <w:pPr>
                            <w:spacing w:after="0" w:line="240" w:lineRule="auto"/>
                            <w:ind w:left="0" w:firstLine="0"/>
                            <w:jc w:val="left"/>
                            <w:textDirection w:val="btLr"/>
                          </w:pPr>
                        </w:p>
                      </w:txbxContent>
                    </v:textbox>
                  </v:shape>
                  <v:shape id="Freeform: Shape 117405" o:spid="_x0000_s1112" style="position:absolute;left:26427;top:7972;width:16304;height:20191;visibility:visible;mso-wrap-style:square;v-text-anchor:middle" coordsize="1630426,20191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" adj="-11796480,,5400" path="m464122,v6540,686,14325,2362,23672,7353c497269,12332,509041,19621,520573,29655v12700,11214,26594,23609,42177,39192c578269,84366,590664,98260,600697,109779v10034,11531,17323,23305,21121,31597c626796,150711,628485,158509,629171,165049v-64,7290,-1867,11468,-5614,15202c506171,297637,388785,415023,271399,532410v175463,175450,350914,350900,526301,526300c908672,947738,1019645,836765,1130542,725869v3746,-3747,7911,-5550,14020,-6795c1151103,719760,1158888,721436,1167054,725246v8293,3798,18885,9906,30404,19939c1208926,755142,1224064,768795,1240765,785495v15570,15570,26797,28283,36817,39815c1287615,836829,1294905,848602,1298651,856831v5042,9411,6719,17196,7405,23736c1306004,887857,1305370,893217,1301636,896963v-110909,110896,-221869,221869,-332842,332842c1183691,1444688,1398588,1659585,1613535,1874546v5982,5981,9969,11455,12586,18440c1629931,1901266,1630426,1907756,1627683,1915350v-1499,8853,-5169,17133,-10909,27725c1609738,1952485,1600517,1964081,1587932,1976666v-11900,11900,-23495,21120,-32842,28093c1544498,2010499,1535468,2014919,1526616,2016417v-7594,2743,-14135,2299,-22364,-1562c1497279,2012239,1491730,2008314,1485748,2002333,1008050,1524635,530403,1046988,52705,569290,21615,538201,5537,511416,2553,487858,,466243,5423,449098,16510,438010,160681,293840,304800,149721,448920,5601,452653,1867,456832,64,464122,xe" fillcolor="silver" stroked="f">
                    <v:fill opacity="32639f"/>
                    <v:stroke joinstyle="miter"/>
                    <v:formulas/>
                    <v:path arrowok="t" o:extrusionok="f" o:connecttype="custom" textboxrect="0,0,1630426,2019160"/>
                    <v:textbox inset="2.53958mm,2.53958mm,2.53958mm,2.53958mm">
                      <w:txbxContent>
                        <w:p w14:paraId="62ACFB97" w14:textId="77777777" w:rsidR="00CF54CB" w:rsidRDefault="00CF54CB">
                          <w:pPr>
                            <w:spacing w:after="0" w:line="240" w:lineRule="auto"/>
                            <w:ind w:left="0" w:firstLine="0"/>
                            <w:jc w:val="left"/>
                            <w:textDirection w:val="btLr"/>
                          </w:pPr>
                        </w:p>
                      </w:txbxContent>
                    </v:textbox>
                  </v:shape>
                  <v:shape id="Freeform: Shape 117406" o:spid="_x0000_s1113" style="position:absolute;left:32132;width:19381;height:19382;visibility:visible;mso-wrap-style:square;v-text-anchor:middle" coordsize="1938096,193822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" adj="-11796480,,5400" path="m690855,v6540,686,14325,2362,23673,7353c723938,12395,735025,20371,746557,30404v12649,11277,26594,23609,42177,39192c804253,85115,816585,99073,826681,110528v10033,11532,18009,22619,21870,30848c853529,150724,855218,158509,855904,165049v-64,7290,-2616,12218,-6363,15951c759384,271158,669290,361251,579133,451409v447357,447357,894778,894778,1342136,1342136c1927251,1799526,1932419,1806321,1935036,1813293v2616,6985,3060,13526,317,21120c1933855,1843265,1930184,1851559,1924444,1862150v-6973,9348,-16193,20930,-28842,33579c1883702,1907629,1872107,1916849,1862760,1923834v-10592,5728,-19621,10147,-28473,11646c1826692,1938223,1820202,1937728,1813167,1935163v-6973,-2617,-13704,-7849,-19686,-13831c1346124,1473975,898703,1026554,451345,579196,361188,669354,271031,759511,180873,849668v-3682,3683,-8597,6236,-15201,5614c158382,855345,151333,852919,141986,847928v-8217,-3861,-19304,-11836,-30772,-21933c98933,816712,85039,804316,69533,788797,53950,773227,41554,759333,31090,745871,20993,734403,13018,723316,7976,713905,2985,704558,559,697522,622,690232,,683628,2553,678701,6223,675030,229159,452095,452031,229222,674903,6350,678637,2616,683565,63,690855,xe" fillcolor="silver" stroked="f">
                    <v:fill opacity="32639f"/>
                    <v:stroke joinstyle="miter"/>
                    <v:formulas/>
                    <v:path arrowok="t" o:extrusionok="f" o:connecttype="custom" textboxrect="0,0,1938096,1938223"/>
                    <v:textbox inset="2.53958mm,2.53958mm,2.53958mm,2.53958mm">
                      <w:txbxContent>
                        <w:p w14:paraId="3071D5E3" w14:textId="77777777" w:rsidR="00CF54CB" w:rsidRDefault="00CF54CB">
                          <w:pPr>
                            <w:spacing w:after="0" w:line="240" w:lineRule="auto"/>
                            <w:ind w:left="0" w:firstLine="0"/>
                            <w:jc w:val="left"/>
                            <w:textDirection w:val="btLr"/>
                          </w:pPr>
                        </w:p>
                      </w:txbxContent>
                    </v:textbox>
                  </v:shape>
                </v:group>
              </v:group>
            </w:pict>
          </mc:Fallback>
        </mc:AlternateContent>
      </w:r>
    </w:p>
    <w:p w14:paraId="6729F80A" w14:textId="77777777" w:rsidR="00CF54CB" w:rsidRDefault="00344004">
      <w:pPr>
        <w:spacing w:after="119" w:line="240" w:lineRule="auto"/>
        <w:ind w:left="360" w:firstLine="0"/>
        <w:jc w:val="center"/>
        <w:rPr>
          <w:sz w:val="22"/>
          <w:szCs w:val="22"/>
        </w:rPr>
        <w:sectPr w:rsidR="00CF54CB">
          <w:type w:val="continuous"/>
          <w:pgSz w:w="12240" w:h="15840"/>
          <w:pgMar w:top="1562" w:right="1577" w:bottom="852" w:left="945" w:header="720" w:footer="720" w:gutter="0"/>
          <w:cols w:space="720"/>
        </w:sectPr>
      </w:pPr>
      <w:r>
        <w:rPr>
          <w:sz w:val="22"/>
          <w:szCs w:val="22"/>
        </w:rPr>
        <w:t>Attachment 2: 2010 NAIC White Paper…………………………………………………………………..51</w:t>
      </w:r>
    </w:p>
    <w:p w14:paraId="501D7BBD" w14:textId="77777777" w:rsidR="00CF54CB" w:rsidRDefault="00344004" w:rsidP="00B078CA">
      <w:pPr>
        <w:pStyle w:val="Heading1"/>
      </w:pPr>
      <w:r w:rsidRPr="00B078CA">
        <w:lastRenderedPageBreak/>
        <w:t>Section</w:t>
      </w:r>
      <w:r>
        <w:t xml:space="preserve"> 1: Overview of IBT and Corporate Division Laws and Mechanics </w:t>
      </w:r>
    </w:p>
    <w:p w14:paraId="1620CEEA" w14:textId="77777777" w:rsidR="00CF54CB" w:rsidRDefault="00344004">
      <w:pPr>
        <w:spacing w:after="333" w:line="259" w:lineRule="auto"/>
        <w:ind w:left="-24" w:firstLine="0"/>
        <w:jc w:val="left"/>
      </w:pPr>
      <w:r>
        <w:rPr>
          <w:rFonts w:ascii="Calibri" w:eastAsia="Calibri" w:hAnsi="Calibri" w:cs="Calibri"/>
          <w:noProof/>
          <w:sz w:val="22"/>
          <w:szCs w:val="22"/>
        </w:rPr>
        <mc:AlternateContent>
          <mc:Choice Requires="wpg">
            <w:drawing>
              <wp:inline distT="0" distB="0" distL="0" distR="0" wp14:anchorId="753C8849" wp14:editId="74E7354F">
                <wp:extent cx="6041149" cy="6109"/>
                <wp:effectExtent l="0" t="0" r="0" b="0"/>
                <wp:docPr id="117429" name="Group 117429" descr="P85#y1"/>
                <wp:cNvGraphicFramePr/>
                <a:graphic xmlns:a="http://schemas.openxmlformats.org/drawingml/2006/main">
                  <a:graphicData uri="http://schemas.microsoft.com/office/word/2010/wordprocessingGroup">
                    <wpg:wgp>
                      <wpg:cNvGrpSpPr/>
                      <wpg:grpSpPr>
                        <a:xfrm>
                          <a:off x="0" y="0"/>
                          <a:ext cx="6041149" cy="6109"/>
                          <a:chOff x="2325426" y="3776946"/>
                          <a:chExt cx="6041149" cy="9144"/>
                        </a:xfrm>
                      </wpg:grpSpPr>
                      <wpg:grpSp>
                        <wpg:cNvPr id="117407" name="Group 117407"/>
                        <wpg:cNvGrpSpPr/>
                        <wpg:grpSpPr>
                          <a:xfrm>
                            <a:off x="2325426" y="3776946"/>
                            <a:ext cx="6041149" cy="9144"/>
                            <a:chOff x="0" y="0"/>
                            <a:chExt cx="6041149" cy="9144"/>
                          </a:xfrm>
                        </wpg:grpSpPr>
                        <wps:wsp>
                          <wps:cNvPr id="117408" name="Rectangle 117408"/>
                          <wps:cNvSpPr/>
                          <wps:spPr>
                            <a:xfrm>
                              <a:off x="0" y="0"/>
                              <a:ext cx="6041125" cy="6100"/>
                            </a:xfrm>
                            <a:prstGeom prst="rect">
                              <a:avLst/>
                            </a:prstGeom>
                            <a:noFill/>
                            <a:ln>
                              <a:noFill/>
                            </a:ln>
                          </wps:spPr>
                          <wps:txbx>
                            <w:txbxContent>
                              <w:p w14:paraId="6DA6312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09" name="Freeform: Shape 117409"/>
                          <wps:cNvSpPr/>
                          <wps:spPr>
                            <a:xfrm>
                              <a:off x="0" y="0"/>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753C8849" id="Group 117429" o:spid="_x0000_s1114" alt="P85#y1" style="width:475.7pt;height:.5pt;mso-position-horizontal-relative:char;mso-position-vertical-relative:line" coordorigin="23254,37769" coordsize="60411,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">
                <v:group id="Group 117407" o:spid="_x0000_s1115" style="position:absolute;left:23254;top:37769;width:60411;height:91" coordsize="60411,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">
                  <v:rect id="Rectangle 117408" o:spid="_x0000_s1116" style="position:absolute;width:60411;height:6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" filled="f" stroked="f">
                    <v:textbox inset="2.53958mm,2.53958mm,2.53958mm,2.53958mm">
                      <w:txbxContent>
                        <w:p w14:paraId="6DA63129" w14:textId="77777777" w:rsidR="00CF54CB" w:rsidRDefault="00CF54CB">
                          <w:pPr>
                            <w:spacing w:after="0" w:line="240" w:lineRule="auto"/>
                            <w:ind w:left="0" w:firstLine="0"/>
                            <w:jc w:val="left"/>
                            <w:textDirection w:val="btLr"/>
                          </w:pPr>
                        </w:p>
                      </w:txbxContent>
                    </v:textbox>
                  </v:rect>
                  <v:shape id="Freeform: Shape 117409" o:spid="_x0000_s1117" style="position:absolute;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" path="m,l6041149,r,9144l,9144,,e" fillcolor="#4472c4" stroked="f">
                    <v:path arrowok="t" o:extrusionok="f"/>
                  </v:shape>
                </v:group>
                <w10:anchorlock/>
              </v:group>
            </w:pict>
          </mc:Fallback>
        </mc:AlternateContent>
      </w:r>
    </w:p>
    <w:p w14:paraId="03AEA4E7" w14:textId="77777777" w:rsidR="00CF54CB" w:rsidRDefault="00344004" w:rsidP="00B078CA">
      <w:pPr>
        <w:pStyle w:val="Heading2"/>
      </w:pPr>
      <w:r>
        <w:t xml:space="preserve">A. </w:t>
      </w:r>
      <w:r w:rsidRPr="00B078CA">
        <w:t>Introduction</w:t>
      </w:r>
    </w:p>
    <w:p w14:paraId="5DF8E6BE" w14:textId="40D44F7F" w:rsidR="00CF54CB" w:rsidRDefault="00344004">
      <w:pPr>
        <w:spacing w:after="272" w:line="242" w:lineRule="auto"/>
        <w:ind w:left="-11" w:right="59" w:firstLine="710"/>
        <w:jc w:val="left"/>
      </w:pPr>
      <w:r>
        <w:t xml:space="preserve">Insurance is a business that sells a promise to pay upon the occurrence of a future event.  Policyholders may submit claims many years into the future on covered losses incurred during the policy period </w:t>
      </w:r>
      <w:sdt>
        <w:sdtPr>
          <w:tag w:val="goog_rdk_0"/>
          <w:id w:val="365574463"/>
        </w:sdtPr>
        <w:sdtEndPr/>
        <w:sdtContent>
          <w:ins w:id="0" w:author="Daveline, Dan" w:date="2021-12-16T09:58:00Z">
            <w:r>
              <w:t xml:space="preserve">resulting in obligations for </w:t>
            </w:r>
          </w:ins>
        </w:sdtContent>
      </w:sdt>
      <w:sdt>
        <w:sdtPr>
          <w:tag w:val="goog_rdk_1"/>
          <w:id w:val="2117251389"/>
        </w:sdtPr>
        <w:sdtEndPr/>
        <w:sdtContent>
          <w:del w:id="1" w:author="Daveline, Dan" w:date="2021-12-16T09:58:00Z">
            <w:r>
              <w:delText xml:space="preserve">requiring </w:delText>
            </w:r>
          </w:del>
        </w:sdtContent>
      </w:sdt>
      <w:r>
        <w:t xml:space="preserve">insurers </w:t>
      </w:r>
      <w:sdt>
        <w:sdtPr>
          <w:tag w:val="goog_rdk_2"/>
          <w:id w:val="-1030885218"/>
        </w:sdtPr>
        <w:sdtEndPr/>
        <w:sdtContent>
          <w:ins w:id="2" w:author="Daveline, Dan" w:date="2021-12-16T09:58:00Z">
            <w:r>
              <w:t>that need to be reserved for to ensure payment of claims when they come due</w:t>
            </w:r>
          </w:ins>
        </w:sdtContent>
      </w:sdt>
      <w:sdt>
        <w:sdtPr>
          <w:tag w:val="goog_rdk_3"/>
          <w:id w:val="980043876"/>
        </w:sdtPr>
        <w:sdtEndPr/>
        <w:sdtContent>
          <w:del w:id="3" w:author="Daveline, Dan" w:date="2021-12-16T09:58:00Z">
            <w:r>
              <w:delText>to record a liability for these incurred but not reported claims</w:delText>
            </w:r>
          </w:del>
        </w:sdtContent>
      </w:sdt>
      <w:r>
        <w:t xml:space="preserve">. As such, it is nearly impossible for an insurer to decide to discontinue writing a certain line of business and pay off all its legal obligations to its policyholders because there are almost always unknown potential future policyholder obligations that have not yet been reported. Policies previously written on a line of business that is no longer being written creates a block of business that may no longer be the focus of the insurer’s business model and left to </w:t>
      </w:r>
      <w:sdt>
        <w:sdtPr>
          <w:tag w:val="goog_rdk_4"/>
          <w:id w:val="-2120679493"/>
        </w:sdtPr>
        <w:sdtEndPr/>
        <w:sdtContent>
          <w:ins w:id="4" w:author="Daveline, Dan" w:date="2021-12-16T10:01:00Z">
            <w:r>
              <w:t xml:space="preserve">pay its claims as they come due </w:t>
            </w:r>
          </w:ins>
        </w:sdtContent>
      </w:sdt>
      <w:sdt>
        <w:sdtPr>
          <w:tag w:val="goog_rdk_5"/>
          <w:id w:val="388778347"/>
        </w:sdtPr>
        <w:sdtEndPr/>
        <w:sdtContent>
          <w:del w:id="5" w:author="Daveline, Dan" w:date="2021-12-16T10:01:00Z">
            <w:r>
              <w:delText xml:space="preserve">slowly </w:delText>
            </w:r>
          </w:del>
        </w:sdtContent>
      </w:sdt>
      <w:sdt>
        <w:sdtPr>
          <w:tag w:val="goog_rdk_6"/>
          <w:id w:val="-528574054"/>
        </w:sdtPr>
        <w:sdtEndPr/>
        <w:sdtContent>
          <w:ins w:id="6" w:author="Daveline, Dan" w:date="2021-12-16T10:01:00Z">
            <w:r>
              <w:t>over time</w:t>
            </w:r>
          </w:ins>
        </w:sdtContent>
      </w:sdt>
      <w:sdt>
        <w:sdtPr>
          <w:tag w:val="goog_rdk_7"/>
          <w:id w:val="390863162"/>
        </w:sdtPr>
        <w:sdtEndPr/>
        <w:sdtContent>
          <w:del w:id="7" w:author="Daveline, Dan" w:date="2021-12-16T10:01:00Z">
            <w:r>
              <w:delText>runoff</w:delText>
            </w:r>
          </w:del>
        </w:sdtContent>
      </w:sdt>
      <w:r>
        <w:t>. For some insurance companies, runoff business</w:t>
      </w:r>
      <w:r>
        <w:rPr>
          <w:vertAlign w:val="superscript"/>
        </w:rPr>
        <w:t>1</w:t>
      </w:r>
      <w:r>
        <w:t xml:space="preserve"> remains embedded with the core business without the ability to segregate the runoff business.  </w:t>
      </w:r>
      <w:ins w:id="8" w:author="Daveline, Dan" w:date="2021-12-20T14:44:00Z">
        <w:r w:rsidR="00A27229">
          <w:t xml:space="preserve">Please note that the NAIC </w:t>
        </w:r>
      </w:ins>
      <w:ins w:id="9" w:author="Daveline, Dan" w:date="2021-12-20T14:45:00Z">
        <w:r w:rsidR="00A27229">
          <w:t xml:space="preserve">has yet to finalize a definition </w:t>
        </w:r>
        <w:r w:rsidR="003F2BFD">
          <w:t xml:space="preserve">on this matter and is only included within this paper to provide some basis for comprehension; however note that some </w:t>
        </w:r>
        <w:r w:rsidR="00621BB0">
          <w:t>bu</w:t>
        </w:r>
      </w:ins>
      <w:ins w:id="10" w:author="Daveline, Dan" w:date="2021-12-20T14:46:00Z">
        <w:r w:rsidR="00621BB0">
          <w:t xml:space="preserve">siness continues to have premium being collected but is referred to in run-off (e.g. LTC insurance). </w:t>
        </w:r>
      </w:ins>
      <w:r>
        <w:t xml:space="preserve">There are even runoff specialists that have developed within the insurance industry that specialize in handling these old blocks of business. </w:t>
      </w:r>
    </w:p>
    <w:p w14:paraId="30B8E309" w14:textId="77777777" w:rsidR="00CF54CB" w:rsidRDefault="00344004">
      <w:pPr>
        <w:spacing w:after="272" w:line="242" w:lineRule="auto"/>
        <w:ind w:left="-11" w:right="59" w:firstLine="710"/>
        <w:jc w:val="left"/>
      </w:pPr>
      <w:r>
        <w:rPr>
          <w:rFonts w:ascii="Calibri" w:eastAsia="Calibri" w:hAnsi="Calibri" w:cs="Calibri"/>
          <w:noProof/>
          <w:sz w:val="22"/>
          <w:szCs w:val="22"/>
        </w:rPr>
        <mc:AlternateContent>
          <mc:Choice Requires="wpg">
            <w:drawing>
              <wp:anchor distT="0" distB="0" distL="114300" distR="114300" simplePos="0" relativeHeight="251638784" behindDoc="0" locked="0" layoutInCell="1" hidden="0" allowOverlap="1" wp14:anchorId="3424B1A5" wp14:editId="64F515BA">
                <wp:simplePos x="0" y="0"/>
                <wp:positionH relativeFrom="page">
                  <wp:posOffset>591312</wp:posOffset>
                </wp:positionH>
                <wp:positionV relativeFrom="page">
                  <wp:posOffset>957059</wp:posOffset>
                </wp:positionV>
                <wp:extent cx="6041149" cy="6109"/>
                <wp:effectExtent l="0" t="0" r="0" b="0"/>
                <wp:wrapTopAndBottom distT="0" distB="0"/>
                <wp:docPr id="117421" name="Group 117421" descr="P88#y1"/>
                <wp:cNvGraphicFramePr/>
                <a:graphic xmlns:a="http://schemas.openxmlformats.org/drawingml/2006/main">
                  <a:graphicData uri="http://schemas.microsoft.com/office/word/2010/wordprocessingGroup">
                    <wpg:wgp>
                      <wpg:cNvGrpSpPr/>
                      <wpg:grpSpPr>
                        <a:xfrm>
                          <a:off x="0" y="0"/>
                          <a:ext cx="6041149" cy="6109"/>
                          <a:chOff x="2325426" y="3776946"/>
                          <a:chExt cx="6041149" cy="9144"/>
                        </a:xfrm>
                      </wpg:grpSpPr>
                      <wpg:grpSp>
                        <wpg:cNvPr id="117410" name="Group 117410"/>
                        <wpg:cNvGrpSpPr/>
                        <wpg:grpSpPr>
                          <a:xfrm>
                            <a:off x="2325426" y="3776946"/>
                            <a:ext cx="6041149" cy="9144"/>
                            <a:chOff x="0" y="0"/>
                            <a:chExt cx="6041149" cy="9144"/>
                          </a:xfrm>
                        </wpg:grpSpPr>
                        <wps:wsp>
                          <wps:cNvPr id="117411" name="Rectangle 117411"/>
                          <wps:cNvSpPr/>
                          <wps:spPr>
                            <a:xfrm>
                              <a:off x="0" y="0"/>
                              <a:ext cx="6041125" cy="6100"/>
                            </a:xfrm>
                            <a:prstGeom prst="rect">
                              <a:avLst/>
                            </a:prstGeom>
                            <a:noFill/>
                            <a:ln>
                              <a:noFill/>
                            </a:ln>
                          </wps:spPr>
                          <wps:txbx>
                            <w:txbxContent>
                              <w:p w14:paraId="21AAF52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12" name="Freeform: Shape 117412"/>
                          <wps:cNvSpPr/>
                          <wps:spPr>
                            <a:xfrm>
                              <a:off x="0" y="0"/>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anchor>
            </w:drawing>
          </mc:Choice>
          <mc:Fallback>
            <w:pict>
              <v:group w14:anchorId="3424B1A5" id="Group 117421" o:spid="_x0000_s1118" alt="P88#y1" style="position:absolute;left:0;text-align:left;margin-left:46.55pt;margin-top:75.35pt;width:475.7pt;height:.5pt;z-index:251638784;mso-position-horizontal-relative:page;mso-position-vertical-relative:page" coordorigin="23254,37769" coordsize="60411,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">
                <v:group id="Group 117410" o:spid="_x0000_s1119" style="position:absolute;left:23254;top:37769;width:60411;height:91" coordsize="60411,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">
                  <v:rect id="Rectangle 117411" o:spid="_x0000_s1120" style="position:absolute;width:60411;height:6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" filled="f" stroked="f">
                    <v:textbox inset="2.53958mm,2.53958mm,2.53958mm,2.53958mm">
                      <w:txbxContent>
                        <w:p w14:paraId="21AAF524" w14:textId="77777777" w:rsidR="00CF54CB" w:rsidRDefault="00CF54CB">
                          <w:pPr>
                            <w:spacing w:after="0" w:line="240" w:lineRule="auto"/>
                            <w:ind w:left="0" w:firstLine="0"/>
                            <w:jc w:val="left"/>
                            <w:textDirection w:val="btLr"/>
                          </w:pPr>
                        </w:p>
                      </w:txbxContent>
                    </v:textbox>
                  </v:rect>
                  <v:shape id="Freeform: Shape 117412" o:spid="_x0000_s1121" style="position:absolute;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" path="m,l6041149,r,9144l,9144,,e" fillcolor="#4472c4" stroked="f">
                    <v:path arrowok="t" o:extrusionok="f"/>
                  </v:shape>
                </v:group>
                <w10:wrap type="topAndBottom" anchorx="page" anchory="page"/>
              </v:group>
            </w:pict>
          </mc:Fallback>
        </mc:AlternateContent>
      </w:r>
      <w:r>
        <w:t xml:space="preserve">Until recently, U.S. insurance companies wanting to restructure their liabilities had been limited to sale, reinsurance/loss portfolio transfers or </w:t>
      </w:r>
      <w:sdt>
        <w:sdtPr>
          <w:tag w:val="goog_rdk_8"/>
          <w:id w:val="418611630"/>
        </w:sdtPr>
        <w:sdtEndPr/>
        <w:sdtContent>
          <w:del w:id="11" w:author="Daveline, Dan" w:date="2021-12-16T10:02:00Z">
            <w:r>
              <w:delText xml:space="preserve">individual </w:delText>
            </w:r>
          </w:del>
        </w:sdtContent>
      </w:sdt>
      <w:r>
        <w:t>policy novation. Other than individual policy novation, these solutions do not provide finality as the ultimate liability remain</w:t>
      </w:r>
      <w:sdt>
        <w:sdtPr>
          <w:tag w:val="goog_rdk_9"/>
          <w:id w:val="1260639540"/>
        </w:sdtPr>
        <w:sdtEndPr/>
        <w:sdtContent>
          <w:ins w:id="12" w:author="Daveline, Dan" w:date="2021-12-16T10:03:00Z">
            <w:r>
              <w:t>s</w:t>
            </w:r>
          </w:ins>
        </w:sdtContent>
      </w:sdt>
      <w:r>
        <w:t xml:space="preserve"> with the original insurer. The only way to transfer a block of business with finality is an individual policy novation</w:t>
      </w:r>
      <w:sdt>
        <w:sdtPr>
          <w:tag w:val="goog_rdk_10"/>
          <w:id w:val="-1836372017"/>
        </w:sdtPr>
        <w:sdtEndPr/>
        <w:sdtContent>
          <w:ins w:id="13" w:author="Daveline, Dan" w:date="2021-12-16T10:03:00Z">
            <w:r>
              <w:t xml:space="preserve"> or a policy commutation</w:t>
            </w:r>
          </w:ins>
        </w:sdtContent>
      </w:sdt>
      <w:r>
        <w:t xml:space="preserve">. However, the current process of novating individual policies is considered by the industry to be inconsistent among the states, cumbersome, time-consuming, and expensive. The industry suggests that in many instances it will be impossible to obtain positive consent to a novation from all policyholders, especially on older books of business where policyholders are difficult to locate. </w:t>
      </w:r>
    </w:p>
    <w:p w14:paraId="3FEAAC35" w14:textId="77777777" w:rsidR="00CF54CB" w:rsidRDefault="00344004">
      <w:pPr>
        <w:spacing w:after="900" w:line="242" w:lineRule="auto"/>
        <w:ind w:left="-11" w:right="59" w:firstLine="710"/>
        <w:jc w:val="left"/>
      </w:pPr>
      <w:r>
        <w:t>The NAIC has addressed aspects of this issue in the following two previous white papers.  In 1997, the Liability-Based Restructuring Working Group of the NAIC Financial Condition (EX4) Subcommittee issued a paper titled “Liability-Based Restructuring White Paper.” (See Attachment 1.) The white paper focused on the efforts by property and casualty insurers attempting to wall off “material exposures to asbestos, pollution and health hazard (APH) claims and other long-tail liabilities</w:t>
      </w:r>
      <w:r>
        <w:rPr>
          <w:vertAlign w:val="superscript"/>
        </w:rPr>
        <w:t>2</w:t>
      </w:r>
      <w:r>
        <w:t xml:space="preserve">” from current insurer operations.  The white paper achieves this focus by inclusion of various section on related topics as well as multiple appendixes. In 2009, the Restructuring Mechanisms for Troubled Companies Subgroup of the Financial Condition (E) Committee issued a white paper titled “Alternative Mechanisms for Troubled Companies.” (See Attachment 2.)  The white paper focuses on troubled companies although it also addresses the statutory restructuring mechanisms available in the United States (“US”) at that time. This white paper similar to the 1997 white paper, also includes a number of sections on related topics as well as multiple appendixes. </w:t>
      </w:r>
      <w:r>
        <w:rPr>
          <w:noProof/>
        </w:rPr>
        <mc:AlternateContent>
          <mc:Choice Requires="wpg">
            <w:drawing>
              <wp:anchor distT="0" distB="0" distL="0" distR="0" simplePos="0" relativeHeight="251642880" behindDoc="1" locked="0" layoutInCell="1" hidden="0" allowOverlap="1" wp14:anchorId="1F30EC16" wp14:editId="294F6E7E">
                <wp:simplePos x="0" y="0"/>
                <wp:positionH relativeFrom="column">
                  <wp:posOffset>0</wp:posOffset>
                </wp:positionH>
                <wp:positionV relativeFrom="paragraph">
                  <wp:posOffset>-3124199</wp:posOffset>
                </wp:positionV>
                <wp:extent cx="5564092" cy="5736701"/>
                <wp:effectExtent l="0" t="0" r="0" b="0"/>
                <wp:wrapNone/>
                <wp:docPr id="117434" name="Group 117434" descr="P89#y1"/>
                <wp:cNvGraphicFramePr/>
                <a:graphic xmlns:a="http://schemas.openxmlformats.org/drawingml/2006/main">
                  <a:graphicData uri="http://schemas.microsoft.com/office/word/2010/wordprocessingGroup">
                    <wpg:wgp>
                      <wpg:cNvGrpSpPr/>
                      <wpg:grpSpPr>
                        <a:xfrm>
                          <a:off x="0" y="0"/>
                          <a:ext cx="5564092" cy="5736701"/>
                          <a:chOff x="2563954" y="911650"/>
                          <a:chExt cx="5564092" cy="5736701"/>
                        </a:xfrm>
                      </wpg:grpSpPr>
                      <wpg:grpSp>
                        <wpg:cNvPr id="117413" name="Group 117413"/>
                        <wpg:cNvGrpSpPr/>
                        <wpg:grpSpPr>
                          <a:xfrm>
                            <a:off x="2563954" y="911650"/>
                            <a:ext cx="5564092" cy="5736701"/>
                            <a:chOff x="0" y="0"/>
                            <a:chExt cx="5564092" cy="5736701"/>
                          </a:xfrm>
                        </wpg:grpSpPr>
                        <wps:wsp>
                          <wps:cNvPr id="117414" name="Rectangle 117414"/>
                          <wps:cNvSpPr/>
                          <wps:spPr>
                            <a:xfrm>
                              <a:off x="0" y="0"/>
                              <a:ext cx="5564075" cy="5736700"/>
                            </a:xfrm>
                            <a:prstGeom prst="rect">
                              <a:avLst/>
                            </a:prstGeom>
                            <a:noFill/>
                            <a:ln>
                              <a:noFill/>
                            </a:ln>
                          </wps:spPr>
                          <wps:txbx>
                            <w:txbxContent>
                              <w:p w14:paraId="13ECB0E7"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15" name="Freeform: Shape 117415"/>
                          <wps:cNvSpPr/>
                          <wps:spPr>
                            <a:xfrm>
                              <a:off x="412784" y="3484466"/>
                              <a:ext cx="1000596" cy="1472664"/>
                            </a:xfrm>
                            <a:custGeom>
                              <a:avLst/>
                              <a:gdLst/>
                              <a:ahLst/>
                              <a:cxnLst/>
                              <a:rect l="l" t="t" r="r" b="b"/>
                              <a:pathLst>
                                <a:path w="1000596" h="1472664" extrusionOk="0">
                                  <a:moveTo>
                                    <a:pt x="639526" y="592"/>
                                  </a:moveTo>
                                  <a:cubicBezTo>
                                    <a:pt x="688638" y="1184"/>
                                    <a:pt x="739197" y="7756"/>
                                    <a:pt x="791032" y="20837"/>
                                  </a:cubicBezTo>
                                  <a:cubicBezTo>
                                    <a:pt x="843153" y="34890"/>
                                    <a:pt x="896506" y="53877"/>
                                    <a:pt x="950816" y="78416"/>
                                  </a:cubicBezTo>
                                  <a:lnTo>
                                    <a:pt x="1000596" y="103292"/>
                                  </a:lnTo>
                                  <a:lnTo>
                                    <a:pt x="1000596" y="330497"/>
                                  </a:lnTo>
                                  <a:lnTo>
                                    <a:pt x="954591" y="304878"/>
                                  </a:lnTo>
                                  <a:cubicBezTo>
                                    <a:pt x="913406" y="283927"/>
                                    <a:pt x="872750" y="267167"/>
                                    <a:pt x="832777" y="254238"/>
                                  </a:cubicBezTo>
                                  <a:cubicBezTo>
                                    <a:pt x="772874" y="234893"/>
                                    <a:pt x="715315" y="227570"/>
                                    <a:pt x="659761" y="230085"/>
                                  </a:cubicBezTo>
                                  <a:cubicBezTo>
                                    <a:pt x="641243" y="230923"/>
                                    <a:pt x="622948" y="232854"/>
                                    <a:pt x="604863" y="235798"/>
                                  </a:cubicBezTo>
                                  <a:cubicBezTo>
                                    <a:pt x="532460" y="247507"/>
                                    <a:pt x="463931" y="288134"/>
                                    <a:pt x="397827" y="354238"/>
                                  </a:cubicBezTo>
                                  <a:cubicBezTo>
                                    <a:pt x="354521" y="397545"/>
                                    <a:pt x="311150" y="440915"/>
                                    <a:pt x="267792" y="484273"/>
                                  </a:cubicBezTo>
                                  <a:lnTo>
                                    <a:pt x="1000596" y="1217085"/>
                                  </a:lnTo>
                                  <a:lnTo>
                                    <a:pt x="1000596" y="1472664"/>
                                  </a:lnTo>
                                  <a:lnTo>
                                    <a:pt x="52705" y="524773"/>
                                  </a:lnTo>
                                  <a:cubicBezTo>
                                    <a:pt x="21615" y="493684"/>
                                    <a:pt x="5537" y="466887"/>
                                    <a:pt x="2553" y="443341"/>
                                  </a:cubicBezTo>
                                  <a:cubicBezTo>
                                    <a:pt x="0" y="421725"/>
                                    <a:pt x="5410" y="404580"/>
                                    <a:pt x="16574" y="393430"/>
                                  </a:cubicBezTo>
                                  <a:cubicBezTo>
                                    <a:pt x="89090" y="320913"/>
                                    <a:pt x="161684" y="248320"/>
                                    <a:pt x="234201" y="175790"/>
                                  </a:cubicBezTo>
                                  <a:cubicBezTo>
                                    <a:pt x="317449" y="92554"/>
                                    <a:pt x="404609" y="37906"/>
                                    <a:pt x="496697" y="16227"/>
                                  </a:cubicBezTo>
                                  <a:cubicBezTo>
                                    <a:pt x="542747" y="5388"/>
                                    <a:pt x="590414" y="0"/>
                                    <a:pt x="639526" y="592"/>
                                  </a:cubicBezTo>
                                  <a:close/>
                                </a:path>
                              </a:pathLst>
                            </a:custGeom>
                            <a:solidFill>
                              <a:srgbClr val="C0C0C0">
                                <a:alpha val="49803"/>
                              </a:srgbClr>
                            </a:solidFill>
                            <a:ln>
                              <a:noFill/>
                            </a:ln>
                          </wps:spPr>
                          <wps:txbx>
                            <w:txbxContent>
                              <w:p w14:paraId="3790C967"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16" name="Freeform: Shape 117416"/>
                          <wps:cNvSpPr/>
                          <wps:spPr>
                            <a:xfrm>
                              <a:off x="1413380" y="3587758"/>
                              <a:ext cx="959243" cy="1854524"/>
                            </a:xfrm>
                            <a:custGeom>
                              <a:avLst/>
                              <a:gdLst/>
                              <a:ahLst/>
                              <a:cxnLst/>
                              <a:rect l="l" t="t" r="r" b="b"/>
                              <a:pathLst>
                                <a:path w="959243" h="1854524" extrusionOk="0">
                                  <a:moveTo>
                                    <a:pt x="0" y="0"/>
                                  </a:moveTo>
                                  <a:lnTo>
                                    <a:pt x="32368" y="16175"/>
                                  </a:lnTo>
                                  <a:cubicBezTo>
                                    <a:pt x="59967" y="31299"/>
                                    <a:pt x="87772" y="47889"/>
                                    <a:pt x="115747" y="66021"/>
                                  </a:cubicBezTo>
                                  <a:cubicBezTo>
                                    <a:pt x="227583" y="138487"/>
                                    <a:pt x="342785" y="233623"/>
                                    <a:pt x="458863" y="349701"/>
                                  </a:cubicBezTo>
                                  <a:cubicBezTo>
                                    <a:pt x="592822" y="483660"/>
                                    <a:pt x="699172" y="611575"/>
                                    <a:pt x="777366" y="732136"/>
                                  </a:cubicBezTo>
                                  <a:cubicBezTo>
                                    <a:pt x="856817" y="853815"/>
                                    <a:pt x="907401" y="967340"/>
                                    <a:pt x="933322" y="1073766"/>
                                  </a:cubicBezTo>
                                  <a:cubicBezTo>
                                    <a:pt x="959243" y="1180179"/>
                                    <a:pt x="957185" y="1280928"/>
                                    <a:pt x="930833" y="1372953"/>
                                  </a:cubicBezTo>
                                  <a:cubicBezTo>
                                    <a:pt x="904467" y="1464863"/>
                                    <a:pt x="849832" y="1552022"/>
                                    <a:pt x="767396" y="1634458"/>
                                  </a:cubicBezTo>
                                  <a:cubicBezTo>
                                    <a:pt x="699553" y="1702302"/>
                                    <a:pt x="631697" y="1770158"/>
                                    <a:pt x="563841" y="1838013"/>
                                  </a:cubicBezTo>
                                  <a:cubicBezTo>
                                    <a:pt x="552690" y="1849165"/>
                                    <a:pt x="535494" y="1854524"/>
                                    <a:pt x="512749" y="1850841"/>
                                  </a:cubicBezTo>
                                  <a:cubicBezTo>
                                    <a:pt x="490384" y="1849038"/>
                                    <a:pt x="463587" y="1832959"/>
                                    <a:pt x="432497" y="1801870"/>
                                  </a:cubicBezTo>
                                  <a:lnTo>
                                    <a:pt x="0" y="1369372"/>
                                  </a:lnTo>
                                  <a:lnTo>
                                    <a:pt x="0" y="1113793"/>
                                  </a:lnTo>
                                  <a:lnTo>
                                    <a:pt x="471753" y="1585551"/>
                                  </a:lnTo>
                                  <a:cubicBezTo>
                                    <a:pt x="515619" y="1541685"/>
                                    <a:pt x="559485" y="1497819"/>
                                    <a:pt x="603287" y="1454017"/>
                                  </a:cubicBezTo>
                                  <a:cubicBezTo>
                                    <a:pt x="664971" y="1392333"/>
                                    <a:pt x="704849" y="1329277"/>
                                    <a:pt x="721486" y="1261675"/>
                                  </a:cubicBezTo>
                                  <a:cubicBezTo>
                                    <a:pt x="738123" y="1194073"/>
                                    <a:pt x="737247" y="1122051"/>
                                    <a:pt x="713320" y="1042550"/>
                                  </a:cubicBezTo>
                                  <a:cubicBezTo>
                                    <a:pt x="689520" y="963047"/>
                                    <a:pt x="648651" y="877691"/>
                                    <a:pt x="584656" y="786035"/>
                                  </a:cubicBezTo>
                                  <a:cubicBezTo>
                                    <a:pt x="521918" y="695623"/>
                                    <a:pt x="438047" y="597808"/>
                                    <a:pt x="332751" y="492512"/>
                                  </a:cubicBezTo>
                                  <a:cubicBezTo>
                                    <a:pt x="249020" y="408768"/>
                                    <a:pt x="164400" y="337991"/>
                                    <a:pt x="78980" y="277361"/>
                                  </a:cubicBezTo>
                                  <a:cubicBezTo>
                                    <a:pt x="57936" y="262518"/>
                                    <a:pt x="36986" y="248812"/>
                                    <a:pt x="16149" y="236197"/>
                                  </a:cubicBezTo>
                                  <a:lnTo>
                                    <a:pt x="0" y="227205"/>
                                  </a:lnTo>
                                  <a:lnTo>
                                    <a:pt x="0" y="0"/>
                                  </a:lnTo>
                                  <a:close/>
                                </a:path>
                              </a:pathLst>
                            </a:custGeom>
                            <a:solidFill>
                              <a:srgbClr val="C0C0C0">
                                <a:alpha val="49803"/>
                              </a:srgbClr>
                            </a:solidFill>
                            <a:ln>
                              <a:noFill/>
                            </a:ln>
                          </wps:spPr>
                          <wps:txbx>
                            <w:txbxContent>
                              <w:p w14:paraId="221B191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17" name="Freeform: Shape 117417"/>
                          <wps:cNvSpPr/>
                          <wps:spPr>
                            <a:xfrm>
                              <a:off x="1348938" y="2590207"/>
                              <a:ext cx="628690" cy="1058861"/>
                            </a:xfrm>
                            <a:custGeom>
                              <a:avLst/>
                              <a:gdLst/>
                              <a:ahLst/>
                              <a:cxnLst/>
                              <a:rect l="l" t="t" r="r" b="b"/>
                              <a:pathLst>
                                <a:path w="628690" h="1058861" extrusionOk="0">
                                  <a:moveTo>
                                    <a:pt x="559321" y="2040"/>
                                  </a:moveTo>
                                  <a:cubicBezTo>
                                    <a:pt x="572297" y="3060"/>
                                    <a:pt x="585367" y="4730"/>
                                    <a:pt x="598565" y="7135"/>
                                  </a:cubicBezTo>
                                  <a:lnTo>
                                    <a:pt x="628690" y="14286"/>
                                  </a:lnTo>
                                  <a:lnTo>
                                    <a:pt x="628690" y="238084"/>
                                  </a:lnTo>
                                  <a:lnTo>
                                    <a:pt x="623625" y="236432"/>
                                  </a:lnTo>
                                  <a:cubicBezTo>
                                    <a:pt x="609005" y="233143"/>
                                    <a:pt x="594429" y="231336"/>
                                    <a:pt x="579896" y="230970"/>
                                  </a:cubicBezTo>
                                  <a:cubicBezTo>
                                    <a:pt x="550831" y="230238"/>
                                    <a:pt x="521938" y="235271"/>
                                    <a:pt x="493217" y="245742"/>
                                  </a:cubicBezTo>
                                  <a:cubicBezTo>
                                    <a:pt x="474523" y="252219"/>
                                    <a:pt x="457632" y="262252"/>
                                    <a:pt x="439636" y="275396"/>
                                  </a:cubicBezTo>
                                  <a:cubicBezTo>
                                    <a:pt x="421627" y="288541"/>
                                    <a:pt x="399631" y="308175"/>
                                    <a:pt x="374332" y="333461"/>
                                  </a:cubicBezTo>
                                  <a:cubicBezTo>
                                    <a:pt x="338442" y="369351"/>
                                    <a:pt x="302489" y="405304"/>
                                    <a:pt x="266611" y="441194"/>
                                  </a:cubicBezTo>
                                  <a:lnTo>
                                    <a:pt x="628690" y="803273"/>
                                  </a:lnTo>
                                  <a:lnTo>
                                    <a:pt x="628690" y="1058861"/>
                                  </a:lnTo>
                                  <a:lnTo>
                                    <a:pt x="52705" y="482876"/>
                                  </a:lnTo>
                                  <a:cubicBezTo>
                                    <a:pt x="21615" y="451786"/>
                                    <a:pt x="5537" y="424990"/>
                                    <a:pt x="2553" y="401444"/>
                                  </a:cubicBezTo>
                                  <a:cubicBezTo>
                                    <a:pt x="0" y="379828"/>
                                    <a:pt x="5359" y="362747"/>
                                    <a:pt x="16510" y="351596"/>
                                  </a:cubicBezTo>
                                  <a:cubicBezTo>
                                    <a:pt x="84607" y="283499"/>
                                    <a:pt x="152705" y="215401"/>
                                    <a:pt x="220815" y="147291"/>
                                  </a:cubicBezTo>
                                  <a:cubicBezTo>
                                    <a:pt x="245364" y="122742"/>
                                    <a:pt x="266611" y="103870"/>
                                    <a:pt x="284112" y="88731"/>
                                  </a:cubicBezTo>
                                  <a:cubicBezTo>
                                    <a:pt x="302247" y="75574"/>
                                    <a:pt x="319316" y="62989"/>
                                    <a:pt x="334454" y="52841"/>
                                  </a:cubicBezTo>
                                  <a:cubicBezTo>
                                    <a:pt x="382499" y="26730"/>
                                    <a:pt x="430479" y="8785"/>
                                    <a:pt x="482308" y="3058"/>
                                  </a:cubicBezTo>
                                  <a:cubicBezTo>
                                    <a:pt x="507791" y="562"/>
                                    <a:pt x="533368" y="0"/>
                                    <a:pt x="559321" y="2040"/>
                                  </a:cubicBezTo>
                                  <a:close/>
                                </a:path>
                              </a:pathLst>
                            </a:custGeom>
                            <a:solidFill>
                              <a:srgbClr val="C0C0C0">
                                <a:alpha val="49803"/>
                              </a:srgbClr>
                            </a:solidFill>
                            <a:ln>
                              <a:noFill/>
                            </a:ln>
                          </wps:spPr>
                          <wps:txbx>
                            <w:txbxContent>
                              <w:p w14:paraId="576EBDCD"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18" name="Freeform: Shape 117418"/>
                          <wps:cNvSpPr/>
                          <wps:spPr>
                            <a:xfrm>
                              <a:off x="1977628" y="2604493"/>
                              <a:ext cx="1516569" cy="1918460"/>
                            </a:xfrm>
                            <a:custGeom>
                              <a:avLst/>
                              <a:gdLst/>
                              <a:ahLst/>
                              <a:cxnLst/>
                              <a:rect l="l" t="t" r="r" b="b"/>
                              <a:pathLst>
                                <a:path w="1516569" h="1918460" extrusionOk="0">
                                  <a:moveTo>
                                    <a:pt x="0" y="0"/>
                                  </a:moveTo>
                                  <a:lnTo>
                                    <a:pt x="9892" y="2348"/>
                                  </a:lnTo>
                                  <a:cubicBezTo>
                                    <a:pt x="63714" y="18172"/>
                                    <a:pt x="117118" y="40918"/>
                                    <a:pt x="170890" y="75742"/>
                                  </a:cubicBezTo>
                                  <a:cubicBezTo>
                                    <a:pt x="224661" y="110577"/>
                                    <a:pt x="278370" y="154939"/>
                                    <a:pt x="332192" y="208774"/>
                                  </a:cubicBezTo>
                                  <a:cubicBezTo>
                                    <a:pt x="383602" y="260171"/>
                                    <a:pt x="425652" y="311453"/>
                                    <a:pt x="458303" y="360171"/>
                                  </a:cubicBezTo>
                                  <a:cubicBezTo>
                                    <a:pt x="491450" y="410767"/>
                                    <a:pt x="514133" y="459611"/>
                                    <a:pt x="529271" y="506906"/>
                                  </a:cubicBezTo>
                                  <a:cubicBezTo>
                                    <a:pt x="545590" y="555382"/>
                                    <a:pt x="552944" y="602359"/>
                                    <a:pt x="553134" y="648156"/>
                                  </a:cubicBezTo>
                                  <a:cubicBezTo>
                                    <a:pt x="553261" y="693889"/>
                                    <a:pt x="547521" y="739367"/>
                                    <a:pt x="535189" y="783233"/>
                                  </a:cubicBezTo>
                                  <a:cubicBezTo>
                                    <a:pt x="561542" y="778687"/>
                                    <a:pt x="590764" y="777632"/>
                                    <a:pt x="620114" y="782052"/>
                                  </a:cubicBezTo>
                                  <a:cubicBezTo>
                                    <a:pt x="650645" y="787653"/>
                                    <a:pt x="683792" y="794765"/>
                                    <a:pt x="718742" y="807909"/>
                                  </a:cubicBezTo>
                                  <a:cubicBezTo>
                                    <a:pt x="753692" y="820927"/>
                                    <a:pt x="791831" y="837500"/>
                                    <a:pt x="832445" y="859179"/>
                                  </a:cubicBezTo>
                                  <a:cubicBezTo>
                                    <a:pt x="873073" y="880871"/>
                                    <a:pt x="918437" y="904670"/>
                                    <a:pt x="967472" y="934757"/>
                                  </a:cubicBezTo>
                                  <a:cubicBezTo>
                                    <a:pt x="1109470" y="1020304"/>
                                    <a:pt x="1252587" y="1103857"/>
                                    <a:pt x="1394522" y="1189468"/>
                                  </a:cubicBezTo>
                                  <a:cubicBezTo>
                                    <a:pt x="1429904" y="1211655"/>
                                    <a:pt x="1454771" y="1227289"/>
                                    <a:pt x="1467725" y="1235886"/>
                                  </a:cubicBezTo>
                                  <a:cubicBezTo>
                                    <a:pt x="1481872" y="1245666"/>
                                    <a:pt x="1492274" y="1254454"/>
                                    <a:pt x="1498256" y="1260436"/>
                                  </a:cubicBezTo>
                                  <a:cubicBezTo>
                                    <a:pt x="1504237" y="1266417"/>
                                    <a:pt x="1509406" y="1273212"/>
                                    <a:pt x="1512772" y="1279435"/>
                                  </a:cubicBezTo>
                                  <a:cubicBezTo>
                                    <a:pt x="1516137" y="1285670"/>
                                    <a:pt x="1516569" y="1292211"/>
                                    <a:pt x="1515083" y="1301063"/>
                                  </a:cubicBezTo>
                                  <a:cubicBezTo>
                                    <a:pt x="1513521" y="1309851"/>
                                    <a:pt x="1509101" y="1318881"/>
                                    <a:pt x="1501431" y="1329041"/>
                                  </a:cubicBezTo>
                                  <a:cubicBezTo>
                                    <a:pt x="1493709" y="1339125"/>
                                    <a:pt x="1482990" y="1352218"/>
                                    <a:pt x="1468157" y="1367039"/>
                                  </a:cubicBezTo>
                                  <a:cubicBezTo>
                                    <a:pt x="1455507" y="1379689"/>
                                    <a:pt x="1443925" y="1388909"/>
                                    <a:pt x="1434578" y="1395894"/>
                                  </a:cubicBezTo>
                                  <a:cubicBezTo>
                                    <a:pt x="1425167" y="1402802"/>
                                    <a:pt x="1416137" y="1407235"/>
                                    <a:pt x="1406104" y="1407540"/>
                                  </a:cubicBezTo>
                                  <a:cubicBezTo>
                                    <a:pt x="1397316" y="1409102"/>
                                    <a:pt x="1388782" y="1408162"/>
                                    <a:pt x="1380615" y="1404365"/>
                                  </a:cubicBezTo>
                                  <a:cubicBezTo>
                                    <a:pt x="1371713" y="1401304"/>
                                    <a:pt x="1361057" y="1395271"/>
                                    <a:pt x="1349284" y="1387854"/>
                                  </a:cubicBezTo>
                                  <a:cubicBezTo>
                                    <a:pt x="1198625" y="1295018"/>
                                    <a:pt x="1046656" y="1204238"/>
                                    <a:pt x="896009" y="1111401"/>
                                  </a:cubicBezTo>
                                  <a:cubicBezTo>
                                    <a:pt x="843913" y="1079753"/>
                                    <a:pt x="794942" y="1052334"/>
                                    <a:pt x="749209" y="1028533"/>
                                  </a:cubicBezTo>
                                  <a:cubicBezTo>
                                    <a:pt x="703604" y="1004734"/>
                                    <a:pt x="660055" y="988846"/>
                                    <a:pt x="619428" y="979003"/>
                                  </a:cubicBezTo>
                                  <a:cubicBezTo>
                                    <a:pt x="578737" y="969097"/>
                                    <a:pt x="541730" y="968475"/>
                                    <a:pt x="506589" y="974571"/>
                                  </a:cubicBezTo>
                                  <a:cubicBezTo>
                                    <a:pt x="472565" y="981925"/>
                                    <a:pt x="440104" y="1000314"/>
                                    <a:pt x="411135" y="1029283"/>
                                  </a:cubicBezTo>
                                  <a:cubicBezTo>
                                    <a:pt x="382662" y="1057756"/>
                                    <a:pt x="354189" y="1086229"/>
                                    <a:pt x="325715" y="1114703"/>
                                  </a:cubicBezTo>
                                  <a:cubicBezTo>
                                    <a:pt x="545463" y="1334464"/>
                                    <a:pt x="765161" y="1554149"/>
                                    <a:pt x="984845" y="1773846"/>
                                  </a:cubicBezTo>
                                  <a:cubicBezTo>
                                    <a:pt x="990827" y="1779827"/>
                                    <a:pt x="996059" y="1786546"/>
                                    <a:pt x="998625" y="1793594"/>
                                  </a:cubicBezTo>
                                  <a:cubicBezTo>
                                    <a:pt x="1001241" y="1800566"/>
                                    <a:pt x="1000987" y="1807793"/>
                                    <a:pt x="998929" y="1814714"/>
                                  </a:cubicBezTo>
                                  <a:cubicBezTo>
                                    <a:pt x="997495" y="1823503"/>
                                    <a:pt x="993761" y="1831846"/>
                                    <a:pt x="988020" y="1842439"/>
                                  </a:cubicBezTo>
                                  <a:cubicBezTo>
                                    <a:pt x="981048" y="1851785"/>
                                    <a:pt x="971828" y="1863381"/>
                                    <a:pt x="959242" y="1875966"/>
                                  </a:cubicBezTo>
                                  <a:cubicBezTo>
                                    <a:pt x="946593" y="1888616"/>
                                    <a:pt x="935747" y="1897087"/>
                                    <a:pt x="926400" y="1904059"/>
                                  </a:cubicBezTo>
                                  <a:cubicBezTo>
                                    <a:pt x="915808" y="1909799"/>
                                    <a:pt x="906778" y="1914219"/>
                                    <a:pt x="897927" y="1915717"/>
                                  </a:cubicBezTo>
                                  <a:cubicBezTo>
                                    <a:pt x="890332" y="1918460"/>
                                    <a:pt x="883791" y="1918016"/>
                                    <a:pt x="876807" y="1915400"/>
                                  </a:cubicBezTo>
                                  <a:cubicBezTo>
                                    <a:pt x="869834" y="1912784"/>
                                    <a:pt x="863040" y="1907615"/>
                                    <a:pt x="857058" y="1901633"/>
                                  </a:cubicBezTo>
                                  <a:lnTo>
                                    <a:pt x="0" y="1044575"/>
                                  </a:lnTo>
                                  <a:lnTo>
                                    <a:pt x="0" y="788988"/>
                                  </a:lnTo>
                                  <a:lnTo>
                                    <a:pt x="159485" y="948473"/>
                                  </a:lnTo>
                                  <a:cubicBezTo>
                                    <a:pt x="201103" y="906855"/>
                                    <a:pt x="242721" y="865237"/>
                                    <a:pt x="284275" y="823670"/>
                                  </a:cubicBezTo>
                                  <a:cubicBezTo>
                                    <a:pt x="317740" y="790218"/>
                                    <a:pt x="340600" y="753388"/>
                                    <a:pt x="351572" y="715631"/>
                                  </a:cubicBezTo>
                                  <a:cubicBezTo>
                                    <a:pt x="362660" y="677874"/>
                                    <a:pt x="365530" y="639863"/>
                                    <a:pt x="357491" y="599680"/>
                                  </a:cubicBezTo>
                                  <a:cubicBezTo>
                                    <a:pt x="350760" y="560678"/>
                                    <a:pt x="335748" y="521118"/>
                                    <a:pt x="311453" y="480744"/>
                                  </a:cubicBezTo>
                                  <a:cubicBezTo>
                                    <a:pt x="286396" y="441108"/>
                                    <a:pt x="255497" y="402601"/>
                                    <a:pt x="218426" y="365530"/>
                                  </a:cubicBezTo>
                                  <a:cubicBezTo>
                                    <a:pt x="157428" y="304532"/>
                                    <a:pt x="97737" y="261669"/>
                                    <a:pt x="38924" y="236498"/>
                                  </a:cubicBezTo>
                                  <a:lnTo>
                                    <a:pt x="0" y="223799"/>
                                  </a:lnTo>
                                  <a:lnTo>
                                    <a:pt x="0" y="0"/>
                                  </a:lnTo>
                                  <a:close/>
                                </a:path>
                              </a:pathLst>
                            </a:custGeom>
                            <a:solidFill>
                              <a:srgbClr val="C0C0C0">
                                <a:alpha val="49803"/>
                              </a:srgbClr>
                            </a:solidFill>
                            <a:ln>
                              <a:noFill/>
                            </a:ln>
                          </wps:spPr>
                          <wps:txbx>
                            <w:txbxContent>
                              <w:p w14:paraId="5D1CB1D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19" name="Freeform: Shape 117419"/>
                          <wps:cNvSpPr/>
                          <wps:spPr>
                            <a:xfrm>
                              <a:off x="2390889" y="1786690"/>
                              <a:ext cx="734403" cy="1318044"/>
                            </a:xfrm>
                            <a:custGeom>
                              <a:avLst/>
                              <a:gdLst/>
                              <a:ahLst/>
                              <a:cxnLst/>
                              <a:rect l="l" t="t" r="r" b="b"/>
                              <a:pathLst>
                                <a:path w="734403" h="1318044" extrusionOk="0">
                                  <a:moveTo>
                                    <a:pt x="143118" y="343"/>
                                  </a:moveTo>
                                  <a:cubicBezTo>
                                    <a:pt x="147619" y="0"/>
                                    <a:pt x="152025" y="327"/>
                                    <a:pt x="156820" y="1508"/>
                                  </a:cubicBezTo>
                                  <a:cubicBezTo>
                                    <a:pt x="166548" y="3870"/>
                                    <a:pt x="177203" y="9916"/>
                                    <a:pt x="187732" y="16088"/>
                                  </a:cubicBezTo>
                                  <a:lnTo>
                                    <a:pt x="734403" y="362456"/>
                                  </a:lnTo>
                                  <a:lnTo>
                                    <a:pt x="734403" y="577667"/>
                                  </a:lnTo>
                                  <a:lnTo>
                                    <a:pt x="265049" y="276095"/>
                                  </a:lnTo>
                                  <a:cubicBezTo>
                                    <a:pt x="264795" y="276336"/>
                                    <a:pt x="264554" y="276590"/>
                                    <a:pt x="264300" y="276844"/>
                                  </a:cubicBezTo>
                                  <a:cubicBezTo>
                                    <a:pt x="365894" y="432641"/>
                                    <a:pt x="466550" y="589061"/>
                                    <a:pt x="567214" y="745472"/>
                                  </a:cubicBezTo>
                                  <a:lnTo>
                                    <a:pt x="734403" y="1004067"/>
                                  </a:lnTo>
                                  <a:lnTo>
                                    <a:pt x="734403" y="1318044"/>
                                  </a:lnTo>
                                  <a:lnTo>
                                    <a:pt x="574148" y="1065135"/>
                                  </a:lnTo>
                                  <a:cubicBezTo>
                                    <a:pt x="388880" y="771360"/>
                                    <a:pt x="203613" y="477586"/>
                                    <a:pt x="16447" y="184998"/>
                                  </a:cubicBezTo>
                                  <a:cubicBezTo>
                                    <a:pt x="10224" y="174406"/>
                                    <a:pt x="5423" y="164995"/>
                                    <a:pt x="3048" y="155280"/>
                                  </a:cubicBezTo>
                                  <a:cubicBezTo>
                                    <a:pt x="0" y="146377"/>
                                    <a:pt x="1054" y="138338"/>
                                    <a:pt x="4051" y="127988"/>
                                  </a:cubicBezTo>
                                  <a:cubicBezTo>
                                    <a:pt x="6287" y="118526"/>
                                    <a:pt x="12217" y="107985"/>
                                    <a:pt x="20625" y="97088"/>
                                  </a:cubicBezTo>
                                  <a:cubicBezTo>
                                    <a:pt x="29032" y="86179"/>
                                    <a:pt x="40996" y="74343"/>
                                    <a:pt x="55829" y="59522"/>
                                  </a:cubicBezTo>
                                  <a:cubicBezTo>
                                    <a:pt x="71463" y="43875"/>
                                    <a:pt x="84735" y="30477"/>
                                    <a:pt x="96393" y="21320"/>
                                  </a:cubicBezTo>
                                  <a:cubicBezTo>
                                    <a:pt x="108039" y="12164"/>
                                    <a:pt x="118567" y="6245"/>
                                    <a:pt x="128854" y="3197"/>
                                  </a:cubicBezTo>
                                  <a:cubicBezTo>
                                    <a:pt x="134023" y="1698"/>
                                    <a:pt x="138617" y="686"/>
                                    <a:pt x="143118" y="343"/>
                                  </a:cubicBezTo>
                                  <a:close/>
                                </a:path>
                              </a:pathLst>
                            </a:custGeom>
                            <a:solidFill>
                              <a:srgbClr val="C0C0C0">
                                <a:alpha val="49803"/>
                              </a:srgbClr>
                            </a:solidFill>
                            <a:ln>
                              <a:noFill/>
                            </a:ln>
                          </wps:spPr>
                          <wps:txbx>
                            <w:txbxContent>
                              <w:p w14:paraId="7F25B6D0"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20" name="Freeform: Shape 117420"/>
                          <wps:cNvSpPr/>
                          <wps:spPr>
                            <a:xfrm>
                              <a:off x="3125292" y="2149147"/>
                              <a:ext cx="1283754" cy="1652916"/>
                            </a:xfrm>
                            <a:custGeom>
                              <a:avLst/>
                              <a:gdLst/>
                              <a:ahLst/>
                              <a:cxnLst/>
                              <a:rect l="l" t="t" r="r" b="b"/>
                              <a:pathLst>
                                <a:path w="1283754" h="1652916" extrusionOk="0">
                                  <a:moveTo>
                                    <a:pt x="0" y="0"/>
                                  </a:moveTo>
                                  <a:lnTo>
                                    <a:pt x="333496" y="211301"/>
                                  </a:lnTo>
                                  <a:cubicBezTo>
                                    <a:pt x="627269" y="396569"/>
                                    <a:pt x="921042" y="581837"/>
                                    <a:pt x="1213663" y="768971"/>
                                  </a:cubicBezTo>
                                  <a:cubicBezTo>
                                    <a:pt x="1235215" y="783296"/>
                                    <a:pt x="1250671" y="794142"/>
                                    <a:pt x="1262202" y="804175"/>
                                  </a:cubicBezTo>
                                  <a:cubicBezTo>
                                    <a:pt x="1272984" y="814958"/>
                                    <a:pt x="1278953" y="825549"/>
                                    <a:pt x="1281392" y="835201"/>
                                  </a:cubicBezTo>
                                  <a:cubicBezTo>
                                    <a:pt x="1283754" y="844917"/>
                                    <a:pt x="1280516" y="855140"/>
                                    <a:pt x="1272794" y="865364"/>
                                  </a:cubicBezTo>
                                  <a:cubicBezTo>
                                    <a:pt x="1264374" y="876133"/>
                                    <a:pt x="1253668" y="889227"/>
                                    <a:pt x="1238021" y="904861"/>
                                  </a:cubicBezTo>
                                  <a:cubicBezTo>
                                    <a:pt x="1222451" y="920444"/>
                                    <a:pt x="1210615" y="932395"/>
                                    <a:pt x="1200455" y="940065"/>
                                  </a:cubicBezTo>
                                  <a:cubicBezTo>
                                    <a:pt x="1189546" y="948473"/>
                                    <a:pt x="1180516" y="952905"/>
                                    <a:pt x="1172477" y="953705"/>
                                  </a:cubicBezTo>
                                  <a:cubicBezTo>
                                    <a:pt x="1164882" y="956448"/>
                                    <a:pt x="1158265" y="955953"/>
                                    <a:pt x="1151293" y="953337"/>
                                  </a:cubicBezTo>
                                  <a:cubicBezTo>
                                    <a:pt x="1144321" y="950721"/>
                                    <a:pt x="1136028" y="947038"/>
                                    <a:pt x="1126681" y="942059"/>
                                  </a:cubicBezTo>
                                  <a:cubicBezTo>
                                    <a:pt x="973976" y="843304"/>
                                    <a:pt x="820077" y="746479"/>
                                    <a:pt x="667360" y="647724"/>
                                  </a:cubicBezTo>
                                  <a:cubicBezTo>
                                    <a:pt x="534149" y="780934"/>
                                    <a:pt x="400876" y="914208"/>
                                    <a:pt x="267665" y="1047418"/>
                                  </a:cubicBezTo>
                                  <a:cubicBezTo>
                                    <a:pt x="366039" y="1197266"/>
                                    <a:pt x="462559" y="1348358"/>
                                    <a:pt x="560934" y="1498205"/>
                                  </a:cubicBezTo>
                                  <a:cubicBezTo>
                                    <a:pt x="566738" y="1506866"/>
                                    <a:pt x="570344" y="1515096"/>
                                    <a:pt x="572960" y="1522068"/>
                                  </a:cubicBezTo>
                                  <a:cubicBezTo>
                                    <a:pt x="576707" y="1530298"/>
                                    <a:pt x="576516" y="1537588"/>
                                    <a:pt x="575704" y="1545627"/>
                                  </a:cubicBezTo>
                                  <a:cubicBezTo>
                                    <a:pt x="575399" y="1555647"/>
                                    <a:pt x="570967" y="1564689"/>
                                    <a:pt x="564058" y="1574100"/>
                                  </a:cubicBezTo>
                                  <a:cubicBezTo>
                                    <a:pt x="556323" y="1584184"/>
                                    <a:pt x="546354" y="1596528"/>
                                    <a:pt x="532219" y="1610676"/>
                                  </a:cubicBezTo>
                                  <a:cubicBezTo>
                                    <a:pt x="518135" y="1624748"/>
                                    <a:pt x="505054" y="1635467"/>
                                    <a:pt x="494957" y="1643188"/>
                                  </a:cubicBezTo>
                                  <a:cubicBezTo>
                                    <a:pt x="482867" y="1650427"/>
                                    <a:pt x="473278" y="1652916"/>
                                    <a:pt x="463677" y="1650542"/>
                                  </a:cubicBezTo>
                                  <a:cubicBezTo>
                                    <a:pt x="453961" y="1648179"/>
                                    <a:pt x="443370" y="1642070"/>
                                    <a:pt x="433337" y="1630666"/>
                                  </a:cubicBezTo>
                                  <a:cubicBezTo>
                                    <a:pt x="422554" y="1619897"/>
                                    <a:pt x="411709" y="1604441"/>
                                    <a:pt x="397446" y="1582825"/>
                                  </a:cubicBezTo>
                                  <a:lnTo>
                                    <a:pt x="0" y="955588"/>
                                  </a:lnTo>
                                  <a:lnTo>
                                    <a:pt x="0" y="641610"/>
                                  </a:lnTo>
                                  <a:lnTo>
                                    <a:pt x="135763" y="851597"/>
                                  </a:lnTo>
                                  <a:cubicBezTo>
                                    <a:pt x="247167" y="740193"/>
                                    <a:pt x="358635" y="628725"/>
                                    <a:pt x="470103" y="517257"/>
                                  </a:cubicBezTo>
                                  <a:cubicBezTo>
                                    <a:pt x="313963" y="416006"/>
                                    <a:pt x="157185" y="315740"/>
                                    <a:pt x="398" y="215467"/>
                                  </a:cubicBezTo>
                                  <a:lnTo>
                                    <a:pt x="0" y="215211"/>
                                  </a:lnTo>
                                  <a:lnTo>
                                    <a:pt x="0" y="0"/>
                                  </a:lnTo>
                                  <a:close/>
                                </a:path>
                              </a:pathLst>
                            </a:custGeom>
                            <a:solidFill>
                              <a:srgbClr val="C0C0C0">
                                <a:alpha val="49803"/>
                              </a:srgbClr>
                            </a:solidFill>
                            <a:ln>
                              <a:noFill/>
                            </a:ln>
                          </wps:spPr>
                          <wps:txbx>
                            <w:txbxContent>
                              <w:p w14:paraId="7FA5A988"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23" name="Freeform: Shape 117423"/>
                          <wps:cNvSpPr/>
                          <wps:spPr>
                            <a:xfrm>
                              <a:off x="3055515" y="797215"/>
                              <a:ext cx="1630426" cy="2019160"/>
                            </a:xfrm>
                            <a:custGeom>
                              <a:avLst/>
                              <a:gdLst/>
                              <a:ahLst/>
                              <a:cxnLst/>
                              <a:rect l="l" t="t" r="r" b="b"/>
                              <a:pathLst>
                                <a:path w="1630426" h="2019160" extrusionOk="0">
                                  <a:moveTo>
                                    <a:pt x="464122" y="0"/>
                                  </a:moveTo>
                                  <a:cubicBezTo>
                                    <a:pt x="470662" y="686"/>
                                    <a:pt x="478447" y="2362"/>
                                    <a:pt x="487794" y="7353"/>
                                  </a:cubicBezTo>
                                  <a:cubicBezTo>
                                    <a:pt x="497269" y="12332"/>
                                    <a:pt x="509041" y="19621"/>
                                    <a:pt x="520573" y="29655"/>
                                  </a:cubicBezTo>
                                  <a:cubicBezTo>
                                    <a:pt x="533273" y="40869"/>
                                    <a:pt x="547167" y="53264"/>
                                    <a:pt x="562750" y="68847"/>
                                  </a:cubicBezTo>
                                  <a:cubicBezTo>
                                    <a:pt x="578269" y="84366"/>
                                    <a:pt x="590664" y="98260"/>
                                    <a:pt x="600697" y="109779"/>
                                  </a:cubicBezTo>
                                  <a:cubicBezTo>
                                    <a:pt x="610731" y="121310"/>
                                    <a:pt x="618020" y="133084"/>
                                    <a:pt x="621818" y="141376"/>
                                  </a:cubicBezTo>
                                  <a:cubicBezTo>
                                    <a:pt x="626796" y="150711"/>
                                    <a:pt x="628485" y="158509"/>
                                    <a:pt x="629171" y="165049"/>
                                  </a:cubicBezTo>
                                  <a:cubicBezTo>
                                    <a:pt x="629107" y="172339"/>
                                    <a:pt x="627304" y="176517"/>
                                    <a:pt x="623557" y="180251"/>
                                  </a:cubicBezTo>
                                  <a:cubicBezTo>
                                    <a:pt x="506171" y="297637"/>
                                    <a:pt x="388785" y="415023"/>
                                    <a:pt x="271399" y="532410"/>
                                  </a:cubicBezTo>
                                  <a:cubicBezTo>
                                    <a:pt x="446862" y="707860"/>
                                    <a:pt x="622313" y="883310"/>
                                    <a:pt x="797700" y="1058710"/>
                                  </a:cubicBezTo>
                                  <a:cubicBezTo>
                                    <a:pt x="908672" y="947738"/>
                                    <a:pt x="1019645" y="836765"/>
                                    <a:pt x="1130542" y="725869"/>
                                  </a:cubicBezTo>
                                  <a:cubicBezTo>
                                    <a:pt x="1134288" y="722122"/>
                                    <a:pt x="1138453" y="720319"/>
                                    <a:pt x="1144562" y="719074"/>
                                  </a:cubicBezTo>
                                  <a:cubicBezTo>
                                    <a:pt x="1151103" y="719760"/>
                                    <a:pt x="1158888" y="721436"/>
                                    <a:pt x="1167054" y="725246"/>
                                  </a:cubicBezTo>
                                  <a:cubicBezTo>
                                    <a:pt x="1175347" y="729044"/>
                                    <a:pt x="1185939" y="735152"/>
                                    <a:pt x="1197458" y="745185"/>
                                  </a:cubicBezTo>
                                  <a:cubicBezTo>
                                    <a:pt x="1208926" y="755142"/>
                                    <a:pt x="1224064" y="768795"/>
                                    <a:pt x="1240765" y="785495"/>
                                  </a:cubicBezTo>
                                  <a:cubicBezTo>
                                    <a:pt x="1256335" y="801065"/>
                                    <a:pt x="1267562" y="813778"/>
                                    <a:pt x="1277582" y="825310"/>
                                  </a:cubicBezTo>
                                  <a:cubicBezTo>
                                    <a:pt x="1287615" y="836829"/>
                                    <a:pt x="1294905" y="848602"/>
                                    <a:pt x="1298651" y="856831"/>
                                  </a:cubicBezTo>
                                  <a:cubicBezTo>
                                    <a:pt x="1303693" y="866242"/>
                                    <a:pt x="1305370" y="874027"/>
                                    <a:pt x="1306056" y="880567"/>
                                  </a:cubicBezTo>
                                  <a:cubicBezTo>
                                    <a:pt x="1306004" y="887857"/>
                                    <a:pt x="1305370" y="893217"/>
                                    <a:pt x="1301636" y="896963"/>
                                  </a:cubicBezTo>
                                  <a:cubicBezTo>
                                    <a:pt x="1190727" y="1007859"/>
                                    <a:pt x="1079767" y="1118832"/>
                                    <a:pt x="968794" y="1229805"/>
                                  </a:cubicBezTo>
                                  <a:cubicBezTo>
                                    <a:pt x="1183691" y="1444688"/>
                                    <a:pt x="1398588" y="1659585"/>
                                    <a:pt x="1613535" y="1874546"/>
                                  </a:cubicBezTo>
                                  <a:cubicBezTo>
                                    <a:pt x="1619517" y="1880527"/>
                                    <a:pt x="1623504" y="1886001"/>
                                    <a:pt x="1626121" y="1892986"/>
                                  </a:cubicBezTo>
                                  <a:cubicBezTo>
                                    <a:pt x="1629931" y="1901266"/>
                                    <a:pt x="1630426" y="1907756"/>
                                    <a:pt x="1627683" y="1915350"/>
                                  </a:cubicBezTo>
                                  <a:cubicBezTo>
                                    <a:pt x="1626184" y="1924203"/>
                                    <a:pt x="1622514" y="1932483"/>
                                    <a:pt x="1616774" y="1943075"/>
                                  </a:cubicBezTo>
                                  <a:cubicBezTo>
                                    <a:pt x="1609738" y="1952485"/>
                                    <a:pt x="1600517" y="1964081"/>
                                    <a:pt x="1587932" y="1976666"/>
                                  </a:cubicBezTo>
                                  <a:cubicBezTo>
                                    <a:pt x="1576032" y="1988566"/>
                                    <a:pt x="1564437" y="1997786"/>
                                    <a:pt x="1555090" y="2004759"/>
                                  </a:cubicBezTo>
                                  <a:cubicBezTo>
                                    <a:pt x="1544498" y="2010499"/>
                                    <a:pt x="1535468" y="2014919"/>
                                    <a:pt x="1526616" y="2016417"/>
                                  </a:cubicBezTo>
                                  <a:cubicBezTo>
                                    <a:pt x="1519022" y="2019160"/>
                                    <a:pt x="1512481" y="2018716"/>
                                    <a:pt x="1504252" y="2014855"/>
                                  </a:cubicBezTo>
                                  <a:cubicBezTo>
                                    <a:pt x="1497279" y="2012239"/>
                                    <a:pt x="1491730" y="2008314"/>
                                    <a:pt x="1485748" y="2002333"/>
                                  </a:cubicBezTo>
                                  <a:cubicBezTo>
                                    <a:pt x="1008050" y="1524635"/>
                                    <a:pt x="530403" y="1046988"/>
                                    <a:pt x="52705" y="569290"/>
                                  </a:cubicBezTo>
                                  <a:cubicBezTo>
                                    <a:pt x="21615" y="538201"/>
                                    <a:pt x="5537" y="511416"/>
                                    <a:pt x="2553" y="487858"/>
                                  </a:cubicBezTo>
                                  <a:cubicBezTo>
                                    <a:pt x="0" y="466243"/>
                                    <a:pt x="5423" y="449098"/>
                                    <a:pt x="16510" y="438010"/>
                                  </a:cubicBezTo>
                                  <a:cubicBezTo>
                                    <a:pt x="160681" y="293840"/>
                                    <a:pt x="304800" y="149721"/>
                                    <a:pt x="448920" y="5601"/>
                                  </a:cubicBezTo>
                                  <a:cubicBezTo>
                                    <a:pt x="452653" y="1867"/>
                                    <a:pt x="456832" y="64"/>
                                    <a:pt x="464122" y="0"/>
                                  </a:cubicBezTo>
                                  <a:close/>
                                </a:path>
                              </a:pathLst>
                            </a:custGeom>
                            <a:solidFill>
                              <a:srgbClr val="C0C0C0">
                                <a:alpha val="49803"/>
                              </a:srgbClr>
                            </a:solidFill>
                            <a:ln>
                              <a:noFill/>
                            </a:ln>
                          </wps:spPr>
                          <wps:txbx>
                            <w:txbxContent>
                              <w:p w14:paraId="07AF49F0"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24" name="Freeform: Shape 117424"/>
                          <wps:cNvSpPr/>
                          <wps:spPr>
                            <a:xfrm>
                              <a:off x="3625996" y="0"/>
                              <a:ext cx="1938096" cy="1938223"/>
                            </a:xfrm>
                            <a:custGeom>
                              <a:avLst/>
                              <a:gdLst/>
                              <a:ahLst/>
                              <a:cxnLst/>
                              <a:rect l="l" t="t" r="r" b="b"/>
                              <a:pathLst>
                                <a:path w="1938096" h="1938223" extrusionOk="0">
                                  <a:moveTo>
                                    <a:pt x="690855" y="0"/>
                                  </a:moveTo>
                                  <a:cubicBezTo>
                                    <a:pt x="697395" y="686"/>
                                    <a:pt x="705180" y="2362"/>
                                    <a:pt x="714528" y="7353"/>
                                  </a:cubicBezTo>
                                  <a:cubicBezTo>
                                    <a:pt x="723938" y="12395"/>
                                    <a:pt x="735025" y="20371"/>
                                    <a:pt x="746557" y="30404"/>
                                  </a:cubicBezTo>
                                  <a:cubicBezTo>
                                    <a:pt x="759206" y="41681"/>
                                    <a:pt x="773151" y="54013"/>
                                    <a:pt x="788734" y="69596"/>
                                  </a:cubicBezTo>
                                  <a:cubicBezTo>
                                    <a:pt x="804253" y="85115"/>
                                    <a:pt x="816585" y="99073"/>
                                    <a:pt x="826681" y="110528"/>
                                  </a:cubicBezTo>
                                  <a:cubicBezTo>
                                    <a:pt x="836714" y="122060"/>
                                    <a:pt x="844690" y="133147"/>
                                    <a:pt x="848551" y="141376"/>
                                  </a:cubicBezTo>
                                  <a:cubicBezTo>
                                    <a:pt x="853529" y="150724"/>
                                    <a:pt x="855218" y="158509"/>
                                    <a:pt x="855904" y="165049"/>
                                  </a:cubicBezTo>
                                  <a:cubicBezTo>
                                    <a:pt x="855840" y="172339"/>
                                    <a:pt x="853288" y="177267"/>
                                    <a:pt x="849541" y="181000"/>
                                  </a:cubicBezTo>
                                  <a:cubicBezTo>
                                    <a:pt x="759384" y="271158"/>
                                    <a:pt x="669290" y="361251"/>
                                    <a:pt x="579133" y="451409"/>
                                  </a:cubicBezTo>
                                  <a:cubicBezTo>
                                    <a:pt x="1026490" y="898766"/>
                                    <a:pt x="1473911" y="1346187"/>
                                    <a:pt x="1921269" y="1793545"/>
                                  </a:cubicBezTo>
                                  <a:cubicBezTo>
                                    <a:pt x="1927251" y="1799526"/>
                                    <a:pt x="1932419" y="1806321"/>
                                    <a:pt x="1935036" y="1813293"/>
                                  </a:cubicBezTo>
                                  <a:cubicBezTo>
                                    <a:pt x="1937652" y="1820278"/>
                                    <a:pt x="1938096" y="1826819"/>
                                    <a:pt x="1935353" y="1834413"/>
                                  </a:cubicBezTo>
                                  <a:cubicBezTo>
                                    <a:pt x="1933855" y="1843265"/>
                                    <a:pt x="1930184" y="1851559"/>
                                    <a:pt x="1924444" y="1862150"/>
                                  </a:cubicBezTo>
                                  <a:cubicBezTo>
                                    <a:pt x="1917471" y="1871498"/>
                                    <a:pt x="1908251" y="1883080"/>
                                    <a:pt x="1895602" y="1895729"/>
                                  </a:cubicBezTo>
                                  <a:cubicBezTo>
                                    <a:pt x="1883702" y="1907629"/>
                                    <a:pt x="1872107" y="1916849"/>
                                    <a:pt x="1862760" y="1923834"/>
                                  </a:cubicBezTo>
                                  <a:cubicBezTo>
                                    <a:pt x="1852168" y="1929562"/>
                                    <a:pt x="1843139" y="1933981"/>
                                    <a:pt x="1834287" y="1935480"/>
                                  </a:cubicBezTo>
                                  <a:cubicBezTo>
                                    <a:pt x="1826692" y="1938223"/>
                                    <a:pt x="1820202" y="1937728"/>
                                    <a:pt x="1813167" y="1935163"/>
                                  </a:cubicBezTo>
                                  <a:cubicBezTo>
                                    <a:pt x="1806194" y="1932546"/>
                                    <a:pt x="1799463" y="1927314"/>
                                    <a:pt x="1793481" y="1921332"/>
                                  </a:cubicBezTo>
                                  <a:cubicBezTo>
                                    <a:pt x="1346124" y="1473975"/>
                                    <a:pt x="898703" y="1026554"/>
                                    <a:pt x="451345" y="579196"/>
                                  </a:cubicBezTo>
                                  <a:cubicBezTo>
                                    <a:pt x="361188" y="669354"/>
                                    <a:pt x="271031" y="759511"/>
                                    <a:pt x="180873" y="849668"/>
                                  </a:cubicBezTo>
                                  <a:cubicBezTo>
                                    <a:pt x="177191" y="853351"/>
                                    <a:pt x="172276" y="855904"/>
                                    <a:pt x="165672" y="855282"/>
                                  </a:cubicBezTo>
                                  <a:cubicBezTo>
                                    <a:pt x="158382" y="855345"/>
                                    <a:pt x="151333" y="852919"/>
                                    <a:pt x="141986" y="847928"/>
                                  </a:cubicBezTo>
                                  <a:cubicBezTo>
                                    <a:pt x="133769" y="844067"/>
                                    <a:pt x="122682" y="836092"/>
                                    <a:pt x="111214" y="825995"/>
                                  </a:cubicBezTo>
                                  <a:cubicBezTo>
                                    <a:pt x="98933" y="816712"/>
                                    <a:pt x="85039" y="804316"/>
                                    <a:pt x="69533" y="788797"/>
                                  </a:cubicBezTo>
                                  <a:cubicBezTo>
                                    <a:pt x="53950" y="773227"/>
                                    <a:pt x="41554" y="759333"/>
                                    <a:pt x="31090" y="745871"/>
                                  </a:cubicBezTo>
                                  <a:cubicBezTo>
                                    <a:pt x="20993" y="734403"/>
                                    <a:pt x="13018" y="723316"/>
                                    <a:pt x="7976" y="713905"/>
                                  </a:cubicBezTo>
                                  <a:cubicBezTo>
                                    <a:pt x="2985" y="704558"/>
                                    <a:pt x="559" y="697522"/>
                                    <a:pt x="622" y="690232"/>
                                  </a:cubicBezTo>
                                  <a:cubicBezTo>
                                    <a:pt x="0" y="683628"/>
                                    <a:pt x="2553" y="678701"/>
                                    <a:pt x="6223" y="675030"/>
                                  </a:cubicBezTo>
                                  <a:cubicBezTo>
                                    <a:pt x="229159" y="452095"/>
                                    <a:pt x="452031" y="229222"/>
                                    <a:pt x="674903" y="6350"/>
                                  </a:cubicBezTo>
                                  <a:cubicBezTo>
                                    <a:pt x="678637" y="2616"/>
                                    <a:pt x="683565" y="63"/>
                                    <a:pt x="690855" y="0"/>
                                  </a:cubicBezTo>
                                  <a:close/>
                                </a:path>
                              </a:pathLst>
                            </a:custGeom>
                            <a:solidFill>
                              <a:srgbClr val="C0C0C0">
                                <a:alpha val="49803"/>
                              </a:srgbClr>
                            </a:solidFill>
                            <a:ln>
                              <a:noFill/>
                            </a:ln>
                          </wps:spPr>
                          <wps:txbx>
                            <w:txbxContent>
                              <w:p w14:paraId="1EB1F1A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25" name="Freeform: Shape 117425"/>
                          <wps:cNvSpPr/>
                          <wps:spPr>
                            <a:xfrm>
                              <a:off x="0" y="5727557"/>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anchor>
            </w:drawing>
          </mc:Choice>
          <mc:Fallback>
            <w:pict>
              <v:group w14:anchorId="1F30EC16" id="Group 117434" o:spid="_x0000_s1122" alt="P89#y1" style="position:absolute;left:0;text-align:left;margin-left:0;margin-top:-246pt;width:438.1pt;height:451.7pt;z-index:-251673600;mso-wrap-distance-left:0;mso-wrap-distance-right:0;mso-position-horizontal-relative:text;mso-position-vertical-relative:text" coordorigin="25639,9116" coordsize="55640,573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">
                <v:group id="Group 117413" o:spid="_x0000_s1123" style="position:absolute;left:25639;top:9116;width:55641;height:57367" coordsize="55640,5736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">
                  <v:rect id="Rectangle 117414" o:spid="_x0000_s1124" style="position:absolute;width:55640;height:57367;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" filled="f" stroked="f">
                    <v:textbox inset="2.53958mm,2.53958mm,2.53958mm,2.53958mm">
                      <w:txbxContent>
                        <w:p w14:paraId="13ECB0E7" w14:textId="77777777" w:rsidR="00CF54CB" w:rsidRDefault="00CF54CB">
                          <w:pPr>
                            <w:spacing w:after="0" w:line="240" w:lineRule="auto"/>
                            <w:ind w:left="0" w:firstLine="0"/>
                            <w:jc w:val="left"/>
                            <w:textDirection w:val="btLr"/>
                          </w:pPr>
                        </w:p>
                      </w:txbxContent>
                    </v:textbox>
                  </v:rect>
                  <v:shape id="Freeform: Shape 117415" o:spid="_x0000_s1125" style="position:absolute;left:4127;top:34844;width:10006;height:14727;visibility:visible;mso-wrap-style:square;v-text-anchor:middle" coordsize="1000596,147266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" adj="-11796480,,5400" path="m639526,592v49112,592,99671,7164,151506,20245c843153,34890,896506,53877,950816,78416r49780,24876l1000596,330497,954591,304878c913406,283927,872750,267167,832777,254238,772874,234893,715315,227570,659761,230085v-18518,838,-36813,2769,-54898,5713c532460,247507,463931,288134,397827,354238v-43306,43307,-86677,86677,-130035,130035l1000596,1217085r,255579l52705,524773c21615,493684,5537,466887,2553,443341,,421725,5410,404580,16574,393430,89090,320913,161684,248320,234201,175790,317449,92554,404609,37906,496697,16227,542747,5388,590414,,639526,592xe" fillcolor="silver" stroked="f">
                    <v:fill opacity="32639f"/>
                    <v:stroke joinstyle="miter"/>
                    <v:formulas/>
                    <v:path arrowok="t" o:extrusionok="f" o:connecttype="custom" textboxrect="0,0,1000596,1472664"/>
                    <v:textbox inset="2.53958mm,2.53958mm,2.53958mm,2.53958mm">
                      <w:txbxContent>
                        <w:p w14:paraId="3790C967" w14:textId="77777777" w:rsidR="00CF54CB" w:rsidRDefault="00CF54CB">
                          <w:pPr>
                            <w:spacing w:after="0" w:line="240" w:lineRule="auto"/>
                            <w:ind w:left="0" w:firstLine="0"/>
                            <w:jc w:val="left"/>
                            <w:textDirection w:val="btLr"/>
                          </w:pPr>
                        </w:p>
                      </w:txbxContent>
                    </v:textbox>
                  </v:shape>
                  <v:shape id="Freeform: Shape 117416" o:spid="_x0000_s1126" style="position:absolute;left:14133;top:35877;width:9593;height:18545;visibility:visible;mso-wrap-style:square;v-text-anchor:middle" coordsize="959243,185452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" adj="-11796480,,5400" path="m,l32368,16175v27599,15124,55404,31714,83379,49846c227583,138487,342785,233623,458863,349701,592822,483660,699172,611575,777366,732136v79451,121679,130035,235204,155956,341630c959243,1180179,957185,1280928,930833,1372953v-26366,91910,-81001,179069,-163437,261505c699553,1702302,631697,1770158,563841,1838013v-11151,11152,-28347,16511,-51092,12828c490384,1849038,463587,1832959,432497,1801870l,1369372,,1113793r471753,471758c515619,1541685,559485,1497819,603287,1454017v61684,-61684,101562,-124740,118199,-192342c738123,1194073,737247,1122051,713320,1042550,689520,963047,648651,877691,584656,786035,521918,695623,438047,597808,332751,492512,249020,408768,164400,337991,78980,277361,57936,262518,36986,248812,16149,236197l,227205,,xe" fillcolor="silver" stroked="f">
                    <v:fill opacity="32639f"/>
                    <v:stroke joinstyle="miter"/>
                    <v:formulas/>
                    <v:path arrowok="t" o:extrusionok="f" o:connecttype="custom" textboxrect="0,0,959243,1854524"/>
                    <v:textbox inset="2.53958mm,2.53958mm,2.53958mm,2.53958mm">
                      <w:txbxContent>
                        <w:p w14:paraId="221B191A" w14:textId="77777777" w:rsidR="00CF54CB" w:rsidRDefault="00CF54CB">
                          <w:pPr>
                            <w:spacing w:after="0" w:line="240" w:lineRule="auto"/>
                            <w:ind w:left="0" w:firstLine="0"/>
                            <w:jc w:val="left"/>
                            <w:textDirection w:val="btLr"/>
                          </w:pPr>
                        </w:p>
                      </w:txbxContent>
                    </v:textbox>
                  </v:shape>
                  <v:shape id="Freeform: Shape 117417" o:spid="_x0000_s1127" style="position:absolute;left:13489;top:25902;width:6287;height:10588;visibility:visible;mso-wrap-style:square;v-text-anchor:middle" coordsize="628690,1058861"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" adj="-11796480,,5400" path="m559321,2040v12976,1020,26046,2690,39244,5095l628690,14286r,223798l623625,236432v-14620,-3289,-29196,-5096,-43729,-5462c550831,230238,521938,235271,493217,245742v-18694,6477,-35585,16510,-53581,29654c421627,288541,399631,308175,374332,333461v-35890,35890,-71843,71843,-107721,107733l628690,803273r,255588l52705,482876c21615,451786,5537,424990,2553,401444,,379828,5359,362747,16510,351596,84607,283499,152705,215401,220815,147291v24549,-24549,45796,-43421,63297,-58560c302247,75574,319316,62989,334454,52841,382499,26730,430479,8785,482308,3058,507791,562,533368,,559321,2040xe" fillcolor="silver" stroked="f">
                    <v:fill opacity="32639f"/>
                    <v:stroke joinstyle="miter"/>
                    <v:formulas/>
                    <v:path arrowok="t" o:extrusionok="f" o:connecttype="custom" textboxrect="0,0,628690,1058861"/>
                    <v:textbox inset="2.53958mm,2.53958mm,2.53958mm,2.53958mm">
                      <w:txbxContent>
                        <w:p w14:paraId="576EBDCD" w14:textId="77777777" w:rsidR="00CF54CB" w:rsidRDefault="00CF54CB">
                          <w:pPr>
                            <w:spacing w:after="0" w:line="240" w:lineRule="auto"/>
                            <w:ind w:left="0" w:firstLine="0"/>
                            <w:jc w:val="left"/>
                            <w:textDirection w:val="btLr"/>
                          </w:pPr>
                        </w:p>
                      </w:txbxContent>
                    </v:textbox>
                  </v:shape>
                  <v:shape id="Freeform: Shape 117418" o:spid="_x0000_s1128" style="position:absolute;left:19776;top:26044;width:15165;height:19185;visibility:visible;mso-wrap-style:square;v-text-anchor:middle" coordsize="1516569,19184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" adj="-11796480,,5400" path="m,l9892,2348c63714,18172,117118,40918,170890,75742v53771,34835,107480,79197,161302,133032c383602,260171,425652,311453,458303,360171v33147,50596,55830,99440,70968,146735c545590,555382,552944,602359,553134,648156v127,45733,-5613,91211,-17945,135077c561542,778687,590764,777632,620114,782052v30531,5601,63678,12713,98628,25857c753692,820927,791831,837500,832445,859179v40628,21692,85992,45491,135027,75578c1109470,1020304,1252587,1103857,1394522,1189468v35382,22187,60249,37821,73203,46418c1481872,1245666,1492274,1254454,1498256,1260436v5981,5981,11150,12776,14516,18999c1516137,1285670,1516569,1292211,1515083,1301063v-1562,8788,-5982,17818,-13652,27978c1493709,1339125,1482990,1352218,1468157,1367039v-12650,12650,-24232,21870,-33579,28855c1425167,1402802,1416137,1407235,1406104,1407540v-8788,1562,-17322,622,-25489,-3175c1371713,1401304,1361057,1395271,1349284,1387854,1198625,1295018,1046656,1204238,896009,1111401v-52096,-31648,-101067,-59067,-146800,-82868c703604,1004734,660055,988846,619428,979003v-40691,-9906,-77698,-10528,-112839,-4432c472565,981925,440104,1000314,411135,1029283v-28473,28473,-56946,56946,-85420,85420c545463,1334464,765161,1554149,984845,1773846v5982,5981,11214,12700,13780,19748c1001241,1800566,1000987,1807793,998929,1814714v-1434,8789,-5168,17132,-10909,27725c981048,1851785,971828,1863381,959242,1875966v-12649,12650,-23495,21121,-32842,28093c915808,1909799,906778,1914219,897927,1915717v-7595,2743,-14136,2299,-21120,-317c869834,1912784,863040,1907615,857058,1901633l,1044575,,788988,159485,948473v41618,-41618,83236,-83236,124790,-124803c317740,790218,340600,753388,351572,715631v11088,-37757,13958,-75768,5919,-115951c350760,560678,335748,521118,311453,480744,286396,441108,255497,402601,218426,365530,157428,304532,97737,261669,38924,236498l,223799,,xe" fillcolor="silver" stroked="f">
                    <v:fill opacity="32639f"/>
                    <v:stroke joinstyle="miter"/>
                    <v:formulas/>
                    <v:path arrowok="t" o:extrusionok="f" o:connecttype="custom" textboxrect="0,0,1516569,1918460"/>
                    <v:textbox inset="2.53958mm,2.53958mm,2.53958mm,2.53958mm">
                      <w:txbxContent>
                        <w:p w14:paraId="5D1CB1D6" w14:textId="77777777" w:rsidR="00CF54CB" w:rsidRDefault="00CF54CB">
                          <w:pPr>
                            <w:spacing w:after="0" w:line="240" w:lineRule="auto"/>
                            <w:ind w:left="0" w:firstLine="0"/>
                            <w:jc w:val="left"/>
                            <w:textDirection w:val="btLr"/>
                          </w:pPr>
                        </w:p>
                      </w:txbxContent>
                    </v:textbox>
                  </v:shape>
                  <v:shape id="Freeform: Shape 117419" o:spid="_x0000_s1129" style="position:absolute;left:23908;top:17866;width:7344;height:13181;visibility:visible;mso-wrap-style:square;v-text-anchor:middle" coordsize="734403,131804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" adj="-11796480,,5400" path="m143118,343v4501,-343,8907,-16,13702,1165c166548,3870,177203,9916,187732,16088l734403,362456r,215211l265049,276095v-254,241,-495,495,-749,749c365894,432641,466550,589061,567214,745472r167189,258595l734403,1318044,574148,1065135c388880,771360,203613,477586,16447,184998,10224,174406,5423,164995,3048,155280,,146377,1054,138338,4051,127988v2236,-9462,8166,-20003,16574,-30900c29032,86179,40996,74343,55829,59522,71463,43875,84735,30477,96393,21320,108039,12164,118567,6245,128854,3197,134023,1698,138617,686,143118,343xe" fillcolor="silver" stroked="f">
                    <v:fill opacity="32639f"/>
                    <v:stroke joinstyle="miter"/>
                    <v:formulas/>
                    <v:path arrowok="t" o:extrusionok="f" o:connecttype="custom" textboxrect="0,0,734403,1318044"/>
                    <v:textbox inset="2.53958mm,2.53958mm,2.53958mm,2.53958mm">
                      <w:txbxContent>
                        <w:p w14:paraId="7F25B6D0" w14:textId="77777777" w:rsidR="00CF54CB" w:rsidRDefault="00CF54CB">
                          <w:pPr>
                            <w:spacing w:after="0" w:line="240" w:lineRule="auto"/>
                            <w:ind w:left="0" w:firstLine="0"/>
                            <w:jc w:val="left"/>
                            <w:textDirection w:val="btLr"/>
                          </w:pPr>
                        </w:p>
                      </w:txbxContent>
                    </v:textbox>
                  </v:shape>
                  <v:shape id="Freeform: Shape 117420" o:spid="_x0000_s1130" style="position:absolute;left:31252;top:21491;width:12838;height:16529;visibility:visible;mso-wrap-style:square;v-text-anchor:middle" coordsize="1283754,165291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" adj="-11796480,,5400" path="m,l333496,211301v293773,185268,587546,370536,880167,557670c1235215,783296,1250671,794142,1262202,804175v10782,10783,16751,21374,19190,31026c1283754,844917,1280516,855140,1272794,865364v-8420,10769,-19126,23863,-34773,39497c1222451,920444,1210615,932395,1200455,940065v-10909,8408,-19939,12840,-27978,13640c1164882,956448,1158265,955953,1151293,953337v-6972,-2616,-15265,-6299,-24612,-11278c973976,843304,820077,746479,667360,647724,534149,780934,400876,914208,267665,1047418v98374,149848,194894,300940,293269,450787c566738,1506866,570344,1515096,572960,1522068v3747,8230,3556,15520,2744,23559c575399,1555647,570967,1564689,564058,1574100v-7735,10084,-17704,22428,-31839,36576c518135,1624748,505054,1635467,494957,1643188v-12090,7239,-21679,9728,-31280,7354c453961,1648179,443370,1642070,433337,1630666v-10783,-10769,-21628,-26225,-35891,-47841l,955588,,641610,135763,851597c247167,740193,358635,628725,470103,517257,313963,416006,157185,315740,398,215467l,215211,,xe" fillcolor="silver" stroked="f">
                    <v:fill opacity="32639f"/>
                    <v:stroke joinstyle="miter"/>
                    <v:formulas/>
                    <v:path arrowok="t" o:extrusionok="f" o:connecttype="custom" textboxrect="0,0,1283754,1652916"/>
                    <v:textbox inset="2.53958mm,2.53958mm,2.53958mm,2.53958mm">
                      <w:txbxContent>
                        <w:p w14:paraId="7FA5A988" w14:textId="77777777" w:rsidR="00CF54CB" w:rsidRDefault="00CF54CB">
                          <w:pPr>
                            <w:spacing w:after="0" w:line="240" w:lineRule="auto"/>
                            <w:ind w:left="0" w:firstLine="0"/>
                            <w:jc w:val="left"/>
                            <w:textDirection w:val="btLr"/>
                          </w:pPr>
                        </w:p>
                      </w:txbxContent>
                    </v:textbox>
                  </v:shape>
                  <v:shape id="Freeform: Shape 117423" o:spid="_x0000_s1131" style="position:absolute;left:30555;top:7972;width:16304;height:20191;visibility:visible;mso-wrap-style:square;v-text-anchor:middle" coordsize="1630426,20191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" adj="-11796480,,5400" path="m464122,v6540,686,14325,2362,23672,7353c497269,12332,509041,19621,520573,29655v12700,11214,26594,23609,42177,39192c578269,84366,590664,98260,600697,109779v10034,11531,17323,23305,21121,31597c626796,150711,628485,158509,629171,165049v-64,7290,-1867,11468,-5614,15202c506171,297637,388785,415023,271399,532410v175463,175450,350914,350900,526301,526300c908672,947738,1019645,836765,1130542,725869v3746,-3747,7911,-5550,14020,-6795c1151103,719760,1158888,721436,1167054,725246v8293,3798,18885,9906,30404,19939c1208926,755142,1224064,768795,1240765,785495v15570,15570,26797,28283,36817,39815c1287615,836829,1294905,848602,1298651,856831v5042,9411,6719,17196,7405,23736c1306004,887857,1305370,893217,1301636,896963v-110909,110896,-221869,221869,-332842,332842c1183691,1444688,1398588,1659585,1613535,1874546v5982,5981,9969,11455,12586,18440c1629931,1901266,1630426,1907756,1627683,1915350v-1499,8853,-5169,17133,-10909,27725c1609738,1952485,1600517,1964081,1587932,1976666v-11900,11900,-23495,21120,-32842,28093c1544498,2010499,1535468,2014919,1526616,2016417v-7594,2743,-14135,2299,-22364,-1562c1497279,2012239,1491730,2008314,1485748,2002333,1008050,1524635,530403,1046988,52705,569290,21615,538201,5537,511416,2553,487858,,466243,5423,449098,16510,438010,160681,293840,304800,149721,448920,5601,452653,1867,456832,64,464122,xe" fillcolor="silver" stroked="f">
                    <v:fill opacity="32639f"/>
                    <v:stroke joinstyle="miter"/>
                    <v:formulas/>
                    <v:path arrowok="t" o:extrusionok="f" o:connecttype="custom" textboxrect="0,0,1630426,2019160"/>
                    <v:textbox inset="2.53958mm,2.53958mm,2.53958mm,2.53958mm">
                      <w:txbxContent>
                        <w:p w14:paraId="07AF49F0" w14:textId="77777777" w:rsidR="00CF54CB" w:rsidRDefault="00CF54CB">
                          <w:pPr>
                            <w:spacing w:after="0" w:line="240" w:lineRule="auto"/>
                            <w:ind w:left="0" w:firstLine="0"/>
                            <w:jc w:val="left"/>
                            <w:textDirection w:val="btLr"/>
                          </w:pPr>
                        </w:p>
                      </w:txbxContent>
                    </v:textbox>
                  </v:shape>
                  <v:shape id="Freeform: Shape 117424" o:spid="_x0000_s1132" style="position:absolute;left:36259;width:19381;height:19382;visibility:visible;mso-wrap-style:square;v-text-anchor:middle" coordsize="1938096,193822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" adj="-11796480,,5400" path="m690855,v6540,686,14325,2362,23673,7353c723938,12395,735025,20371,746557,30404v12649,11277,26594,23609,42177,39192c804253,85115,816585,99073,826681,110528v10033,11532,18009,22619,21870,30848c853529,150724,855218,158509,855904,165049v-64,7290,-2616,12218,-6363,15951c759384,271158,669290,361251,579133,451409v447357,447357,894778,894778,1342136,1342136c1927251,1799526,1932419,1806321,1935036,1813293v2616,6985,3060,13526,317,21120c1933855,1843265,1930184,1851559,1924444,1862150v-6973,9348,-16193,20930,-28842,33579c1883702,1907629,1872107,1916849,1862760,1923834v-10592,5728,-19621,10147,-28473,11646c1826692,1938223,1820202,1937728,1813167,1935163v-6973,-2617,-13704,-7849,-19686,-13831c1346124,1473975,898703,1026554,451345,579196,361188,669354,271031,759511,180873,849668v-3682,3683,-8597,6236,-15201,5614c158382,855345,151333,852919,141986,847928v-8217,-3861,-19304,-11836,-30772,-21933c98933,816712,85039,804316,69533,788797,53950,773227,41554,759333,31090,745871,20993,734403,13018,723316,7976,713905,2985,704558,559,697522,622,690232,,683628,2553,678701,6223,675030,229159,452095,452031,229222,674903,6350,678637,2616,683565,63,690855,xe" fillcolor="silver" stroked="f">
                    <v:fill opacity="32639f"/>
                    <v:stroke joinstyle="miter"/>
                    <v:formulas/>
                    <v:path arrowok="t" o:extrusionok="f" o:connecttype="custom" textboxrect="0,0,1938096,1938223"/>
                    <v:textbox inset="2.53958mm,2.53958mm,2.53958mm,2.53958mm">
                      <w:txbxContent>
                        <w:p w14:paraId="1EB1F1A1" w14:textId="77777777" w:rsidR="00CF54CB" w:rsidRDefault="00CF54CB">
                          <w:pPr>
                            <w:spacing w:after="0" w:line="240" w:lineRule="auto"/>
                            <w:ind w:left="0" w:firstLine="0"/>
                            <w:jc w:val="left"/>
                            <w:textDirection w:val="btLr"/>
                          </w:pPr>
                        </w:p>
                      </w:txbxContent>
                    </v:textbox>
                  </v:shape>
                  <v:shape id="Freeform: Shape 117425" o:spid="_x0000_s1133" style="position:absolute;top:57275;width:18288;height:92;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" path="m,l1828800,r,9144l,9144,,e" fillcolor="black" stroked="f">
                    <v:path arrowok="t" o:extrusionok="f"/>
                  </v:shape>
                </v:group>
              </v:group>
            </w:pict>
          </mc:Fallback>
        </mc:AlternateContent>
      </w:r>
    </w:p>
    <w:p w14:paraId="3AC5694E" w14:textId="782F91F5" w:rsidR="00CF54CB" w:rsidRDefault="00344004" w:rsidP="0002070B">
      <w:pPr>
        <w:spacing w:after="0" w:line="242" w:lineRule="auto"/>
        <w:ind w:left="-11" w:right="59" w:firstLine="710"/>
        <w:jc w:val="left"/>
      </w:pPr>
      <w:r>
        <w:lastRenderedPageBreak/>
        <w:t>Over the past few years, states have begun enacting statutes which provide opportunities for restructuring of insurance companies with finality. The purpose of this white paper is to update the 1997 and 2009 white papers and provide explanation of these new statutory processes. These processes can be broken down into two categories generally referred to as insurance business transfer (“IBT”) and corporate division (“CD”). Several states, including Arkansas</w:t>
      </w:r>
      <w:ins w:id="14" w:author="Gendron, Matthew (DBR)" w:date="2022-03-11T17:18:00Z">
        <w:r w:rsidR="00ED7182">
          <w:t>,</w:t>
        </w:r>
      </w:ins>
      <w:ins w:id="15" w:author="Gendron, Matthew (DBR)" w:date="2022-03-11T17:19:00Z">
        <w:r w:rsidR="00ED7182">
          <w:t xml:space="preserve"> </w:t>
        </w:r>
      </w:ins>
      <w:del w:id="16" w:author="Daveline, Dan" w:date="2021-12-20T13:38:00Z">
        <w:r w:rsidDel="007C70ED">
          <w:delText xml:space="preserve">, </w:delText>
        </w:r>
      </w:del>
      <w:ins w:id="17" w:author="Daveline, Dan" w:date="2021-12-20T13:38:00Z">
        <w:r w:rsidR="007C70ED">
          <w:t xml:space="preserve">Colorado, Georgia, </w:t>
        </w:r>
      </w:ins>
      <w:r>
        <w:t xml:space="preserve">Oklahoma, Rhode Island, and Vermont, have enacted IBT statutes while other states such as Arizona, Connecticut, Illinois, Iowa, Arkansas, Pennsylvania, and Michigan have enacted CD statutes.  The stated intent of all these statutes is to enable insurers to take advantage of the statutory process in order to enhance their ongoing operations. </w:t>
      </w:r>
    </w:p>
    <w:p w14:paraId="3FAA13F2" w14:textId="77777777" w:rsidR="0002070B" w:rsidRDefault="0002070B" w:rsidP="0002070B">
      <w:pPr>
        <w:spacing w:after="0" w:line="242" w:lineRule="auto"/>
        <w:ind w:left="-11" w:right="59" w:firstLine="710"/>
        <w:jc w:val="left"/>
      </w:pPr>
    </w:p>
    <w:p w14:paraId="4265AF8D" w14:textId="19DA6DE1" w:rsidR="00CF54CB" w:rsidRDefault="006D43A7">
      <w:pPr>
        <w:spacing w:after="272" w:line="242" w:lineRule="auto"/>
        <w:ind w:left="-11" w:right="59" w:firstLine="710"/>
        <w:jc w:val="left"/>
      </w:pPr>
      <w:ins w:id="18" w:author="Gendron, Matthew (DBR)" w:date="2022-03-11T16:42:00Z">
        <w:r>
          <w:t xml:space="preserve">This white paper will begin with some historical background from the United Kingdom (“UK”) </w:t>
        </w:r>
      </w:ins>
      <w:ins w:id="19" w:author="Gendron, Matthew (DBR)" w:date="2022-03-11T16:43:00Z">
        <w:r>
          <w:t xml:space="preserve">to provide historical context and explain some of the inspiration for the US laws.  Then </w:t>
        </w:r>
      </w:ins>
      <w:del w:id="20" w:author="Gendron, Matthew (DBR)" w:date="2022-03-11T16:43:00Z">
        <w:r w:rsidR="00344004" w:rsidDel="006D43A7">
          <w:delText xml:space="preserve">This </w:delText>
        </w:r>
      </w:del>
      <w:ins w:id="21" w:author="Gendron, Matthew (DBR)" w:date="2022-03-11T16:43:00Z">
        <w:r>
          <w:t>this</w:t>
        </w:r>
      </w:ins>
      <w:ins w:id="22" w:author="Gendron, Matthew (DBR)" w:date="2022-03-11T16:44:00Z">
        <w:r>
          <w:t xml:space="preserve"> </w:t>
        </w:r>
      </w:ins>
      <w:r w:rsidR="00344004">
        <w:t xml:space="preserve">white paper will discuss and explore these laws within the US and identify the various regulatory and legal issues involving IBT and CD legislation.  This white paper is not intended to establish an official position by the NAIC regarding IBTs or CDs. The authors suggest that each state and its various regulatory authorities should make their own determinations on how best to proceed within their respective jurisdictions.  In addition, this paper is not intended to address every situation a company may encounter and leaves possible situations to each insurer as well as the review and approval of all applicable regulatory authorities. Because the robust procedures used in the </w:t>
      </w:r>
      <w:del w:id="23" w:author="Gendron, Matthew (DBR)" w:date="2022-03-11T16:41:00Z">
        <w:r w:rsidR="00344004" w:rsidDel="006D43A7">
          <w:delText>United Kingdom (“</w:delText>
        </w:r>
      </w:del>
      <w:r w:rsidR="00344004">
        <w:t>UK</w:t>
      </w:r>
      <w:del w:id="24" w:author="Gendron, Matthew (DBR)" w:date="2022-03-11T16:41:00Z">
        <w:r w:rsidR="00344004" w:rsidDel="006D43A7">
          <w:delText>”)</w:delText>
        </w:r>
      </w:del>
      <w:r w:rsidR="00344004">
        <w:t xml:space="preserve"> are seen as a means to utilize IBT in the US, the procedures are discussed in Section 2 of this white paper.  </w:t>
      </w:r>
    </w:p>
    <w:p w14:paraId="520C825F" w14:textId="77777777" w:rsidR="00CF54CB" w:rsidRDefault="00344004">
      <w:pPr>
        <w:spacing w:after="272" w:line="242" w:lineRule="auto"/>
        <w:ind w:left="-11" w:right="59" w:firstLine="710"/>
        <w:jc w:val="left"/>
      </w:pPr>
      <w:r>
        <w:t xml:space="preserve">A separate workstream was created to develop financial standards appropriate in US to evaluate IBT and CD transactions. Some stakeholders question whether, even with robust standards, adequate consumer protections would exist when IBTs and CDs are utilized. Therefore, this white paper includes a discussion of a UK case which discussed consumer protection issues.  </w:t>
      </w:r>
    </w:p>
    <w:p w14:paraId="44F261A9" w14:textId="77777777" w:rsidR="00CF54CB" w:rsidRDefault="00344004">
      <w:pPr>
        <w:spacing w:after="301" w:line="242" w:lineRule="auto"/>
        <w:ind w:left="-11" w:right="59" w:firstLine="710"/>
        <w:jc w:val="left"/>
      </w:pPr>
      <w:r>
        <w:t xml:space="preserve">This is a constantly changing area with states adding and amending statutory provisions and considering new and unique transactions on a continuous basis.  Therefore, the factual statements in this whitepaper should be considered a “point in time” discussion. </w:t>
      </w:r>
    </w:p>
    <w:p w14:paraId="2199607F" w14:textId="77777777" w:rsidR="00CF54CB" w:rsidRDefault="00344004" w:rsidP="00B078CA">
      <w:pPr>
        <w:pStyle w:val="Heading2"/>
      </w:pPr>
      <w:r>
        <w:t>B. Purposes</w:t>
      </w:r>
    </w:p>
    <w:p w14:paraId="1417A249" w14:textId="5101AC60" w:rsidR="00CF54CB" w:rsidRDefault="00344004" w:rsidP="0002070B">
      <w:pPr>
        <w:spacing w:after="454" w:line="240" w:lineRule="auto"/>
        <w:ind w:left="-11" w:right="59" w:firstLine="710"/>
        <w:jc w:val="left"/>
      </w:pPr>
      <w:r>
        <w:t xml:space="preserve">During the course of the Restructuring Mechanisms (E) Working Group’s (“Working Group”) discussions, stakeholders identified a number of potential purposes for restructuring transactions. Testimony indicated that reinsurers and insurers were looking for new solutions that provide legal and economic finality to runoff insurance risks to improve the efficient allocation of capital and management resources to runoff and on-going insurance operations. </w:t>
      </w:r>
      <w:sdt>
        <w:sdtPr>
          <w:tag w:val="goog_rdk_11"/>
          <w:id w:val="1703441538"/>
        </w:sdtPr>
        <w:sdtEndPr/>
        <w:sdtContent>
          <w:ins w:id="25" w:author="Daveline, Dan" w:date="2021-12-16T10:18:00Z">
            <w:r>
              <w:t xml:space="preserve">Company </w:t>
            </w:r>
          </w:ins>
        </w:sdtContent>
      </w:sdt>
      <w:sdt>
        <w:sdtPr>
          <w:tag w:val="goog_rdk_12"/>
          <w:id w:val="89820061"/>
        </w:sdtPr>
        <w:sdtEndPr/>
        <w:sdtContent>
          <w:del w:id="26" w:author="Daveline, Dan" w:date="2021-12-16T10:18:00Z">
            <w:r>
              <w:delText>E</w:delText>
            </w:r>
          </w:del>
        </w:sdtContent>
      </w:sdt>
      <w:sdt>
        <w:sdtPr>
          <w:tag w:val="goog_rdk_13"/>
          <w:id w:val="1966236412"/>
        </w:sdtPr>
        <w:sdtEndPr/>
        <w:sdtContent>
          <w:ins w:id="27" w:author="Daveline, Dan" w:date="2021-12-16T10:18:00Z">
            <w:r>
              <w:t>e</w:t>
            </w:r>
          </w:ins>
        </w:sdtContent>
      </w:sdt>
      <w:r>
        <w:t>fficiencies that are obtained through restructuring transactions include the segregation and transfer of runoff books of business with the intent to free up capital</w:t>
      </w:r>
      <w:sdt>
        <w:sdtPr>
          <w:tag w:val="goog_rdk_14"/>
          <w:id w:val="-1023095129"/>
        </w:sdtPr>
        <w:sdtEndPr/>
        <w:sdtContent>
          <w:ins w:id="28" w:author="Daveline, Dan" w:date="2021-12-16T10:18:00Z">
            <w:r>
              <w:t>, although it should be noted that doing so can reduce policyholder protection, at least from the perspective of some regulators. Restructuring transactions also create other company efficiencies</w:t>
            </w:r>
          </w:ins>
        </w:sdtContent>
      </w:sdt>
      <w:r>
        <w:t xml:space="preserve">, </w:t>
      </w:r>
      <w:sdt>
        <w:sdtPr>
          <w:tag w:val="goog_rdk_15"/>
          <w:id w:val="1120887857"/>
        </w:sdtPr>
        <w:sdtEndPr/>
        <w:sdtContent>
          <w:ins w:id="29" w:author="Daveline, Dan" w:date="2021-12-16T10:20:00Z">
            <w:r>
              <w:t xml:space="preserve">such as </w:t>
            </w:r>
          </w:ins>
        </w:sdtContent>
      </w:sdt>
      <w:r>
        <w:t>better allocat</w:t>
      </w:r>
      <w:sdt>
        <w:sdtPr>
          <w:tag w:val="goog_rdk_16"/>
          <w:id w:val="-134495388"/>
        </w:sdtPr>
        <w:sdtEndPr/>
        <w:sdtContent>
          <w:ins w:id="30" w:author="Daveline, Dan" w:date="2021-12-16T10:20:00Z">
            <w:r>
              <w:t>ion</w:t>
            </w:r>
          </w:ins>
        </w:sdtContent>
      </w:sdt>
      <w:sdt>
        <w:sdtPr>
          <w:tag w:val="goog_rdk_17"/>
          <w:id w:val="1291403397"/>
        </w:sdtPr>
        <w:sdtEndPr/>
        <w:sdtContent>
          <w:del w:id="31" w:author="Daveline, Dan" w:date="2021-12-16T10:20:00Z">
            <w:r>
              <w:delText>e</w:delText>
            </w:r>
          </w:del>
        </w:sdtContent>
      </w:sdt>
      <w:r>
        <w:t xml:space="preserve"> </w:t>
      </w:r>
      <w:sdt>
        <w:sdtPr>
          <w:tag w:val="goog_rdk_18"/>
          <w:id w:val="-1842690515"/>
        </w:sdtPr>
        <w:sdtEndPr/>
        <w:sdtContent>
          <w:ins w:id="32" w:author="Daveline, Dan" w:date="2021-12-16T10:20:00Z">
            <w:r>
              <w:t xml:space="preserve">of </w:t>
            </w:r>
          </w:ins>
        </w:sdtContent>
      </w:sdt>
      <w:r>
        <w:t xml:space="preserve">specialized management resources currently being occupied with the oversight of disparate discontinued and on-going businesses and rationalize and facilitate the runoff of discontinued lines of business. Experience outside the US, including in the UK, has </w:t>
      </w:r>
      <w:r>
        <w:lastRenderedPageBreak/>
        <w:t xml:space="preserve">shown that prudent allocation of reserves and management of runoff books of business reduces volatility and improves capital efficiency with benefits for reinsurers and policyholders of both runoff and on-going books of business. Furthermore, runoff experts bring focused expertise to managing runoffs compared to on-going enterprises. The focus of an on-going enterprise is the continual generation of increased premium growth. Runoff business can be both a distraction to management’s focus as well as redirect regulatory focus away from the insurer’s ongoing business. The isolation of such business from on-going business enhances the visibility of those runoff operations as well as the supervision of runoff operations, by both regulators and the insurer. </w:t>
      </w:r>
    </w:p>
    <w:p w14:paraId="0BDE746A" w14:textId="64FC9923" w:rsidR="00CF54CB" w:rsidRDefault="00344004" w:rsidP="0002070B">
      <w:pPr>
        <w:spacing w:after="272" w:line="240" w:lineRule="auto"/>
        <w:ind w:left="-11" w:right="59" w:firstLine="710"/>
        <w:jc w:val="left"/>
      </w:pPr>
      <w:r>
        <w:t>Advocates of these restructuring mechanisms argue that efficiencies resulting from the segregation and specialized management of disparate books of business result in transferring insurers releasing resources and allowing these insurers to better focus on improving current operations. Transferring insurers can better focus on core areas, leading ultimately to better service for current and future policyholders and better service for runoff policyholders. In many cases, the runoff business consists of long-tail lines, such as mass tort, asbestos, environmental</w:t>
      </w:r>
      <w:ins w:id="33" w:author="Daveline, Dan" w:date="2021-12-20T13:41:00Z">
        <w:r w:rsidR="0036732F">
          <w:t>,</w:t>
        </w:r>
      </w:ins>
      <w:del w:id="34" w:author="Daveline, Dan" w:date="2021-12-20T13:41:00Z">
        <w:r w:rsidDel="0036732F">
          <w:delText xml:space="preserve"> and</w:delText>
        </w:r>
      </w:del>
      <w:r>
        <w:t xml:space="preserve"> general liability risks</w:t>
      </w:r>
      <w:ins w:id="35" w:author="Daveline, Dan" w:date="2021-12-20T13:41:00Z">
        <w:r w:rsidR="0036732F">
          <w:t xml:space="preserve"> and </w:t>
        </w:r>
        <w:r w:rsidR="00427A8C">
          <w:t>life insurance</w:t>
        </w:r>
      </w:ins>
      <w:r>
        <w:t xml:space="preserve">. These long-tail lines tie up financial and management resources which are out of proportion compared to the size or importance of the runoff book within the insurer. </w:t>
      </w:r>
    </w:p>
    <w:p w14:paraId="7024CFB6" w14:textId="77777777" w:rsidR="00CF54CB" w:rsidRDefault="00344004" w:rsidP="0002070B">
      <w:pPr>
        <w:spacing w:after="304" w:line="240" w:lineRule="auto"/>
        <w:ind w:left="-11" w:right="59" w:firstLine="710"/>
        <w:jc w:val="left"/>
      </w:pPr>
      <w:r>
        <w:t>As described in the 1997 white paper, restructuring of insurers can be initiated for several reasons that provide value to the insurer</w:t>
      </w:r>
      <w:sdt>
        <w:sdtPr>
          <w:tag w:val="goog_rdk_19"/>
          <w:id w:val="436332534"/>
        </w:sdtPr>
        <w:sdtEndPr/>
        <w:sdtContent>
          <w:ins w:id="36" w:author="Daveline, Dan" w:date="2021-12-16T10:21:00Z">
            <w:r>
              <w:t xml:space="preserve"> and ideally still retain value for the policyholders</w:t>
            </w:r>
          </w:ins>
        </w:sdtContent>
      </w:sdt>
      <w:r>
        <w:t>. These reasons include restructuring for credit rating, solvency, more effective claims management, need to raise capital and a desire to exit a line of business.</w:t>
      </w:r>
      <w:r>
        <w:rPr>
          <w:rFonts w:ascii="ZWAdobeF" w:eastAsia="ZWAdobeF" w:hAnsi="ZWAdobeF" w:cs="ZWAdobeF"/>
          <w:sz w:val="2"/>
          <w:szCs w:val="2"/>
        </w:rPr>
        <w:t>0F</w:t>
      </w:r>
      <w:r>
        <w:rPr>
          <w:vertAlign w:val="superscript"/>
        </w:rPr>
        <w:footnoteReference w:id="1"/>
      </w:r>
      <w:r>
        <w:t xml:space="preserve"> With respect to capital and earnings volatility, the 1997 white paper explained that restructuring could allow liabilities to be separated thereby creating the ability to dedicate surplus to support restructured operations, eliminating the drag on earnings in its on-going operations and avoiding further commitment of capital for pre-existing liabilities.</w:t>
      </w:r>
      <w:r>
        <w:rPr>
          <w:rFonts w:ascii="ZWAdobeF" w:eastAsia="ZWAdobeF" w:hAnsi="ZWAdobeF" w:cs="ZWAdobeF"/>
          <w:sz w:val="2"/>
          <w:szCs w:val="2"/>
        </w:rPr>
        <w:t>1F</w:t>
      </w:r>
      <w:r>
        <w:rPr>
          <w:vertAlign w:val="superscript"/>
        </w:rPr>
        <w:footnoteReference w:id="2"/>
      </w:r>
      <w:r>
        <w:t xml:space="preserve"> One restructuring expert indicated there were three primary reasons that an insurer may choose to restructure: (1) regulatory, capital and earnings volatility; 2) finality of economic transfer and 3) operational efficiencies.</w:t>
      </w:r>
      <w:r>
        <w:rPr>
          <w:rFonts w:ascii="ZWAdobeF" w:eastAsia="ZWAdobeF" w:hAnsi="ZWAdobeF" w:cs="ZWAdobeF"/>
          <w:sz w:val="2"/>
          <w:szCs w:val="2"/>
        </w:rPr>
        <w:t>2F</w:t>
      </w:r>
      <w:r>
        <w:rPr>
          <w:vertAlign w:val="superscript"/>
        </w:rPr>
        <w:footnoteReference w:id="3"/>
      </w:r>
      <w:r>
        <w:t xml:space="preserve"> </w:t>
      </w:r>
    </w:p>
    <w:p w14:paraId="4F4164B7" w14:textId="77777777" w:rsidR="00CF54CB" w:rsidRDefault="00344004">
      <w:pPr>
        <w:spacing w:after="301" w:line="242" w:lineRule="auto"/>
        <w:ind w:left="-11" w:right="59" w:firstLine="710"/>
        <w:jc w:val="left"/>
      </w:pPr>
      <w:r>
        <w:t xml:space="preserve">Of note, restructuring mechanisms may also be beneficial for purposes of credit ratings. Credit ratings are often looked at in terms of capital volatility. Credit rating agencies may take a more favorable view of an insurer that has been able to isolate a particular risk which may be more volatile and subject to further reserve development. However, rating agencies also consider the strength of the insurance group when issuing insurance financial strength ratings, which can negate the credit rating benefit that may be found in restructuring. Ratings are critical for insurers that are writing new business in which the rating has value to potential new customers. While insurance groups use different strategies, it is common that some insurers </w:t>
      </w:r>
      <w:r>
        <w:lastRenderedPageBreak/>
        <w:t xml:space="preserve">within a particular insurance group are more critical to the ongoing success of the insurance group as a whole. It is therefore not uncommon for rating agencies to recognize this fact and provide separate ratings for individual insurers within an insurance group. While these considerations can lessen the value of restructuring for credit rating in some instances, insurance groups do still choose to restructure for credit rating purposes.   </w:t>
      </w:r>
      <w:r>
        <w:rPr>
          <w:noProof/>
        </w:rPr>
        <mc:AlternateContent>
          <mc:Choice Requires="wpg">
            <w:drawing>
              <wp:anchor distT="0" distB="0" distL="0" distR="0" simplePos="0" relativeHeight="251646976" behindDoc="1" locked="0" layoutInCell="1" hidden="0" allowOverlap="1" wp14:anchorId="610C07DB" wp14:editId="674E9D28">
                <wp:simplePos x="0" y="0"/>
                <wp:positionH relativeFrom="column">
                  <wp:posOffset>406400</wp:posOffset>
                </wp:positionH>
                <wp:positionV relativeFrom="paragraph">
                  <wp:posOffset>-1981199</wp:posOffset>
                </wp:positionV>
                <wp:extent cx="5151308" cy="5442282"/>
                <wp:effectExtent l="0" t="0" r="0" b="0"/>
                <wp:wrapNone/>
                <wp:docPr id="117442" name="Group 117442" descr="P102#y1"/>
                <wp:cNvGraphicFramePr/>
                <a:graphic xmlns:a="http://schemas.openxmlformats.org/drawingml/2006/main">
                  <a:graphicData uri="http://schemas.microsoft.com/office/word/2010/wordprocessingGroup">
                    <wpg:wgp>
                      <wpg:cNvGrpSpPr/>
                      <wpg:grpSpPr>
                        <a:xfrm>
                          <a:off x="0" y="0"/>
                          <a:ext cx="5151308" cy="5442282"/>
                          <a:chOff x="2770346" y="1058859"/>
                          <a:chExt cx="5151308" cy="5442282"/>
                        </a:xfrm>
                      </wpg:grpSpPr>
                      <wpg:grpSp>
                        <wpg:cNvPr id="117443" name="Group 117443"/>
                        <wpg:cNvGrpSpPr/>
                        <wpg:grpSpPr>
                          <a:xfrm>
                            <a:off x="2770346" y="1058859"/>
                            <a:ext cx="5151308" cy="5442282"/>
                            <a:chOff x="0" y="0"/>
                            <a:chExt cx="5151308" cy="5442282"/>
                          </a:xfrm>
                        </wpg:grpSpPr>
                        <wps:wsp>
                          <wps:cNvPr id="117444" name="Rectangle 117444"/>
                          <wps:cNvSpPr/>
                          <wps:spPr>
                            <a:xfrm>
                              <a:off x="0" y="0"/>
                              <a:ext cx="5151300" cy="5442275"/>
                            </a:xfrm>
                            <a:prstGeom prst="rect">
                              <a:avLst/>
                            </a:prstGeom>
                            <a:noFill/>
                            <a:ln>
                              <a:noFill/>
                            </a:ln>
                          </wps:spPr>
                          <wps:txbx>
                            <w:txbxContent>
                              <w:p w14:paraId="288C13F8"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45" name="Freeform: Shape 117445"/>
                          <wps:cNvSpPr/>
                          <wps:spPr>
                            <a:xfrm>
                              <a:off x="0" y="3484466"/>
                              <a:ext cx="1000596" cy="1472664"/>
                            </a:xfrm>
                            <a:custGeom>
                              <a:avLst/>
                              <a:gdLst/>
                              <a:ahLst/>
                              <a:cxnLst/>
                              <a:rect l="l" t="t" r="r" b="b"/>
                              <a:pathLst>
                                <a:path w="1000596" h="1472664" extrusionOk="0">
                                  <a:moveTo>
                                    <a:pt x="639526" y="592"/>
                                  </a:moveTo>
                                  <a:cubicBezTo>
                                    <a:pt x="688638" y="1184"/>
                                    <a:pt x="739197" y="7756"/>
                                    <a:pt x="791032" y="20837"/>
                                  </a:cubicBezTo>
                                  <a:cubicBezTo>
                                    <a:pt x="843153" y="34890"/>
                                    <a:pt x="896506" y="53877"/>
                                    <a:pt x="950816" y="78416"/>
                                  </a:cubicBezTo>
                                  <a:lnTo>
                                    <a:pt x="1000596" y="103292"/>
                                  </a:lnTo>
                                  <a:lnTo>
                                    <a:pt x="1000596" y="330497"/>
                                  </a:lnTo>
                                  <a:lnTo>
                                    <a:pt x="954591" y="304878"/>
                                  </a:lnTo>
                                  <a:cubicBezTo>
                                    <a:pt x="913406" y="283927"/>
                                    <a:pt x="872750" y="267167"/>
                                    <a:pt x="832777" y="254238"/>
                                  </a:cubicBezTo>
                                  <a:cubicBezTo>
                                    <a:pt x="772874" y="234893"/>
                                    <a:pt x="715315" y="227570"/>
                                    <a:pt x="659761" y="230085"/>
                                  </a:cubicBezTo>
                                  <a:cubicBezTo>
                                    <a:pt x="641243" y="230923"/>
                                    <a:pt x="622948" y="232854"/>
                                    <a:pt x="604863" y="235798"/>
                                  </a:cubicBezTo>
                                  <a:cubicBezTo>
                                    <a:pt x="532460" y="247507"/>
                                    <a:pt x="463931" y="288134"/>
                                    <a:pt x="397827" y="354238"/>
                                  </a:cubicBezTo>
                                  <a:cubicBezTo>
                                    <a:pt x="354521" y="397545"/>
                                    <a:pt x="311150" y="440915"/>
                                    <a:pt x="267792" y="484273"/>
                                  </a:cubicBezTo>
                                  <a:lnTo>
                                    <a:pt x="1000596" y="1217085"/>
                                  </a:lnTo>
                                  <a:lnTo>
                                    <a:pt x="1000596" y="1472664"/>
                                  </a:lnTo>
                                  <a:lnTo>
                                    <a:pt x="52705" y="524773"/>
                                  </a:lnTo>
                                  <a:cubicBezTo>
                                    <a:pt x="21615" y="493684"/>
                                    <a:pt x="5537" y="466887"/>
                                    <a:pt x="2553" y="443341"/>
                                  </a:cubicBezTo>
                                  <a:cubicBezTo>
                                    <a:pt x="0" y="421725"/>
                                    <a:pt x="5410" y="404580"/>
                                    <a:pt x="16574" y="393430"/>
                                  </a:cubicBezTo>
                                  <a:cubicBezTo>
                                    <a:pt x="89090" y="320913"/>
                                    <a:pt x="161684" y="248320"/>
                                    <a:pt x="234201" y="175790"/>
                                  </a:cubicBezTo>
                                  <a:cubicBezTo>
                                    <a:pt x="317449" y="92554"/>
                                    <a:pt x="404609" y="37906"/>
                                    <a:pt x="496697" y="16227"/>
                                  </a:cubicBezTo>
                                  <a:cubicBezTo>
                                    <a:pt x="542747" y="5388"/>
                                    <a:pt x="590414" y="0"/>
                                    <a:pt x="639526" y="592"/>
                                  </a:cubicBezTo>
                                  <a:close/>
                                </a:path>
                              </a:pathLst>
                            </a:custGeom>
                            <a:solidFill>
                              <a:srgbClr val="C0C0C0">
                                <a:alpha val="49803"/>
                              </a:srgbClr>
                            </a:solidFill>
                            <a:ln>
                              <a:noFill/>
                            </a:ln>
                          </wps:spPr>
                          <wps:txbx>
                            <w:txbxContent>
                              <w:p w14:paraId="54D86F9E"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46" name="Freeform: Shape 117446"/>
                          <wps:cNvSpPr/>
                          <wps:spPr>
                            <a:xfrm>
                              <a:off x="1000596" y="3587758"/>
                              <a:ext cx="959243" cy="1854524"/>
                            </a:xfrm>
                            <a:custGeom>
                              <a:avLst/>
                              <a:gdLst/>
                              <a:ahLst/>
                              <a:cxnLst/>
                              <a:rect l="l" t="t" r="r" b="b"/>
                              <a:pathLst>
                                <a:path w="959243" h="1854524" extrusionOk="0">
                                  <a:moveTo>
                                    <a:pt x="0" y="0"/>
                                  </a:moveTo>
                                  <a:lnTo>
                                    <a:pt x="32368" y="16175"/>
                                  </a:lnTo>
                                  <a:cubicBezTo>
                                    <a:pt x="59967" y="31299"/>
                                    <a:pt x="87772" y="47889"/>
                                    <a:pt x="115747" y="66021"/>
                                  </a:cubicBezTo>
                                  <a:cubicBezTo>
                                    <a:pt x="227583" y="138487"/>
                                    <a:pt x="342785" y="233623"/>
                                    <a:pt x="458863" y="349701"/>
                                  </a:cubicBezTo>
                                  <a:cubicBezTo>
                                    <a:pt x="592822" y="483660"/>
                                    <a:pt x="699172" y="611575"/>
                                    <a:pt x="777366" y="732136"/>
                                  </a:cubicBezTo>
                                  <a:cubicBezTo>
                                    <a:pt x="856817" y="853815"/>
                                    <a:pt x="907401" y="967340"/>
                                    <a:pt x="933322" y="1073766"/>
                                  </a:cubicBezTo>
                                  <a:cubicBezTo>
                                    <a:pt x="959243" y="1180179"/>
                                    <a:pt x="957185" y="1280928"/>
                                    <a:pt x="930833" y="1372953"/>
                                  </a:cubicBezTo>
                                  <a:cubicBezTo>
                                    <a:pt x="904467" y="1464863"/>
                                    <a:pt x="849832" y="1552022"/>
                                    <a:pt x="767396" y="1634458"/>
                                  </a:cubicBezTo>
                                  <a:cubicBezTo>
                                    <a:pt x="699553" y="1702302"/>
                                    <a:pt x="631697" y="1770158"/>
                                    <a:pt x="563841" y="1838013"/>
                                  </a:cubicBezTo>
                                  <a:cubicBezTo>
                                    <a:pt x="552690" y="1849165"/>
                                    <a:pt x="535494" y="1854524"/>
                                    <a:pt x="512749" y="1850841"/>
                                  </a:cubicBezTo>
                                  <a:cubicBezTo>
                                    <a:pt x="490384" y="1849038"/>
                                    <a:pt x="463587" y="1832959"/>
                                    <a:pt x="432497" y="1801870"/>
                                  </a:cubicBezTo>
                                  <a:lnTo>
                                    <a:pt x="0" y="1369372"/>
                                  </a:lnTo>
                                  <a:lnTo>
                                    <a:pt x="0" y="1113793"/>
                                  </a:lnTo>
                                  <a:lnTo>
                                    <a:pt x="471753" y="1585551"/>
                                  </a:lnTo>
                                  <a:cubicBezTo>
                                    <a:pt x="515619" y="1541685"/>
                                    <a:pt x="559485" y="1497819"/>
                                    <a:pt x="603287" y="1454017"/>
                                  </a:cubicBezTo>
                                  <a:cubicBezTo>
                                    <a:pt x="664971" y="1392333"/>
                                    <a:pt x="704849" y="1329277"/>
                                    <a:pt x="721486" y="1261675"/>
                                  </a:cubicBezTo>
                                  <a:cubicBezTo>
                                    <a:pt x="738123" y="1194073"/>
                                    <a:pt x="737247" y="1122051"/>
                                    <a:pt x="713320" y="1042550"/>
                                  </a:cubicBezTo>
                                  <a:cubicBezTo>
                                    <a:pt x="689520" y="963047"/>
                                    <a:pt x="648651" y="877691"/>
                                    <a:pt x="584656" y="786035"/>
                                  </a:cubicBezTo>
                                  <a:cubicBezTo>
                                    <a:pt x="521918" y="695623"/>
                                    <a:pt x="438047" y="597808"/>
                                    <a:pt x="332751" y="492512"/>
                                  </a:cubicBezTo>
                                  <a:cubicBezTo>
                                    <a:pt x="249020" y="408768"/>
                                    <a:pt x="164400" y="337991"/>
                                    <a:pt x="78980" y="277361"/>
                                  </a:cubicBezTo>
                                  <a:cubicBezTo>
                                    <a:pt x="57936" y="262518"/>
                                    <a:pt x="36986" y="248812"/>
                                    <a:pt x="16149" y="236197"/>
                                  </a:cubicBezTo>
                                  <a:lnTo>
                                    <a:pt x="0" y="227205"/>
                                  </a:lnTo>
                                  <a:lnTo>
                                    <a:pt x="0" y="0"/>
                                  </a:lnTo>
                                  <a:close/>
                                </a:path>
                              </a:pathLst>
                            </a:custGeom>
                            <a:solidFill>
                              <a:srgbClr val="C0C0C0">
                                <a:alpha val="49803"/>
                              </a:srgbClr>
                            </a:solidFill>
                            <a:ln>
                              <a:noFill/>
                            </a:ln>
                          </wps:spPr>
                          <wps:txbx>
                            <w:txbxContent>
                              <w:p w14:paraId="1D9498D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47" name="Freeform: Shape 117447"/>
                          <wps:cNvSpPr/>
                          <wps:spPr>
                            <a:xfrm>
                              <a:off x="936154" y="2590207"/>
                              <a:ext cx="628690" cy="1058861"/>
                            </a:xfrm>
                            <a:custGeom>
                              <a:avLst/>
                              <a:gdLst/>
                              <a:ahLst/>
                              <a:cxnLst/>
                              <a:rect l="l" t="t" r="r" b="b"/>
                              <a:pathLst>
                                <a:path w="628690" h="1058861" extrusionOk="0">
                                  <a:moveTo>
                                    <a:pt x="559321" y="2040"/>
                                  </a:moveTo>
                                  <a:cubicBezTo>
                                    <a:pt x="572297" y="3060"/>
                                    <a:pt x="585367" y="4730"/>
                                    <a:pt x="598565" y="7135"/>
                                  </a:cubicBezTo>
                                  <a:lnTo>
                                    <a:pt x="628690" y="14286"/>
                                  </a:lnTo>
                                  <a:lnTo>
                                    <a:pt x="628690" y="238084"/>
                                  </a:lnTo>
                                  <a:lnTo>
                                    <a:pt x="623625" y="236432"/>
                                  </a:lnTo>
                                  <a:cubicBezTo>
                                    <a:pt x="609005" y="233143"/>
                                    <a:pt x="594429" y="231336"/>
                                    <a:pt x="579896" y="230970"/>
                                  </a:cubicBezTo>
                                  <a:cubicBezTo>
                                    <a:pt x="550831" y="230238"/>
                                    <a:pt x="521938" y="235271"/>
                                    <a:pt x="493217" y="245742"/>
                                  </a:cubicBezTo>
                                  <a:cubicBezTo>
                                    <a:pt x="474523" y="252219"/>
                                    <a:pt x="457632" y="262252"/>
                                    <a:pt x="439636" y="275396"/>
                                  </a:cubicBezTo>
                                  <a:cubicBezTo>
                                    <a:pt x="421627" y="288541"/>
                                    <a:pt x="399631" y="308175"/>
                                    <a:pt x="374332" y="333461"/>
                                  </a:cubicBezTo>
                                  <a:cubicBezTo>
                                    <a:pt x="338442" y="369351"/>
                                    <a:pt x="302489" y="405304"/>
                                    <a:pt x="266611" y="441194"/>
                                  </a:cubicBezTo>
                                  <a:lnTo>
                                    <a:pt x="628690" y="803273"/>
                                  </a:lnTo>
                                  <a:lnTo>
                                    <a:pt x="628690" y="1058861"/>
                                  </a:lnTo>
                                  <a:lnTo>
                                    <a:pt x="52705" y="482876"/>
                                  </a:lnTo>
                                  <a:cubicBezTo>
                                    <a:pt x="21615" y="451786"/>
                                    <a:pt x="5537" y="424990"/>
                                    <a:pt x="2553" y="401444"/>
                                  </a:cubicBezTo>
                                  <a:cubicBezTo>
                                    <a:pt x="0" y="379828"/>
                                    <a:pt x="5359" y="362747"/>
                                    <a:pt x="16510" y="351596"/>
                                  </a:cubicBezTo>
                                  <a:cubicBezTo>
                                    <a:pt x="84607" y="283499"/>
                                    <a:pt x="152705" y="215401"/>
                                    <a:pt x="220815" y="147291"/>
                                  </a:cubicBezTo>
                                  <a:cubicBezTo>
                                    <a:pt x="245364" y="122742"/>
                                    <a:pt x="266611" y="103870"/>
                                    <a:pt x="284112" y="88731"/>
                                  </a:cubicBezTo>
                                  <a:cubicBezTo>
                                    <a:pt x="302247" y="75574"/>
                                    <a:pt x="319316" y="62989"/>
                                    <a:pt x="334454" y="52841"/>
                                  </a:cubicBezTo>
                                  <a:cubicBezTo>
                                    <a:pt x="382499" y="26730"/>
                                    <a:pt x="430479" y="8785"/>
                                    <a:pt x="482308" y="3058"/>
                                  </a:cubicBezTo>
                                  <a:cubicBezTo>
                                    <a:pt x="507791" y="562"/>
                                    <a:pt x="533368" y="0"/>
                                    <a:pt x="559321" y="2040"/>
                                  </a:cubicBezTo>
                                  <a:close/>
                                </a:path>
                              </a:pathLst>
                            </a:custGeom>
                            <a:solidFill>
                              <a:srgbClr val="C0C0C0">
                                <a:alpha val="49803"/>
                              </a:srgbClr>
                            </a:solidFill>
                            <a:ln>
                              <a:noFill/>
                            </a:ln>
                          </wps:spPr>
                          <wps:txbx>
                            <w:txbxContent>
                              <w:p w14:paraId="72C27E4F"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48" name="Freeform: Shape 117448"/>
                          <wps:cNvSpPr/>
                          <wps:spPr>
                            <a:xfrm>
                              <a:off x="1564843" y="2604493"/>
                              <a:ext cx="1516569" cy="1918460"/>
                            </a:xfrm>
                            <a:custGeom>
                              <a:avLst/>
                              <a:gdLst/>
                              <a:ahLst/>
                              <a:cxnLst/>
                              <a:rect l="l" t="t" r="r" b="b"/>
                              <a:pathLst>
                                <a:path w="1516569" h="1918460" extrusionOk="0">
                                  <a:moveTo>
                                    <a:pt x="0" y="0"/>
                                  </a:moveTo>
                                  <a:lnTo>
                                    <a:pt x="9892" y="2348"/>
                                  </a:lnTo>
                                  <a:cubicBezTo>
                                    <a:pt x="63714" y="18172"/>
                                    <a:pt x="117118" y="40918"/>
                                    <a:pt x="170890" y="75742"/>
                                  </a:cubicBezTo>
                                  <a:cubicBezTo>
                                    <a:pt x="224661" y="110577"/>
                                    <a:pt x="278370" y="154939"/>
                                    <a:pt x="332192" y="208774"/>
                                  </a:cubicBezTo>
                                  <a:cubicBezTo>
                                    <a:pt x="383602" y="260171"/>
                                    <a:pt x="425652" y="311453"/>
                                    <a:pt x="458303" y="360171"/>
                                  </a:cubicBezTo>
                                  <a:cubicBezTo>
                                    <a:pt x="491450" y="410767"/>
                                    <a:pt x="514133" y="459611"/>
                                    <a:pt x="529271" y="506906"/>
                                  </a:cubicBezTo>
                                  <a:cubicBezTo>
                                    <a:pt x="545590" y="555382"/>
                                    <a:pt x="552944" y="602359"/>
                                    <a:pt x="553134" y="648156"/>
                                  </a:cubicBezTo>
                                  <a:cubicBezTo>
                                    <a:pt x="553261" y="693889"/>
                                    <a:pt x="547521" y="739367"/>
                                    <a:pt x="535189" y="783233"/>
                                  </a:cubicBezTo>
                                  <a:cubicBezTo>
                                    <a:pt x="561542" y="778687"/>
                                    <a:pt x="590764" y="777632"/>
                                    <a:pt x="620114" y="782052"/>
                                  </a:cubicBezTo>
                                  <a:cubicBezTo>
                                    <a:pt x="650645" y="787653"/>
                                    <a:pt x="683792" y="794765"/>
                                    <a:pt x="718742" y="807909"/>
                                  </a:cubicBezTo>
                                  <a:cubicBezTo>
                                    <a:pt x="753692" y="820927"/>
                                    <a:pt x="791831" y="837500"/>
                                    <a:pt x="832445" y="859179"/>
                                  </a:cubicBezTo>
                                  <a:cubicBezTo>
                                    <a:pt x="873073" y="880871"/>
                                    <a:pt x="918437" y="904670"/>
                                    <a:pt x="967472" y="934757"/>
                                  </a:cubicBezTo>
                                  <a:cubicBezTo>
                                    <a:pt x="1109470" y="1020304"/>
                                    <a:pt x="1252587" y="1103857"/>
                                    <a:pt x="1394522" y="1189468"/>
                                  </a:cubicBezTo>
                                  <a:cubicBezTo>
                                    <a:pt x="1429904" y="1211655"/>
                                    <a:pt x="1454771" y="1227289"/>
                                    <a:pt x="1467725" y="1235886"/>
                                  </a:cubicBezTo>
                                  <a:cubicBezTo>
                                    <a:pt x="1481872" y="1245666"/>
                                    <a:pt x="1492274" y="1254454"/>
                                    <a:pt x="1498256" y="1260436"/>
                                  </a:cubicBezTo>
                                  <a:cubicBezTo>
                                    <a:pt x="1504237" y="1266417"/>
                                    <a:pt x="1509406" y="1273212"/>
                                    <a:pt x="1512772" y="1279435"/>
                                  </a:cubicBezTo>
                                  <a:cubicBezTo>
                                    <a:pt x="1516137" y="1285670"/>
                                    <a:pt x="1516569" y="1292211"/>
                                    <a:pt x="1515083" y="1301063"/>
                                  </a:cubicBezTo>
                                  <a:cubicBezTo>
                                    <a:pt x="1513521" y="1309851"/>
                                    <a:pt x="1509101" y="1318881"/>
                                    <a:pt x="1501431" y="1329041"/>
                                  </a:cubicBezTo>
                                  <a:cubicBezTo>
                                    <a:pt x="1493709" y="1339125"/>
                                    <a:pt x="1482990" y="1352218"/>
                                    <a:pt x="1468157" y="1367039"/>
                                  </a:cubicBezTo>
                                  <a:cubicBezTo>
                                    <a:pt x="1455507" y="1379689"/>
                                    <a:pt x="1443925" y="1388909"/>
                                    <a:pt x="1434578" y="1395894"/>
                                  </a:cubicBezTo>
                                  <a:cubicBezTo>
                                    <a:pt x="1425167" y="1402802"/>
                                    <a:pt x="1416137" y="1407235"/>
                                    <a:pt x="1406104" y="1407540"/>
                                  </a:cubicBezTo>
                                  <a:cubicBezTo>
                                    <a:pt x="1397316" y="1409102"/>
                                    <a:pt x="1388782" y="1408162"/>
                                    <a:pt x="1380615" y="1404365"/>
                                  </a:cubicBezTo>
                                  <a:cubicBezTo>
                                    <a:pt x="1371713" y="1401304"/>
                                    <a:pt x="1361057" y="1395271"/>
                                    <a:pt x="1349284" y="1387854"/>
                                  </a:cubicBezTo>
                                  <a:cubicBezTo>
                                    <a:pt x="1198625" y="1295018"/>
                                    <a:pt x="1046656" y="1204238"/>
                                    <a:pt x="896009" y="1111401"/>
                                  </a:cubicBezTo>
                                  <a:cubicBezTo>
                                    <a:pt x="843913" y="1079753"/>
                                    <a:pt x="794942" y="1052334"/>
                                    <a:pt x="749209" y="1028533"/>
                                  </a:cubicBezTo>
                                  <a:cubicBezTo>
                                    <a:pt x="703604" y="1004734"/>
                                    <a:pt x="660055" y="988846"/>
                                    <a:pt x="619428" y="979003"/>
                                  </a:cubicBezTo>
                                  <a:cubicBezTo>
                                    <a:pt x="578737" y="969097"/>
                                    <a:pt x="541730" y="968475"/>
                                    <a:pt x="506589" y="974571"/>
                                  </a:cubicBezTo>
                                  <a:cubicBezTo>
                                    <a:pt x="472565" y="981925"/>
                                    <a:pt x="440104" y="1000314"/>
                                    <a:pt x="411135" y="1029283"/>
                                  </a:cubicBezTo>
                                  <a:cubicBezTo>
                                    <a:pt x="382662" y="1057756"/>
                                    <a:pt x="354189" y="1086229"/>
                                    <a:pt x="325715" y="1114703"/>
                                  </a:cubicBezTo>
                                  <a:cubicBezTo>
                                    <a:pt x="545463" y="1334464"/>
                                    <a:pt x="765161" y="1554149"/>
                                    <a:pt x="984845" y="1773846"/>
                                  </a:cubicBezTo>
                                  <a:cubicBezTo>
                                    <a:pt x="990827" y="1779827"/>
                                    <a:pt x="996059" y="1786546"/>
                                    <a:pt x="998625" y="1793594"/>
                                  </a:cubicBezTo>
                                  <a:cubicBezTo>
                                    <a:pt x="1001241" y="1800566"/>
                                    <a:pt x="1000987" y="1807793"/>
                                    <a:pt x="998929" y="1814714"/>
                                  </a:cubicBezTo>
                                  <a:cubicBezTo>
                                    <a:pt x="997495" y="1823503"/>
                                    <a:pt x="993761" y="1831846"/>
                                    <a:pt x="988020" y="1842439"/>
                                  </a:cubicBezTo>
                                  <a:cubicBezTo>
                                    <a:pt x="981048" y="1851785"/>
                                    <a:pt x="971828" y="1863381"/>
                                    <a:pt x="959242" y="1875966"/>
                                  </a:cubicBezTo>
                                  <a:cubicBezTo>
                                    <a:pt x="946593" y="1888616"/>
                                    <a:pt x="935747" y="1897087"/>
                                    <a:pt x="926400" y="1904059"/>
                                  </a:cubicBezTo>
                                  <a:cubicBezTo>
                                    <a:pt x="915808" y="1909799"/>
                                    <a:pt x="906778" y="1914219"/>
                                    <a:pt x="897927" y="1915717"/>
                                  </a:cubicBezTo>
                                  <a:cubicBezTo>
                                    <a:pt x="890332" y="1918460"/>
                                    <a:pt x="883791" y="1918016"/>
                                    <a:pt x="876807" y="1915400"/>
                                  </a:cubicBezTo>
                                  <a:cubicBezTo>
                                    <a:pt x="869834" y="1912784"/>
                                    <a:pt x="863040" y="1907615"/>
                                    <a:pt x="857058" y="1901633"/>
                                  </a:cubicBezTo>
                                  <a:lnTo>
                                    <a:pt x="0" y="1044575"/>
                                  </a:lnTo>
                                  <a:lnTo>
                                    <a:pt x="0" y="788988"/>
                                  </a:lnTo>
                                  <a:lnTo>
                                    <a:pt x="159485" y="948473"/>
                                  </a:lnTo>
                                  <a:cubicBezTo>
                                    <a:pt x="201103" y="906855"/>
                                    <a:pt x="242721" y="865237"/>
                                    <a:pt x="284275" y="823670"/>
                                  </a:cubicBezTo>
                                  <a:cubicBezTo>
                                    <a:pt x="317740" y="790218"/>
                                    <a:pt x="340600" y="753388"/>
                                    <a:pt x="351572" y="715631"/>
                                  </a:cubicBezTo>
                                  <a:cubicBezTo>
                                    <a:pt x="362660" y="677874"/>
                                    <a:pt x="365530" y="639863"/>
                                    <a:pt x="357491" y="599680"/>
                                  </a:cubicBezTo>
                                  <a:cubicBezTo>
                                    <a:pt x="350760" y="560678"/>
                                    <a:pt x="335748" y="521118"/>
                                    <a:pt x="311453" y="480744"/>
                                  </a:cubicBezTo>
                                  <a:cubicBezTo>
                                    <a:pt x="286396" y="441108"/>
                                    <a:pt x="255497" y="402601"/>
                                    <a:pt x="218426" y="365530"/>
                                  </a:cubicBezTo>
                                  <a:cubicBezTo>
                                    <a:pt x="157428" y="304532"/>
                                    <a:pt x="97737" y="261669"/>
                                    <a:pt x="38924" y="236498"/>
                                  </a:cubicBezTo>
                                  <a:lnTo>
                                    <a:pt x="0" y="223799"/>
                                  </a:lnTo>
                                  <a:lnTo>
                                    <a:pt x="0" y="0"/>
                                  </a:lnTo>
                                  <a:close/>
                                </a:path>
                              </a:pathLst>
                            </a:custGeom>
                            <a:solidFill>
                              <a:srgbClr val="C0C0C0">
                                <a:alpha val="49803"/>
                              </a:srgbClr>
                            </a:solidFill>
                            <a:ln>
                              <a:noFill/>
                            </a:ln>
                          </wps:spPr>
                          <wps:txbx>
                            <w:txbxContent>
                              <w:p w14:paraId="569D1CB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49" name="Freeform: Shape 117449"/>
                          <wps:cNvSpPr/>
                          <wps:spPr>
                            <a:xfrm>
                              <a:off x="1978105" y="1786690"/>
                              <a:ext cx="734403" cy="1318044"/>
                            </a:xfrm>
                            <a:custGeom>
                              <a:avLst/>
                              <a:gdLst/>
                              <a:ahLst/>
                              <a:cxnLst/>
                              <a:rect l="l" t="t" r="r" b="b"/>
                              <a:pathLst>
                                <a:path w="734403" h="1318044" extrusionOk="0">
                                  <a:moveTo>
                                    <a:pt x="143118" y="343"/>
                                  </a:moveTo>
                                  <a:cubicBezTo>
                                    <a:pt x="147619" y="0"/>
                                    <a:pt x="152025" y="327"/>
                                    <a:pt x="156820" y="1508"/>
                                  </a:cubicBezTo>
                                  <a:cubicBezTo>
                                    <a:pt x="166548" y="3870"/>
                                    <a:pt x="177203" y="9916"/>
                                    <a:pt x="187732" y="16088"/>
                                  </a:cubicBezTo>
                                  <a:lnTo>
                                    <a:pt x="734403" y="362456"/>
                                  </a:lnTo>
                                  <a:lnTo>
                                    <a:pt x="734403" y="577667"/>
                                  </a:lnTo>
                                  <a:lnTo>
                                    <a:pt x="265049" y="276095"/>
                                  </a:lnTo>
                                  <a:cubicBezTo>
                                    <a:pt x="264795" y="276336"/>
                                    <a:pt x="264554" y="276590"/>
                                    <a:pt x="264300" y="276844"/>
                                  </a:cubicBezTo>
                                  <a:cubicBezTo>
                                    <a:pt x="365894" y="432641"/>
                                    <a:pt x="466550" y="589061"/>
                                    <a:pt x="567214" y="745472"/>
                                  </a:cubicBezTo>
                                  <a:lnTo>
                                    <a:pt x="734403" y="1004067"/>
                                  </a:lnTo>
                                  <a:lnTo>
                                    <a:pt x="734403" y="1318044"/>
                                  </a:lnTo>
                                  <a:lnTo>
                                    <a:pt x="574148" y="1065135"/>
                                  </a:lnTo>
                                  <a:cubicBezTo>
                                    <a:pt x="388880" y="771360"/>
                                    <a:pt x="203613" y="477586"/>
                                    <a:pt x="16447" y="184998"/>
                                  </a:cubicBezTo>
                                  <a:cubicBezTo>
                                    <a:pt x="10224" y="174406"/>
                                    <a:pt x="5423" y="164995"/>
                                    <a:pt x="3048" y="155280"/>
                                  </a:cubicBezTo>
                                  <a:cubicBezTo>
                                    <a:pt x="0" y="146377"/>
                                    <a:pt x="1054" y="138338"/>
                                    <a:pt x="4051" y="127988"/>
                                  </a:cubicBezTo>
                                  <a:cubicBezTo>
                                    <a:pt x="6287" y="118526"/>
                                    <a:pt x="12217" y="107985"/>
                                    <a:pt x="20625" y="97088"/>
                                  </a:cubicBezTo>
                                  <a:cubicBezTo>
                                    <a:pt x="29032" y="86179"/>
                                    <a:pt x="40996" y="74343"/>
                                    <a:pt x="55829" y="59522"/>
                                  </a:cubicBezTo>
                                  <a:cubicBezTo>
                                    <a:pt x="71463" y="43875"/>
                                    <a:pt x="84735" y="30477"/>
                                    <a:pt x="96393" y="21320"/>
                                  </a:cubicBezTo>
                                  <a:cubicBezTo>
                                    <a:pt x="108039" y="12164"/>
                                    <a:pt x="118567" y="6245"/>
                                    <a:pt x="128854" y="3197"/>
                                  </a:cubicBezTo>
                                  <a:cubicBezTo>
                                    <a:pt x="134023" y="1698"/>
                                    <a:pt x="138617" y="686"/>
                                    <a:pt x="143118" y="343"/>
                                  </a:cubicBezTo>
                                  <a:close/>
                                </a:path>
                              </a:pathLst>
                            </a:custGeom>
                            <a:solidFill>
                              <a:srgbClr val="C0C0C0">
                                <a:alpha val="49803"/>
                              </a:srgbClr>
                            </a:solidFill>
                            <a:ln>
                              <a:noFill/>
                            </a:ln>
                          </wps:spPr>
                          <wps:txbx>
                            <w:txbxContent>
                              <w:p w14:paraId="3F51AC6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50" name="Freeform: Shape 117450"/>
                          <wps:cNvSpPr/>
                          <wps:spPr>
                            <a:xfrm>
                              <a:off x="2712508" y="2149147"/>
                              <a:ext cx="1283754" cy="1652916"/>
                            </a:xfrm>
                            <a:custGeom>
                              <a:avLst/>
                              <a:gdLst/>
                              <a:ahLst/>
                              <a:cxnLst/>
                              <a:rect l="l" t="t" r="r" b="b"/>
                              <a:pathLst>
                                <a:path w="1283754" h="1652916" extrusionOk="0">
                                  <a:moveTo>
                                    <a:pt x="0" y="0"/>
                                  </a:moveTo>
                                  <a:lnTo>
                                    <a:pt x="333496" y="211301"/>
                                  </a:lnTo>
                                  <a:cubicBezTo>
                                    <a:pt x="627269" y="396569"/>
                                    <a:pt x="921042" y="581837"/>
                                    <a:pt x="1213663" y="768971"/>
                                  </a:cubicBezTo>
                                  <a:cubicBezTo>
                                    <a:pt x="1235215" y="783296"/>
                                    <a:pt x="1250671" y="794142"/>
                                    <a:pt x="1262202" y="804175"/>
                                  </a:cubicBezTo>
                                  <a:cubicBezTo>
                                    <a:pt x="1272984" y="814958"/>
                                    <a:pt x="1278953" y="825549"/>
                                    <a:pt x="1281392" y="835201"/>
                                  </a:cubicBezTo>
                                  <a:cubicBezTo>
                                    <a:pt x="1283754" y="844917"/>
                                    <a:pt x="1280516" y="855140"/>
                                    <a:pt x="1272794" y="865364"/>
                                  </a:cubicBezTo>
                                  <a:cubicBezTo>
                                    <a:pt x="1264374" y="876133"/>
                                    <a:pt x="1253668" y="889227"/>
                                    <a:pt x="1238021" y="904861"/>
                                  </a:cubicBezTo>
                                  <a:cubicBezTo>
                                    <a:pt x="1222451" y="920444"/>
                                    <a:pt x="1210615" y="932395"/>
                                    <a:pt x="1200455" y="940065"/>
                                  </a:cubicBezTo>
                                  <a:cubicBezTo>
                                    <a:pt x="1189546" y="948473"/>
                                    <a:pt x="1180516" y="952905"/>
                                    <a:pt x="1172477" y="953705"/>
                                  </a:cubicBezTo>
                                  <a:cubicBezTo>
                                    <a:pt x="1164882" y="956448"/>
                                    <a:pt x="1158265" y="955953"/>
                                    <a:pt x="1151293" y="953337"/>
                                  </a:cubicBezTo>
                                  <a:cubicBezTo>
                                    <a:pt x="1144321" y="950721"/>
                                    <a:pt x="1136028" y="947038"/>
                                    <a:pt x="1126681" y="942059"/>
                                  </a:cubicBezTo>
                                  <a:cubicBezTo>
                                    <a:pt x="973976" y="843304"/>
                                    <a:pt x="820077" y="746479"/>
                                    <a:pt x="667360" y="647724"/>
                                  </a:cubicBezTo>
                                  <a:cubicBezTo>
                                    <a:pt x="534149" y="780934"/>
                                    <a:pt x="400876" y="914208"/>
                                    <a:pt x="267665" y="1047418"/>
                                  </a:cubicBezTo>
                                  <a:cubicBezTo>
                                    <a:pt x="366039" y="1197266"/>
                                    <a:pt x="462559" y="1348358"/>
                                    <a:pt x="560934" y="1498205"/>
                                  </a:cubicBezTo>
                                  <a:cubicBezTo>
                                    <a:pt x="566738" y="1506866"/>
                                    <a:pt x="570344" y="1515096"/>
                                    <a:pt x="572960" y="1522068"/>
                                  </a:cubicBezTo>
                                  <a:cubicBezTo>
                                    <a:pt x="576707" y="1530298"/>
                                    <a:pt x="576516" y="1537588"/>
                                    <a:pt x="575704" y="1545627"/>
                                  </a:cubicBezTo>
                                  <a:cubicBezTo>
                                    <a:pt x="575399" y="1555647"/>
                                    <a:pt x="570967" y="1564689"/>
                                    <a:pt x="564058" y="1574100"/>
                                  </a:cubicBezTo>
                                  <a:cubicBezTo>
                                    <a:pt x="556323" y="1584184"/>
                                    <a:pt x="546354" y="1596528"/>
                                    <a:pt x="532219" y="1610676"/>
                                  </a:cubicBezTo>
                                  <a:cubicBezTo>
                                    <a:pt x="518135" y="1624748"/>
                                    <a:pt x="505054" y="1635467"/>
                                    <a:pt x="494957" y="1643188"/>
                                  </a:cubicBezTo>
                                  <a:cubicBezTo>
                                    <a:pt x="482867" y="1650427"/>
                                    <a:pt x="473278" y="1652916"/>
                                    <a:pt x="463677" y="1650542"/>
                                  </a:cubicBezTo>
                                  <a:cubicBezTo>
                                    <a:pt x="453961" y="1648179"/>
                                    <a:pt x="443370" y="1642070"/>
                                    <a:pt x="433337" y="1630666"/>
                                  </a:cubicBezTo>
                                  <a:cubicBezTo>
                                    <a:pt x="422554" y="1619897"/>
                                    <a:pt x="411709" y="1604441"/>
                                    <a:pt x="397446" y="1582825"/>
                                  </a:cubicBezTo>
                                  <a:lnTo>
                                    <a:pt x="0" y="955588"/>
                                  </a:lnTo>
                                  <a:lnTo>
                                    <a:pt x="0" y="641610"/>
                                  </a:lnTo>
                                  <a:lnTo>
                                    <a:pt x="135763" y="851597"/>
                                  </a:lnTo>
                                  <a:cubicBezTo>
                                    <a:pt x="247167" y="740193"/>
                                    <a:pt x="358635" y="628725"/>
                                    <a:pt x="470103" y="517257"/>
                                  </a:cubicBezTo>
                                  <a:cubicBezTo>
                                    <a:pt x="313963" y="416006"/>
                                    <a:pt x="157185" y="315740"/>
                                    <a:pt x="398" y="215467"/>
                                  </a:cubicBezTo>
                                  <a:lnTo>
                                    <a:pt x="0" y="215211"/>
                                  </a:lnTo>
                                  <a:lnTo>
                                    <a:pt x="0" y="0"/>
                                  </a:lnTo>
                                  <a:close/>
                                </a:path>
                              </a:pathLst>
                            </a:custGeom>
                            <a:solidFill>
                              <a:srgbClr val="C0C0C0">
                                <a:alpha val="49803"/>
                              </a:srgbClr>
                            </a:solidFill>
                            <a:ln>
                              <a:noFill/>
                            </a:ln>
                          </wps:spPr>
                          <wps:txbx>
                            <w:txbxContent>
                              <w:p w14:paraId="5DFB9AF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51" name="Freeform: Shape 117451"/>
                          <wps:cNvSpPr/>
                          <wps:spPr>
                            <a:xfrm>
                              <a:off x="2642730" y="797215"/>
                              <a:ext cx="1630426" cy="2019160"/>
                            </a:xfrm>
                            <a:custGeom>
                              <a:avLst/>
                              <a:gdLst/>
                              <a:ahLst/>
                              <a:cxnLst/>
                              <a:rect l="l" t="t" r="r" b="b"/>
                              <a:pathLst>
                                <a:path w="1630426" h="2019160" extrusionOk="0">
                                  <a:moveTo>
                                    <a:pt x="464122" y="0"/>
                                  </a:moveTo>
                                  <a:cubicBezTo>
                                    <a:pt x="470662" y="686"/>
                                    <a:pt x="478447" y="2362"/>
                                    <a:pt x="487794" y="7353"/>
                                  </a:cubicBezTo>
                                  <a:cubicBezTo>
                                    <a:pt x="497269" y="12332"/>
                                    <a:pt x="509041" y="19621"/>
                                    <a:pt x="520573" y="29655"/>
                                  </a:cubicBezTo>
                                  <a:cubicBezTo>
                                    <a:pt x="533273" y="40869"/>
                                    <a:pt x="547167" y="53264"/>
                                    <a:pt x="562750" y="68847"/>
                                  </a:cubicBezTo>
                                  <a:cubicBezTo>
                                    <a:pt x="578269" y="84366"/>
                                    <a:pt x="590664" y="98260"/>
                                    <a:pt x="600697" y="109779"/>
                                  </a:cubicBezTo>
                                  <a:cubicBezTo>
                                    <a:pt x="610731" y="121310"/>
                                    <a:pt x="618020" y="133084"/>
                                    <a:pt x="621818" y="141376"/>
                                  </a:cubicBezTo>
                                  <a:cubicBezTo>
                                    <a:pt x="626796" y="150711"/>
                                    <a:pt x="628485" y="158509"/>
                                    <a:pt x="629171" y="165049"/>
                                  </a:cubicBezTo>
                                  <a:cubicBezTo>
                                    <a:pt x="629107" y="172339"/>
                                    <a:pt x="627304" y="176517"/>
                                    <a:pt x="623557" y="180251"/>
                                  </a:cubicBezTo>
                                  <a:cubicBezTo>
                                    <a:pt x="506171" y="297637"/>
                                    <a:pt x="388785" y="415023"/>
                                    <a:pt x="271399" y="532410"/>
                                  </a:cubicBezTo>
                                  <a:cubicBezTo>
                                    <a:pt x="446862" y="707860"/>
                                    <a:pt x="622313" y="883310"/>
                                    <a:pt x="797700" y="1058710"/>
                                  </a:cubicBezTo>
                                  <a:cubicBezTo>
                                    <a:pt x="908672" y="947738"/>
                                    <a:pt x="1019645" y="836765"/>
                                    <a:pt x="1130542" y="725869"/>
                                  </a:cubicBezTo>
                                  <a:cubicBezTo>
                                    <a:pt x="1134288" y="722122"/>
                                    <a:pt x="1138453" y="720319"/>
                                    <a:pt x="1144562" y="719074"/>
                                  </a:cubicBezTo>
                                  <a:cubicBezTo>
                                    <a:pt x="1151103" y="719760"/>
                                    <a:pt x="1158888" y="721436"/>
                                    <a:pt x="1167054" y="725246"/>
                                  </a:cubicBezTo>
                                  <a:cubicBezTo>
                                    <a:pt x="1175347" y="729044"/>
                                    <a:pt x="1185939" y="735152"/>
                                    <a:pt x="1197458" y="745185"/>
                                  </a:cubicBezTo>
                                  <a:cubicBezTo>
                                    <a:pt x="1208926" y="755142"/>
                                    <a:pt x="1224064" y="768795"/>
                                    <a:pt x="1240765" y="785495"/>
                                  </a:cubicBezTo>
                                  <a:cubicBezTo>
                                    <a:pt x="1256335" y="801065"/>
                                    <a:pt x="1267562" y="813778"/>
                                    <a:pt x="1277582" y="825310"/>
                                  </a:cubicBezTo>
                                  <a:cubicBezTo>
                                    <a:pt x="1287615" y="836829"/>
                                    <a:pt x="1294905" y="848602"/>
                                    <a:pt x="1298651" y="856831"/>
                                  </a:cubicBezTo>
                                  <a:cubicBezTo>
                                    <a:pt x="1303693" y="866242"/>
                                    <a:pt x="1305370" y="874027"/>
                                    <a:pt x="1306056" y="880567"/>
                                  </a:cubicBezTo>
                                  <a:cubicBezTo>
                                    <a:pt x="1306004" y="887857"/>
                                    <a:pt x="1305370" y="893217"/>
                                    <a:pt x="1301636" y="896963"/>
                                  </a:cubicBezTo>
                                  <a:cubicBezTo>
                                    <a:pt x="1190727" y="1007859"/>
                                    <a:pt x="1079767" y="1118832"/>
                                    <a:pt x="968794" y="1229805"/>
                                  </a:cubicBezTo>
                                  <a:cubicBezTo>
                                    <a:pt x="1183691" y="1444688"/>
                                    <a:pt x="1398588" y="1659585"/>
                                    <a:pt x="1613535" y="1874546"/>
                                  </a:cubicBezTo>
                                  <a:cubicBezTo>
                                    <a:pt x="1619517" y="1880527"/>
                                    <a:pt x="1623504" y="1886001"/>
                                    <a:pt x="1626121" y="1892986"/>
                                  </a:cubicBezTo>
                                  <a:cubicBezTo>
                                    <a:pt x="1629931" y="1901266"/>
                                    <a:pt x="1630426" y="1907756"/>
                                    <a:pt x="1627683" y="1915350"/>
                                  </a:cubicBezTo>
                                  <a:cubicBezTo>
                                    <a:pt x="1626184" y="1924203"/>
                                    <a:pt x="1622514" y="1932483"/>
                                    <a:pt x="1616774" y="1943075"/>
                                  </a:cubicBezTo>
                                  <a:cubicBezTo>
                                    <a:pt x="1609738" y="1952485"/>
                                    <a:pt x="1600517" y="1964081"/>
                                    <a:pt x="1587932" y="1976666"/>
                                  </a:cubicBezTo>
                                  <a:cubicBezTo>
                                    <a:pt x="1576032" y="1988566"/>
                                    <a:pt x="1564437" y="1997786"/>
                                    <a:pt x="1555090" y="2004759"/>
                                  </a:cubicBezTo>
                                  <a:cubicBezTo>
                                    <a:pt x="1544498" y="2010499"/>
                                    <a:pt x="1535468" y="2014919"/>
                                    <a:pt x="1526616" y="2016417"/>
                                  </a:cubicBezTo>
                                  <a:cubicBezTo>
                                    <a:pt x="1519022" y="2019160"/>
                                    <a:pt x="1512481" y="2018716"/>
                                    <a:pt x="1504252" y="2014855"/>
                                  </a:cubicBezTo>
                                  <a:cubicBezTo>
                                    <a:pt x="1497279" y="2012239"/>
                                    <a:pt x="1491730" y="2008314"/>
                                    <a:pt x="1485748" y="2002333"/>
                                  </a:cubicBezTo>
                                  <a:cubicBezTo>
                                    <a:pt x="1008050" y="1524635"/>
                                    <a:pt x="530403" y="1046988"/>
                                    <a:pt x="52705" y="569290"/>
                                  </a:cubicBezTo>
                                  <a:cubicBezTo>
                                    <a:pt x="21615" y="538201"/>
                                    <a:pt x="5537" y="511416"/>
                                    <a:pt x="2553" y="487858"/>
                                  </a:cubicBezTo>
                                  <a:cubicBezTo>
                                    <a:pt x="0" y="466243"/>
                                    <a:pt x="5423" y="449098"/>
                                    <a:pt x="16510" y="438010"/>
                                  </a:cubicBezTo>
                                  <a:cubicBezTo>
                                    <a:pt x="160681" y="293840"/>
                                    <a:pt x="304800" y="149721"/>
                                    <a:pt x="448920" y="5601"/>
                                  </a:cubicBezTo>
                                  <a:cubicBezTo>
                                    <a:pt x="452653" y="1867"/>
                                    <a:pt x="456832" y="64"/>
                                    <a:pt x="464122" y="0"/>
                                  </a:cubicBezTo>
                                  <a:close/>
                                </a:path>
                              </a:pathLst>
                            </a:custGeom>
                            <a:solidFill>
                              <a:srgbClr val="C0C0C0">
                                <a:alpha val="49803"/>
                              </a:srgbClr>
                            </a:solidFill>
                            <a:ln>
                              <a:noFill/>
                            </a:ln>
                          </wps:spPr>
                          <wps:txbx>
                            <w:txbxContent>
                              <w:p w14:paraId="6703AE1F"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52" name="Freeform: Shape 117452"/>
                          <wps:cNvSpPr/>
                          <wps:spPr>
                            <a:xfrm>
                              <a:off x="3213212" y="0"/>
                              <a:ext cx="1938096" cy="1938223"/>
                            </a:xfrm>
                            <a:custGeom>
                              <a:avLst/>
                              <a:gdLst/>
                              <a:ahLst/>
                              <a:cxnLst/>
                              <a:rect l="l" t="t" r="r" b="b"/>
                              <a:pathLst>
                                <a:path w="1938096" h="1938223" extrusionOk="0">
                                  <a:moveTo>
                                    <a:pt x="690855" y="0"/>
                                  </a:moveTo>
                                  <a:cubicBezTo>
                                    <a:pt x="697395" y="686"/>
                                    <a:pt x="705180" y="2362"/>
                                    <a:pt x="714528" y="7353"/>
                                  </a:cubicBezTo>
                                  <a:cubicBezTo>
                                    <a:pt x="723938" y="12395"/>
                                    <a:pt x="735025" y="20371"/>
                                    <a:pt x="746557" y="30404"/>
                                  </a:cubicBezTo>
                                  <a:cubicBezTo>
                                    <a:pt x="759206" y="41681"/>
                                    <a:pt x="773151" y="54013"/>
                                    <a:pt x="788734" y="69596"/>
                                  </a:cubicBezTo>
                                  <a:cubicBezTo>
                                    <a:pt x="804253" y="85115"/>
                                    <a:pt x="816585" y="99073"/>
                                    <a:pt x="826681" y="110528"/>
                                  </a:cubicBezTo>
                                  <a:cubicBezTo>
                                    <a:pt x="836714" y="122060"/>
                                    <a:pt x="844690" y="133147"/>
                                    <a:pt x="848551" y="141376"/>
                                  </a:cubicBezTo>
                                  <a:cubicBezTo>
                                    <a:pt x="853529" y="150724"/>
                                    <a:pt x="855218" y="158509"/>
                                    <a:pt x="855904" y="165049"/>
                                  </a:cubicBezTo>
                                  <a:cubicBezTo>
                                    <a:pt x="855840" y="172339"/>
                                    <a:pt x="853288" y="177267"/>
                                    <a:pt x="849541" y="181000"/>
                                  </a:cubicBezTo>
                                  <a:cubicBezTo>
                                    <a:pt x="759384" y="271158"/>
                                    <a:pt x="669290" y="361251"/>
                                    <a:pt x="579133" y="451409"/>
                                  </a:cubicBezTo>
                                  <a:cubicBezTo>
                                    <a:pt x="1026490" y="898766"/>
                                    <a:pt x="1473911" y="1346187"/>
                                    <a:pt x="1921269" y="1793545"/>
                                  </a:cubicBezTo>
                                  <a:cubicBezTo>
                                    <a:pt x="1927251" y="1799526"/>
                                    <a:pt x="1932419" y="1806321"/>
                                    <a:pt x="1935036" y="1813293"/>
                                  </a:cubicBezTo>
                                  <a:cubicBezTo>
                                    <a:pt x="1937652" y="1820278"/>
                                    <a:pt x="1938096" y="1826819"/>
                                    <a:pt x="1935353" y="1834413"/>
                                  </a:cubicBezTo>
                                  <a:cubicBezTo>
                                    <a:pt x="1933855" y="1843265"/>
                                    <a:pt x="1930184" y="1851559"/>
                                    <a:pt x="1924444" y="1862150"/>
                                  </a:cubicBezTo>
                                  <a:cubicBezTo>
                                    <a:pt x="1917471" y="1871498"/>
                                    <a:pt x="1908251" y="1883080"/>
                                    <a:pt x="1895602" y="1895729"/>
                                  </a:cubicBezTo>
                                  <a:cubicBezTo>
                                    <a:pt x="1883702" y="1907629"/>
                                    <a:pt x="1872107" y="1916849"/>
                                    <a:pt x="1862760" y="1923834"/>
                                  </a:cubicBezTo>
                                  <a:cubicBezTo>
                                    <a:pt x="1852168" y="1929562"/>
                                    <a:pt x="1843139" y="1933981"/>
                                    <a:pt x="1834287" y="1935480"/>
                                  </a:cubicBezTo>
                                  <a:cubicBezTo>
                                    <a:pt x="1826692" y="1938223"/>
                                    <a:pt x="1820202" y="1937728"/>
                                    <a:pt x="1813167" y="1935163"/>
                                  </a:cubicBezTo>
                                  <a:cubicBezTo>
                                    <a:pt x="1806194" y="1932546"/>
                                    <a:pt x="1799463" y="1927314"/>
                                    <a:pt x="1793481" y="1921332"/>
                                  </a:cubicBezTo>
                                  <a:cubicBezTo>
                                    <a:pt x="1346124" y="1473975"/>
                                    <a:pt x="898703" y="1026554"/>
                                    <a:pt x="451345" y="579196"/>
                                  </a:cubicBezTo>
                                  <a:cubicBezTo>
                                    <a:pt x="361188" y="669354"/>
                                    <a:pt x="271031" y="759511"/>
                                    <a:pt x="180873" y="849668"/>
                                  </a:cubicBezTo>
                                  <a:cubicBezTo>
                                    <a:pt x="177191" y="853351"/>
                                    <a:pt x="172276" y="855904"/>
                                    <a:pt x="165672" y="855282"/>
                                  </a:cubicBezTo>
                                  <a:cubicBezTo>
                                    <a:pt x="158382" y="855345"/>
                                    <a:pt x="151333" y="852919"/>
                                    <a:pt x="141986" y="847928"/>
                                  </a:cubicBezTo>
                                  <a:cubicBezTo>
                                    <a:pt x="133769" y="844067"/>
                                    <a:pt x="122682" y="836092"/>
                                    <a:pt x="111214" y="825995"/>
                                  </a:cubicBezTo>
                                  <a:cubicBezTo>
                                    <a:pt x="98933" y="816712"/>
                                    <a:pt x="85039" y="804316"/>
                                    <a:pt x="69533" y="788797"/>
                                  </a:cubicBezTo>
                                  <a:cubicBezTo>
                                    <a:pt x="53950" y="773227"/>
                                    <a:pt x="41554" y="759333"/>
                                    <a:pt x="31090" y="745871"/>
                                  </a:cubicBezTo>
                                  <a:cubicBezTo>
                                    <a:pt x="20993" y="734403"/>
                                    <a:pt x="13018" y="723316"/>
                                    <a:pt x="7976" y="713905"/>
                                  </a:cubicBezTo>
                                  <a:cubicBezTo>
                                    <a:pt x="2985" y="704558"/>
                                    <a:pt x="559" y="697522"/>
                                    <a:pt x="622" y="690232"/>
                                  </a:cubicBezTo>
                                  <a:cubicBezTo>
                                    <a:pt x="0" y="683628"/>
                                    <a:pt x="2553" y="678701"/>
                                    <a:pt x="6223" y="675030"/>
                                  </a:cubicBezTo>
                                  <a:cubicBezTo>
                                    <a:pt x="229159" y="452095"/>
                                    <a:pt x="452031" y="229222"/>
                                    <a:pt x="674903" y="6350"/>
                                  </a:cubicBezTo>
                                  <a:cubicBezTo>
                                    <a:pt x="678637" y="2616"/>
                                    <a:pt x="683565" y="63"/>
                                    <a:pt x="690855" y="0"/>
                                  </a:cubicBezTo>
                                  <a:close/>
                                </a:path>
                              </a:pathLst>
                            </a:custGeom>
                            <a:solidFill>
                              <a:srgbClr val="C0C0C0">
                                <a:alpha val="49803"/>
                              </a:srgbClr>
                            </a:solidFill>
                            <a:ln>
                              <a:noFill/>
                            </a:ln>
                          </wps:spPr>
                          <wps:txbx>
                            <w:txbxContent>
                              <w:p w14:paraId="79E39B7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g:grpSp>
                    </wpg:wgp>
                  </a:graphicData>
                </a:graphic>
              </wp:anchor>
            </w:drawing>
          </mc:Choice>
          <mc:Fallback>
            <w:pict>
              <v:group w14:anchorId="610C07DB" id="Group 117442" o:spid="_x0000_s1134" alt="P102#y1" style="position:absolute;left:0;text-align:left;margin-left:32pt;margin-top:-156pt;width:405.6pt;height:428.55pt;z-index:-251669504;mso-wrap-distance-left:0;mso-wrap-distance-right:0;mso-position-horizontal-relative:text;mso-position-vertical-relative:text" coordorigin="27703,10588" coordsize="51513,5442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">
                <v:group id="Group 117443" o:spid="_x0000_s1135" style="position:absolute;left:27703;top:10588;width:51513;height:54423" coordsize="51513,5442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">
                  <v:rect id="Rectangle 117444" o:spid="_x0000_s1136" style="position:absolute;width:51513;height:5442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" filled="f" stroked="f">
                    <v:textbox inset="2.53958mm,2.53958mm,2.53958mm,2.53958mm">
                      <w:txbxContent>
                        <w:p w14:paraId="288C13F8" w14:textId="77777777" w:rsidR="00CF54CB" w:rsidRDefault="00CF54CB">
                          <w:pPr>
                            <w:spacing w:after="0" w:line="240" w:lineRule="auto"/>
                            <w:ind w:left="0" w:firstLine="0"/>
                            <w:jc w:val="left"/>
                            <w:textDirection w:val="btLr"/>
                          </w:pPr>
                        </w:p>
                      </w:txbxContent>
                    </v:textbox>
                  </v:rect>
                  <v:shape id="Freeform: Shape 117445" o:spid="_x0000_s1137" style="position:absolute;top:34844;width:10005;height:14727;visibility:visible;mso-wrap-style:square;v-text-anchor:middle" coordsize="1000596,147266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" adj="-11796480,,5400" path="m639526,592v49112,592,99671,7164,151506,20245c843153,34890,896506,53877,950816,78416r49780,24876l1000596,330497,954591,304878c913406,283927,872750,267167,832777,254238,772874,234893,715315,227570,659761,230085v-18518,838,-36813,2769,-54898,5713c532460,247507,463931,288134,397827,354238v-43306,43307,-86677,86677,-130035,130035l1000596,1217085r,255579l52705,524773c21615,493684,5537,466887,2553,443341,,421725,5410,404580,16574,393430,89090,320913,161684,248320,234201,175790,317449,92554,404609,37906,496697,16227,542747,5388,590414,,639526,592xe" fillcolor="silver" stroked="f">
                    <v:fill opacity="32639f"/>
                    <v:stroke joinstyle="miter"/>
                    <v:formulas/>
                    <v:path arrowok="t" o:extrusionok="f" o:connecttype="custom" textboxrect="0,0,1000596,1472664"/>
                    <v:textbox inset="2.53958mm,2.53958mm,2.53958mm,2.53958mm">
                      <w:txbxContent>
                        <w:p w14:paraId="54D86F9E" w14:textId="77777777" w:rsidR="00CF54CB" w:rsidRDefault="00CF54CB">
                          <w:pPr>
                            <w:spacing w:after="0" w:line="240" w:lineRule="auto"/>
                            <w:ind w:left="0" w:firstLine="0"/>
                            <w:jc w:val="left"/>
                            <w:textDirection w:val="btLr"/>
                          </w:pPr>
                        </w:p>
                      </w:txbxContent>
                    </v:textbox>
                  </v:shape>
                  <v:shape id="Freeform: Shape 117446" o:spid="_x0000_s1138" style="position:absolute;left:10005;top:35877;width:9593;height:18545;visibility:visible;mso-wrap-style:square;v-text-anchor:middle" coordsize="959243,185452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" adj="-11796480,,5400" path="m,l32368,16175v27599,15124,55404,31714,83379,49846c227583,138487,342785,233623,458863,349701,592822,483660,699172,611575,777366,732136v79451,121679,130035,235204,155956,341630c959243,1180179,957185,1280928,930833,1372953v-26366,91910,-81001,179069,-163437,261505c699553,1702302,631697,1770158,563841,1838013v-11151,11152,-28347,16511,-51092,12828c490384,1849038,463587,1832959,432497,1801870l,1369372,,1113793r471753,471758c515619,1541685,559485,1497819,603287,1454017v61684,-61684,101562,-124740,118199,-192342c738123,1194073,737247,1122051,713320,1042550,689520,963047,648651,877691,584656,786035,521918,695623,438047,597808,332751,492512,249020,408768,164400,337991,78980,277361,57936,262518,36986,248812,16149,236197l,227205,,xe" fillcolor="silver" stroked="f">
                    <v:fill opacity="32639f"/>
                    <v:stroke joinstyle="miter"/>
                    <v:formulas/>
                    <v:path arrowok="t" o:extrusionok="f" o:connecttype="custom" textboxrect="0,0,959243,1854524"/>
                    <v:textbox inset="2.53958mm,2.53958mm,2.53958mm,2.53958mm">
                      <w:txbxContent>
                        <w:p w14:paraId="1D9498D5" w14:textId="77777777" w:rsidR="00CF54CB" w:rsidRDefault="00CF54CB">
                          <w:pPr>
                            <w:spacing w:after="0" w:line="240" w:lineRule="auto"/>
                            <w:ind w:left="0" w:firstLine="0"/>
                            <w:jc w:val="left"/>
                            <w:textDirection w:val="btLr"/>
                          </w:pPr>
                        </w:p>
                      </w:txbxContent>
                    </v:textbox>
                  </v:shape>
                  <v:shape id="Freeform: Shape 117447" o:spid="_x0000_s1139" style="position:absolute;left:9361;top:25902;width:6287;height:10588;visibility:visible;mso-wrap-style:square;v-text-anchor:middle" coordsize="628690,1058861"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" adj="-11796480,,5400" path="m559321,2040v12976,1020,26046,2690,39244,5095l628690,14286r,223798l623625,236432v-14620,-3289,-29196,-5096,-43729,-5462c550831,230238,521938,235271,493217,245742v-18694,6477,-35585,16510,-53581,29654c421627,288541,399631,308175,374332,333461v-35890,35890,-71843,71843,-107721,107733l628690,803273r,255588l52705,482876c21615,451786,5537,424990,2553,401444,,379828,5359,362747,16510,351596,84607,283499,152705,215401,220815,147291v24549,-24549,45796,-43421,63297,-58560c302247,75574,319316,62989,334454,52841,382499,26730,430479,8785,482308,3058,507791,562,533368,,559321,2040xe" fillcolor="silver" stroked="f">
                    <v:fill opacity="32639f"/>
                    <v:stroke joinstyle="miter"/>
                    <v:formulas/>
                    <v:path arrowok="t" o:extrusionok="f" o:connecttype="custom" textboxrect="0,0,628690,1058861"/>
                    <v:textbox inset="2.53958mm,2.53958mm,2.53958mm,2.53958mm">
                      <w:txbxContent>
                        <w:p w14:paraId="72C27E4F" w14:textId="77777777" w:rsidR="00CF54CB" w:rsidRDefault="00CF54CB">
                          <w:pPr>
                            <w:spacing w:after="0" w:line="240" w:lineRule="auto"/>
                            <w:ind w:left="0" w:firstLine="0"/>
                            <w:jc w:val="left"/>
                            <w:textDirection w:val="btLr"/>
                          </w:pPr>
                        </w:p>
                      </w:txbxContent>
                    </v:textbox>
                  </v:shape>
                  <v:shape id="Freeform: Shape 117448" o:spid="_x0000_s1140" style="position:absolute;left:15648;top:26044;width:15166;height:19185;visibility:visible;mso-wrap-style:square;v-text-anchor:middle" coordsize="1516569,19184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" adj="-11796480,,5400" path="m,l9892,2348c63714,18172,117118,40918,170890,75742v53771,34835,107480,79197,161302,133032c383602,260171,425652,311453,458303,360171v33147,50596,55830,99440,70968,146735c545590,555382,552944,602359,553134,648156v127,45733,-5613,91211,-17945,135077c561542,778687,590764,777632,620114,782052v30531,5601,63678,12713,98628,25857c753692,820927,791831,837500,832445,859179v40628,21692,85992,45491,135027,75578c1109470,1020304,1252587,1103857,1394522,1189468v35382,22187,60249,37821,73203,46418c1481872,1245666,1492274,1254454,1498256,1260436v5981,5981,11150,12776,14516,18999c1516137,1285670,1516569,1292211,1515083,1301063v-1562,8788,-5982,17818,-13652,27978c1493709,1339125,1482990,1352218,1468157,1367039v-12650,12650,-24232,21870,-33579,28855c1425167,1402802,1416137,1407235,1406104,1407540v-8788,1562,-17322,622,-25489,-3175c1371713,1401304,1361057,1395271,1349284,1387854,1198625,1295018,1046656,1204238,896009,1111401v-52096,-31648,-101067,-59067,-146800,-82868c703604,1004734,660055,988846,619428,979003v-40691,-9906,-77698,-10528,-112839,-4432c472565,981925,440104,1000314,411135,1029283v-28473,28473,-56946,56946,-85420,85420c545463,1334464,765161,1554149,984845,1773846v5982,5981,11214,12700,13780,19748c1001241,1800566,1000987,1807793,998929,1814714v-1434,8789,-5168,17132,-10909,27725c981048,1851785,971828,1863381,959242,1875966v-12649,12650,-23495,21121,-32842,28093c915808,1909799,906778,1914219,897927,1915717v-7595,2743,-14136,2299,-21120,-317c869834,1912784,863040,1907615,857058,1901633l,1044575,,788988,159485,948473v41618,-41618,83236,-83236,124790,-124803c317740,790218,340600,753388,351572,715631v11088,-37757,13958,-75768,5919,-115951c350760,560678,335748,521118,311453,480744,286396,441108,255497,402601,218426,365530,157428,304532,97737,261669,38924,236498l,223799,,xe" fillcolor="silver" stroked="f">
                    <v:fill opacity="32639f"/>
                    <v:stroke joinstyle="miter"/>
                    <v:formulas/>
                    <v:path arrowok="t" o:extrusionok="f" o:connecttype="custom" textboxrect="0,0,1516569,1918460"/>
                    <v:textbox inset="2.53958mm,2.53958mm,2.53958mm,2.53958mm">
                      <w:txbxContent>
                        <w:p w14:paraId="569D1CB3" w14:textId="77777777" w:rsidR="00CF54CB" w:rsidRDefault="00CF54CB">
                          <w:pPr>
                            <w:spacing w:after="0" w:line="240" w:lineRule="auto"/>
                            <w:ind w:left="0" w:firstLine="0"/>
                            <w:jc w:val="left"/>
                            <w:textDirection w:val="btLr"/>
                          </w:pPr>
                        </w:p>
                      </w:txbxContent>
                    </v:textbox>
                  </v:shape>
                  <v:shape id="Freeform: Shape 117449" o:spid="_x0000_s1141" style="position:absolute;left:19781;top:17866;width:7344;height:13181;visibility:visible;mso-wrap-style:square;v-text-anchor:middle" coordsize="734403,131804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" adj="-11796480,,5400" path="m143118,343v4501,-343,8907,-16,13702,1165c166548,3870,177203,9916,187732,16088l734403,362456r,215211l265049,276095v-254,241,-495,495,-749,749c365894,432641,466550,589061,567214,745472r167189,258595l734403,1318044,574148,1065135c388880,771360,203613,477586,16447,184998,10224,174406,5423,164995,3048,155280,,146377,1054,138338,4051,127988v2236,-9462,8166,-20003,16574,-30900c29032,86179,40996,74343,55829,59522,71463,43875,84735,30477,96393,21320,108039,12164,118567,6245,128854,3197,134023,1698,138617,686,143118,343xe" fillcolor="silver" stroked="f">
                    <v:fill opacity="32639f"/>
                    <v:stroke joinstyle="miter"/>
                    <v:formulas/>
                    <v:path arrowok="t" o:extrusionok="f" o:connecttype="custom" textboxrect="0,0,734403,1318044"/>
                    <v:textbox inset="2.53958mm,2.53958mm,2.53958mm,2.53958mm">
                      <w:txbxContent>
                        <w:p w14:paraId="3F51AC61" w14:textId="77777777" w:rsidR="00CF54CB" w:rsidRDefault="00CF54CB">
                          <w:pPr>
                            <w:spacing w:after="0" w:line="240" w:lineRule="auto"/>
                            <w:ind w:left="0" w:firstLine="0"/>
                            <w:jc w:val="left"/>
                            <w:textDirection w:val="btLr"/>
                          </w:pPr>
                        </w:p>
                      </w:txbxContent>
                    </v:textbox>
                  </v:shape>
                  <v:shape id="Freeform: Shape 117450" o:spid="_x0000_s1142" style="position:absolute;left:27125;top:21491;width:12837;height:16529;visibility:visible;mso-wrap-style:square;v-text-anchor:middle" coordsize="1283754,165291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" adj="-11796480,,5400" path="m,l333496,211301v293773,185268,587546,370536,880167,557670c1235215,783296,1250671,794142,1262202,804175v10782,10783,16751,21374,19190,31026c1283754,844917,1280516,855140,1272794,865364v-8420,10769,-19126,23863,-34773,39497c1222451,920444,1210615,932395,1200455,940065v-10909,8408,-19939,12840,-27978,13640c1164882,956448,1158265,955953,1151293,953337v-6972,-2616,-15265,-6299,-24612,-11278c973976,843304,820077,746479,667360,647724,534149,780934,400876,914208,267665,1047418v98374,149848,194894,300940,293269,450787c566738,1506866,570344,1515096,572960,1522068v3747,8230,3556,15520,2744,23559c575399,1555647,570967,1564689,564058,1574100v-7735,10084,-17704,22428,-31839,36576c518135,1624748,505054,1635467,494957,1643188v-12090,7239,-21679,9728,-31280,7354c453961,1648179,443370,1642070,433337,1630666v-10783,-10769,-21628,-26225,-35891,-47841l,955588,,641610,135763,851597c247167,740193,358635,628725,470103,517257,313963,416006,157185,315740,398,215467l,215211,,xe" fillcolor="silver" stroked="f">
                    <v:fill opacity="32639f"/>
                    <v:stroke joinstyle="miter"/>
                    <v:formulas/>
                    <v:path arrowok="t" o:extrusionok="f" o:connecttype="custom" textboxrect="0,0,1283754,1652916"/>
                    <v:textbox inset="2.53958mm,2.53958mm,2.53958mm,2.53958mm">
                      <w:txbxContent>
                        <w:p w14:paraId="5DFB9AFA" w14:textId="77777777" w:rsidR="00CF54CB" w:rsidRDefault="00CF54CB">
                          <w:pPr>
                            <w:spacing w:after="0" w:line="240" w:lineRule="auto"/>
                            <w:ind w:left="0" w:firstLine="0"/>
                            <w:jc w:val="left"/>
                            <w:textDirection w:val="btLr"/>
                          </w:pPr>
                        </w:p>
                      </w:txbxContent>
                    </v:textbox>
                  </v:shape>
                  <v:shape id="Freeform: Shape 117451" o:spid="_x0000_s1143" style="position:absolute;left:26427;top:7972;width:16304;height:20191;visibility:visible;mso-wrap-style:square;v-text-anchor:middle" coordsize="1630426,20191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" adj="-11796480,,5400" path="m464122,v6540,686,14325,2362,23672,7353c497269,12332,509041,19621,520573,29655v12700,11214,26594,23609,42177,39192c578269,84366,590664,98260,600697,109779v10034,11531,17323,23305,21121,31597c626796,150711,628485,158509,629171,165049v-64,7290,-1867,11468,-5614,15202c506171,297637,388785,415023,271399,532410v175463,175450,350914,350900,526301,526300c908672,947738,1019645,836765,1130542,725869v3746,-3747,7911,-5550,14020,-6795c1151103,719760,1158888,721436,1167054,725246v8293,3798,18885,9906,30404,19939c1208926,755142,1224064,768795,1240765,785495v15570,15570,26797,28283,36817,39815c1287615,836829,1294905,848602,1298651,856831v5042,9411,6719,17196,7405,23736c1306004,887857,1305370,893217,1301636,896963v-110909,110896,-221869,221869,-332842,332842c1183691,1444688,1398588,1659585,1613535,1874546v5982,5981,9969,11455,12586,18440c1629931,1901266,1630426,1907756,1627683,1915350v-1499,8853,-5169,17133,-10909,27725c1609738,1952485,1600517,1964081,1587932,1976666v-11900,11900,-23495,21120,-32842,28093c1544498,2010499,1535468,2014919,1526616,2016417v-7594,2743,-14135,2299,-22364,-1562c1497279,2012239,1491730,2008314,1485748,2002333,1008050,1524635,530403,1046988,52705,569290,21615,538201,5537,511416,2553,487858,,466243,5423,449098,16510,438010,160681,293840,304800,149721,448920,5601,452653,1867,456832,64,464122,xe" fillcolor="silver" stroked="f">
                    <v:fill opacity="32639f"/>
                    <v:stroke joinstyle="miter"/>
                    <v:formulas/>
                    <v:path arrowok="t" o:extrusionok="f" o:connecttype="custom" textboxrect="0,0,1630426,2019160"/>
                    <v:textbox inset="2.53958mm,2.53958mm,2.53958mm,2.53958mm">
                      <w:txbxContent>
                        <w:p w14:paraId="6703AE1F" w14:textId="77777777" w:rsidR="00CF54CB" w:rsidRDefault="00CF54CB">
                          <w:pPr>
                            <w:spacing w:after="0" w:line="240" w:lineRule="auto"/>
                            <w:ind w:left="0" w:firstLine="0"/>
                            <w:jc w:val="left"/>
                            <w:textDirection w:val="btLr"/>
                          </w:pPr>
                        </w:p>
                      </w:txbxContent>
                    </v:textbox>
                  </v:shape>
                  <v:shape id="Freeform: Shape 117452" o:spid="_x0000_s1144" style="position:absolute;left:32132;width:19381;height:19382;visibility:visible;mso-wrap-style:square;v-text-anchor:middle" coordsize="1938096,193822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" adj="-11796480,,5400" path="m690855,v6540,686,14325,2362,23673,7353c723938,12395,735025,20371,746557,30404v12649,11277,26594,23609,42177,39192c804253,85115,816585,99073,826681,110528v10033,11532,18009,22619,21870,30848c853529,150724,855218,158509,855904,165049v-64,7290,-2616,12218,-6363,15951c759384,271158,669290,361251,579133,451409v447357,447357,894778,894778,1342136,1342136c1927251,1799526,1932419,1806321,1935036,1813293v2616,6985,3060,13526,317,21120c1933855,1843265,1930184,1851559,1924444,1862150v-6973,9348,-16193,20930,-28842,33579c1883702,1907629,1872107,1916849,1862760,1923834v-10592,5728,-19621,10147,-28473,11646c1826692,1938223,1820202,1937728,1813167,1935163v-6973,-2617,-13704,-7849,-19686,-13831c1346124,1473975,898703,1026554,451345,579196,361188,669354,271031,759511,180873,849668v-3682,3683,-8597,6236,-15201,5614c158382,855345,151333,852919,141986,847928v-8217,-3861,-19304,-11836,-30772,-21933c98933,816712,85039,804316,69533,788797,53950,773227,41554,759333,31090,745871,20993,734403,13018,723316,7976,713905,2985,704558,559,697522,622,690232,,683628,2553,678701,6223,675030,229159,452095,452031,229222,674903,6350,678637,2616,683565,63,690855,xe" fillcolor="silver" stroked="f">
                    <v:fill opacity="32639f"/>
                    <v:stroke joinstyle="miter"/>
                    <v:formulas/>
                    <v:path arrowok="t" o:extrusionok="f" o:connecttype="custom" textboxrect="0,0,1938096,1938223"/>
                    <v:textbox inset="2.53958mm,2.53958mm,2.53958mm,2.53958mm">
                      <w:txbxContent>
                        <w:p w14:paraId="79E39B76" w14:textId="77777777" w:rsidR="00CF54CB" w:rsidRDefault="00CF54CB">
                          <w:pPr>
                            <w:spacing w:after="0" w:line="240" w:lineRule="auto"/>
                            <w:ind w:left="0" w:firstLine="0"/>
                            <w:jc w:val="left"/>
                            <w:textDirection w:val="btLr"/>
                          </w:pPr>
                        </w:p>
                      </w:txbxContent>
                    </v:textbox>
                  </v:shape>
                </v:group>
              </v:group>
            </w:pict>
          </mc:Fallback>
        </mc:AlternateContent>
      </w:r>
    </w:p>
    <w:p w14:paraId="1AC19407" w14:textId="77777777" w:rsidR="00CF54CB" w:rsidRDefault="00344004" w:rsidP="00B078CA">
      <w:pPr>
        <w:pStyle w:val="Heading2"/>
      </w:pPr>
      <w:r>
        <w:t>C. Regulator</w:t>
      </w:r>
      <w:sdt>
        <w:sdtPr>
          <w:tag w:val="goog_rdk_20"/>
          <w:id w:val="922381308"/>
        </w:sdtPr>
        <w:sdtEndPr/>
        <w:sdtContent>
          <w:ins w:id="37" w:author="Daveline, Dan" w:date="2021-12-16T10:22:00Z">
            <w:r>
              <w:t>y</w:t>
            </w:r>
          </w:ins>
        </w:sdtContent>
      </w:sdt>
      <w:r>
        <w:t xml:space="preserve"> Concerns with Restructuring Plans</w:t>
      </w:r>
    </w:p>
    <w:p w14:paraId="0F589854" w14:textId="77777777" w:rsidR="00CF54CB" w:rsidRDefault="00344004">
      <w:pPr>
        <w:spacing w:after="6" w:line="242" w:lineRule="auto"/>
        <w:ind w:left="-11" w:right="59" w:firstLine="710"/>
        <w:jc w:val="left"/>
      </w:pPr>
      <w:r>
        <w:t xml:space="preserve">While restructuring may provide value to the insurer, regulators are concerned that restructuring does not create new resources from which claims can be paid.  Restructuring should not be utilized to allow insurers to escape these liabilities or separate claims in a manner that </w:t>
      </w:r>
      <w:sdt>
        <w:sdtPr>
          <w:tag w:val="goog_rdk_21"/>
          <w:id w:val="-344555620"/>
        </w:sdtPr>
        <w:sdtEndPr/>
        <w:sdtContent>
          <w:ins w:id="38" w:author="Daveline, Dan" w:date="2021-12-16T10:23:00Z">
            <w:r>
              <w:t xml:space="preserve">could </w:t>
            </w:r>
          </w:ins>
        </w:sdtContent>
      </w:sdt>
      <w:r>
        <w:t>provide</w:t>
      </w:r>
      <w:sdt>
        <w:sdtPr>
          <w:tag w:val="goog_rdk_22"/>
          <w:id w:val="-277951819"/>
        </w:sdtPr>
        <w:sdtEndPr/>
        <w:sdtContent>
          <w:del w:id="39" w:author="Daveline, Dan" w:date="2021-12-16T10:23:00Z">
            <w:r>
              <w:delText>s</w:delText>
            </w:r>
          </w:del>
        </w:sdtContent>
      </w:sdt>
      <w:r>
        <w:t xml:space="preserve"> less capital than is needed to satisfy the insurer’s obligation. Restructuring plans that place solvency at risk or threaten consumer benefits will be faced with challenges from regulators. However, when regulators are shown that the restructuring plan benefits both the insurer and the insured, then the regulator may be willing to approve the restructuring plan. Regulators have utilized procedures to ensure the resulting structure will have sufficient assets, both as to quality and duration, to meet policyholder and other creditor obligations. One of the recommendations of this white paper is to memorialize and standardize those procedures.  </w:t>
      </w:r>
    </w:p>
    <w:p w14:paraId="54D88271" w14:textId="77777777" w:rsidR="00CF54CB" w:rsidRDefault="00344004">
      <w:pPr>
        <w:spacing w:after="256" w:line="259" w:lineRule="auto"/>
        <w:ind w:left="-24" w:firstLine="0"/>
        <w:jc w:val="left"/>
      </w:pPr>
      <w:r>
        <w:rPr>
          <w:rFonts w:ascii="Calibri" w:eastAsia="Calibri" w:hAnsi="Calibri" w:cs="Calibri"/>
          <w:noProof/>
          <w:sz w:val="22"/>
          <w:szCs w:val="22"/>
        </w:rPr>
        <mc:AlternateContent>
          <mc:Choice Requires="wpg">
            <w:drawing>
              <wp:inline distT="0" distB="0" distL="0" distR="0" wp14:anchorId="11BCB5AF" wp14:editId="4DEFE903">
                <wp:extent cx="6041149" cy="6096"/>
                <wp:effectExtent l="0" t="0" r="0" b="0"/>
                <wp:docPr id="117453" name="Group 117453" descr="P105#y1"/>
                <wp:cNvGraphicFramePr/>
                <a:graphic xmlns:a="http://schemas.openxmlformats.org/drawingml/2006/main">
                  <a:graphicData uri="http://schemas.microsoft.com/office/word/2010/wordprocessingGroup">
                    <wpg:wgp>
                      <wpg:cNvGrpSpPr/>
                      <wpg:grpSpPr>
                        <a:xfrm>
                          <a:off x="0" y="0"/>
                          <a:ext cx="6041149" cy="6096"/>
                          <a:chOff x="2325426" y="3776952"/>
                          <a:chExt cx="6041149" cy="9144"/>
                        </a:xfrm>
                      </wpg:grpSpPr>
                      <wpg:grpSp>
                        <wpg:cNvPr id="117454" name="Group 117454"/>
                        <wpg:cNvGrpSpPr/>
                        <wpg:grpSpPr>
                          <a:xfrm>
                            <a:off x="2325426" y="3776952"/>
                            <a:ext cx="6041149" cy="9144"/>
                            <a:chOff x="0" y="0"/>
                            <a:chExt cx="6041149" cy="9144"/>
                          </a:xfrm>
                        </wpg:grpSpPr>
                        <wps:wsp>
                          <wps:cNvPr id="117455" name="Rectangle 117455"/>
                          <wps:cNvSpPr/>
                          <wps:spPr>
                            <a:xfrm>
                              <a:off x="0" y="0"/>
                              <a:ext cx="6041125" cy="6075"/>
                            </a:xfrm>
                            <a:prstGeom prst="rect">
                              <a:avLst/>
                            </a:prstGeom>
                            <a:noFill/>
                            <a:ln>
                              <a:noFill/>
                            </a:ln>
                          </wps:spPr>
                          <wps:txbx>
                            <w:txbxContent>
                              <w:p w14:paraId="6311045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456" name="Freeform: Shape 117456"/>
                          <wps:cNvSpPr/>
                          <wps:spPr>
                            <a:xfrm>
                              <a:off x="0" y="0"/>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11BCB5AF" id="Group 117453" o:spid="_x0000_s1145" alt="P105#y1" style="width:475.7pt;height:.5pt;mso-position-horizontal-relative:char;mso-position-vertical-relative:line" coordorigin="23254,37769" coordsize="60411,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">
                <v:group id="Group 117454" o:spid="_x0000_s1146" style="position:absolute;left:23254;top:37769;width:60411;height:91" coordsize="60411,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">
                  <v:rect id="Rectangle 117455" o:spid="_x0000_s1147" style="position:absolute;width:60411;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" filled="f" stroked="f">
                    <v:textbox inset="2.53958mm,2.53958mm,2.53958mm,2.53958mm">
                      <w:txbxContent>
                        <w:p w14:paraId="6311045A" w14:textId="77777777" w:rsidR="00CF54CB" w:rsidRDefault="00CF54CB">
                          <w:pPr>
                            <w:spacing w:after="0" w:line="240" w:lineRule="auto"/>
                            <w:ind w:left="0" w:firstLine="0"/>
                            <w:jc w:val="left"/>
                            <w:textDirection w:val="btLr"/>
                          </w:pPr>
                        </w:p>
                      </w:txbxContent>
                    </v:textbox>
                  </v:rect>
                  <v:shape id="Freeform: Shape 117456" o:spid="_x0000_s1148" style="position:absolute;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" path="m,l6041149,r,9144l,9144,,e" fillcolor="#4472c4" stroked="f">
                    <v:path arrowok="t" o:extrusionok="f"/>
                  </v:shape>
                </v:group>
                <w10:anchorlock/>
              </v:group>
            </w:pict>
          </mc:Fallback>
        </mc:AlternateContent>
      </w:r>
    </w:p>
    <w:p w14:paraId="1110FE2C" w14:textId="77777777" w:rsidR="00CF54CB" w:rsidRDefault="00344004" w:rsidP="00B078CA">
      <w:pPr>
        <w:pStyle w:val="Heading1"/>
      </w:pPr>
      <w:r>
        <w:t xml:space="preserve">Section 2: History of Restructuring in the United Kingdom </w:t>
      </w:r>
    </w:p>
    <w:p w14:paraId="53F39EA6" w14:textId="77777777" w:rsidR="00CF54CB" w:rsidRDefault="00344004" w:rsidP="00B078CA">
      <w:pPr>
        <w:pStyle w:val="Heading2"/>
      </w:pPr>
      <w:r>
        <w:t xml:space="preserve">A. Part VII Transfers </w:t>
      </w:r>
      <w:sdt>
        <w:sdtPr>
          <w:tag w:val="goog_rdk_23"/>
          <w:id w:val="-360448714"/>
        </w:sdtPr>
        <w:sdtEndPr/>
        <w:sdtContent>
          <w:ins w:id="40" w:author="Daveline, Dan" w:date="2021-12-16T10:41:00Z">
            <w:r>
              <w:t xml:space="preserve">and Solvent Schemes of Arrangement </w:t>
            </w:r>
          </w:ins>
        </w:sdtContent>
      </w:sdt>
      <w:r>
        <w:t>in the United Kingdom</w:t>
      </w:r>
    </w:p>
    <w:p w14:paraId="441A16C7" w14:textId="28D3E8FC" w:rsidR="00CF54CB" w:rsidRDefault="00DE74AE">
      <w:pPr>
        <w:spacing w:after="272" w:line="242" w:lineRule="auto"/>
        <w:ind w:left="-11" w:right="59" w:firstLine="710"/>
        <w:jc w:val="left"/>
      </w:pPr>
      <w:sdt>
        <w:sdtPr>
          <w:tag w:val="goog_rdk_25"/>
          <w:id w:val="-2141103691"/>
        </w:sdtPr>
        <w:sdtEndPr/>
        <w:sdtContent>
          <w:ins w:id="41" w:author="Daveline, Dan" w:date="2021-12-16T10:42:00Z">
            <w:r w:rsidR="00344004">
              <w:t xml:space="preserve">Restructuring </w:t>
            </w:r>
          </w:ins>
        </w:sdtContent>
      </w:sdt>
      <w:sdt>
        <w:sdtPr>
          <w:tag w:val="goog_rdk_26"/>
          <w:id w:val="-819499931"/>
        </w:sdtPr>
        <w:sdtEndPr/>
        <w:sdtContent>
          <w:del w:id="42" w:author="Daveline, Dan" w:date="2021-12-16T10:42:00Z">
            <w:r w:rsidR="00344004">
              <w:delText xml:space="preserve">IBT and CD </w:delText>
            </w:r>
          </w:del>
        </w:sdtContent>
      </w:sdt>
      <w:r w:rsidR="00344004">
        <w:t>laws and regulations are relatively new in the US, but the legal mechanism for the transfer of insurance business has been implemented and operational in the UK for over twenty years.  Part VII of the Financial Services and Markets Act of 2000</w:t>
      </w:r>
      <w:r w:rsidR="00344004">
        <w:rPr>
          <w:rFonts w:ascii="ZWAdobeF" w:eastAsia="ZWAdobeF" w:hAnsi="ZWAdobeF" w:cs="ZWAdobeF"/>
          <w:sz w:val="2"/>
          <w:szCs w:val="2"/>
        </w:rPr>
        <w:t>3F</w:t>
      </w:r>
      <w:r w:rsidR="00344004">
        <w:rPr>
          <w:vertAlign w:val="superscript"/>
        </w:rPr>
        <w:footnoteReference w:id="4"/>
      </w:r>
      <w:r w:rsidR="00344004">
        <w:t xml:space="preserve"> (“Part VII” and “FSMA”) enables insurers to transfer portfolios of business to another insurer subject to court approval. At the time of this writing, more than 300</w:t>
      </w:r>
      <w:r w:rsidR="00344004">
        <w:rPr>
          <w:rFonts w:ascii="ZWAdobeF" w:eastAsia="ZWAdobeF" w:hAnsi="ZWAdobeF" w:cs="ZWAdobeF"/>
          <w:sz w:val="2"/>
          <w:szCs w:val="2"/>
        </w:rPr>
        <w:t>4F</w:t>
      </w:r>
      <w:r w:rsidR="00344004">
        <w:rPr>
          <w:vertAlign w:val="superscript"/>
        </w:rPr>
        <w:footnoteReference w:id="5"/>
      </w:r>
      <w:r w:rsidR="00344004">
        <w:t xml:space="preserve"> successful Part VII transfers have taken place in the UK</w:t>
      </w:r>
      <w:ins w:id="43" w:author="Gendron, Matthew (DBR)" w:date="2022-03-11T16:47:00Z">
        <w:r w:rsidR="006D43A7">
          <w:t xml:space="preserve"> without any failures</w:t>
        </w:r>
        <w:r w:rsidR="006D43A7">
          <w:rPr>
            <w:rStyle w:val="FootnoteReference"/>
          </w:rPr>
          <w:footnoteReference w:id="6"/>
        </w:r>
      </w:ins>
      <w:r w:rsidR="00344004">
        <w:t xml:space="preserve"> providing guidance to American insurers on how this process could continue to unfold in the US. </w:t>
      </w:r>
    </w:p>
    <w:p w14:paraId="37E8AD48" w14:textId="59BBD843" w:rsidR="00CF54CB" w:rsidRDefault="00344004">
      <w:pPr>
        <w:spacing w:after="272" w:line="242" w:lineRule="auto"/>
        <w:ind w:left="-11" w:right="59" w:firstLine="710"/>
        <w:jc w:val="left"/>
      </w:pPr>
      <w:r>
        <w:t xml:space="preserve">A Part VII transfer is a regulatory mechanism, governed by sections 104–116 within Part VII of the FSMA. This act allows an insurer or reinsurer to transfer </w:t>
      </w:r>
      <w:sdt>
        <w:sdtPr>
          <w:tag w:val="goog_rdk_27"/>
          <w:id w:val="-1420867690"/>
        </w:sdtPr>
        <w:sdtEndPr/>
        <w:sdtContent>
          <w:ins w:id="45" w:author="Daveline, Dan" w:date="2021-12-16T10:45:00Z">
            <w:r>
              <w:t xml:space="preserve">both </w:t>
            </w:r>
          </w:ins>
        </w:sdtContent>
      </w:sdt>
      <w:r>
        <w:t xml:space="preserve">long-term </w:t>
      </w:r>
      <w:sdt>
        <w:sdtPr>
          <w:tag w:val="goog_rdk_28"/>
          <w:id w:val="-1520848659"/>
        </w:sdtPr>
        <w:sdtEndPr/>
        <w:sdtContent>
          <w:ins w:id="46" w:author="Daveline, Dan" w:date="2021-12-16T10:44:00Z">
            <w:r>
              <w:t xml:space="preserve">(life and annuity business) </w:t>
            </w:r>
          </w:ins>
        </w:sdtContent>
      </w:sdt>
      <w:sdt>
        <w:sdtPr>
          <w:tag w:val="goog_rdk_29"/>
          <w:id w:val="-799145923"/>
        </w:sdtPr>
        <w:sdtEndPr/>
        <w:sdtContent>
          <w:del w:id="47" w:author="Daveline, Dan" w:date="2021-12-16T10:44:00Z">
            <w:r>
              <w:delText xml:space="preserve">as well as </w:delText>
            </w:r>
          </w:del>
        </w:sdtContent>
      </w:sdt>
      <w:sdt>
        <w:sdtPr>
          <w:tag w:val="goog_rdk_30"/>
          <w:id w:val="1936775397"/>
        </w:sdtPr>
        <w:sdtEndPr/>
        <w:sdtContent>
          <w:ins w:id="48" w:author="Daveline, Dan" w:date="2021-12-16T10:45:00Z">
            <w:r>
              <w:t xml:space="preserve">and </w:t>
            </w:r>
          </w:ins>
        </w:sdtContent>
      </w:sdt>
      <w:r>
        <w:t xml:space="preserve">general insurance </w:t>
      </w:r>
      <w:sdt>
        <w:sdtPr>
          <w:tag w:val="goog_rdk_31"/>
          <w:id w:val="1002619421"/>
        </w:sdtPr>
        <w:sdtEndPr/>
        <w:sdtContent>
          <w:ins w:id="49" w:author="Daveline, Dan" w:date="2021-12-16T10:44:00Z">
            <w:r>
              <w:t xml:space="preserve">(property and casualty) </w:t>
            </w:r>
          </w:ins>
        </w:sdtContent>
      </w:sdt>
      <w:r>
        <w:t>business from one legal entity to another, subject to approval of a court</w:t>
      </w:r>
      <w:ins w:id="50" w:author="Daveline, Dan" w:date="2021-12-20T13:43:00Z">
        <w:r w:rsidR="002A39BE">
          <w:t xml:space="preserve"> and an independent </w:t>
        </w:r>
        <w:r w:rsidR="008518F1">
          <w:t>expert review</w:t>
        </w:r>
      </w:ins>
      <w:r>
        <w:t xml:space="preserve">.  Many insurers use the procedure to give effect to group reorganizations and consolidations.  Part VII transfers have also been used extensively in response to Brexit. </w:t>
      </w:r>
    </w:p>
    <w:p w14:paraId="744C6697" w14:textId="20BF3F7A" w:rsidR="00CF54CB" w:rsidRDefault="00344004">
      <w:pPr>
        <w:spacing w:after="272" w:line="242" w:lineRule="auto"/>
        <w:ind w:left="-11" w:right="59" w:firstLine="710"/>
        <w:jc w:val="left"/>
      </w:pPr>
      <w:r>
        <w:t xml:space="preserve">In accordance with the FSMA, the Prudential Regulatory Authority (“PRA”) and the Financial Conduct Authority (“FCA”) maintain a Memorandum of Understanding which describes each regulator’s role in relation to the exercise of its functions under the FSMA </w:t>
      </w:r>
      <w:r>
        <w:lastRenderedPageBreak/>
        <w:t xml:space="preserve">relating to matters of common regulatory interest and how each regulator intends to ensure the coordinated exercise of such functions. </w:t>
      </w:r>
      <w:sdt>
        <w:sdtPr>
          <w:tag w:val="goog_rdk_32"/>
          <w:id w:val="672766951"/>
        </w:sdtPr>
        <w:sdtEndPr/>
        <w:sdtContent>
          <w:ins w:id="51" w:author="Daveline, Dan" w:date="2021-12-16T10:46:00Z">
            <w:r>
              <w:t xml:space="preserve">In general, the PRA is focused on solvency regulation while the FCA is focused on market conduct regulation. </w:t>
            </w:r>
          </w:ins>
        </w:sdtContent>
      </w:sdt>
      <w:r>
        <w:t xml:space="preserve">Under the Memorandum of Understanding, the PRA will lead the Part VII transfer process and be responsible for specific regulatory functions connected with Part VII applications, including the provision of certificates.  </w:t>
      </w:r>
    </w:p>
    <w:p w14:paraId="32089AFA" w14:textId="77777777" w:rsidR="00CF54CB" w:rsidRDefault="00344004">
      <w:pPr>
        <w:spacing w:after="272" w:line="242" w:lineRule="auto"/>
        <w:ind w:left="-11" w:right="59" w:firstLine="710"/>
        <w:jc w:val="left"/>
      </w:pPr>
      <w:r>
        <w:t xml:space="preserve">Section 110 of the FSMA allows both the PRA and the FCA to be heard in the proceedings. The Memorandum of Understanding confirms that both the PRA and the FCA may provide the court with written representations setting out their views on the proposed scheme, and the PRA may prepare a report regarding the IBT. </w:t>
      </w:r>
    </w:p>
    <w:p w14:paraId="0F2E46DC" w14:textId="77777777" w:rsidR="00CF54CB" w:rsidRDefault="00344004">
      <w:pPr>
        <w:spacing w:after="272" w:line="242" w:lineRule="auto"/>
        <w:ind w:left="-11" w:right="59" w:firstLine="710"/>
        <w:jc w:val="left"/>
      </w:pPr>
      <w:r>
        <w:t xml:space="preserve">As set out in the Memorandum of Understanding, before nominating or approving an independent expert under section 109(2)(b) of FSMA . . . the PRA will first consult the FCA. Further, the PRA will consult appropriately with the FCA before approving the notices required under the Business Transfers Regulations. </w:t>
      </w:r>
    </w:p>
    <w:p w14:paraId="7D6117D2" w14:textId="77777777" w:rsidR="00CF54CB" w:rsidRDefault="00344004">
      <w:pPr>
        <w:spacing w:after="301" w:line="242" w:lineRule="auto"/>
        <w:ind w:left="-11" w:right="59" w:firstLine="710"/>
        <w:jc w:val="left"/>
      </w:pPr>
      <w:r>
        <w:t xml:space="preserve">Part VII transfers require a “scheme report.” </w:t>
      </w:r>
      <w:sdt>
        <w:sdtPr>
          <w:tag w:val="goog_rdk_33"/>
          <w:id w:val="1184327529"/>
        </w:sdtPr>
        <w:sdtEndPr/>
        <w:sdtContent>
          <w:del w:id="52" w:author="Daveline, Dan" w:date="2021-12-16T10:47:00Z">
            <w:r>
              <w:delText xml:space="preserve">This </w:delText>
            </w:r>
          </w:del>
        </w:sdtContent>
      </w:sdt>
      <w:sdt>
        <w:sdtPr>
          <w:tag w:val="goog_rdk_34"/>
          <w:id w:val="1894080529"/>
        </w:sdtPr>
        <w:sdtEndPr/>
        <w:sdtContent>
          <w:ins w:id="53" w:author="Daveline, Dan" w:date="2021-12-16T10:47:00Z">
            <w:r>
              <w:t xml:space="preserve">A similar </w:t>
            </w:r>
          </w:ins>
        </w:sdtContent>
      </w:sdt>
      <w:r>
        <w:t xml:space="preserve">report is </w:t>
      </w:r>
      <w:sdt>
        <w:sdtPr>
          <w:tag w:val="goog_rdk_35"/>
          <w:id w:val="-1002973082"/>
        </w:sdtPr>
        <w:sdtEndPr/>
        <w:sdtContent>
          <w:ins w:id="54" w:author="Daveline, Dan" w:date="2021-12-16T10:48:00Z">
            <w:r>
              <w:t xml:space="preserve">required under </w:t>
            </w:r>
          </w:ins>
        </w:sdtContent>
      </w:sdt>
      <w:sdt>
        <w:sdtPr>
          <w:tag w:val="goog_rdk_36"/>
          <w:id w:val="723342845"/>
        </w:sdtPr>
        <w:sdtEndPr/>
        <w:sdtContent>
          <w:del w:id="55" w:author="Daveline, Dan" w:date="2021-12-16T10:48:00Z">
            <w:r>
              <w:delText xml:space="preserve">similar to the independent expert report under </w:delText>
            </w:r>
          </w:del>
        </w:sdtContent>
      </w:sdt>
      <w:r>
        <w:t>US IBTs</w:t>
      </w:r>
      <w:sdt>
        <w:sdtPr>
          <w:tag w:val="goog_rdk_37"/>
          <w:id w:val="787780812"/>
        </w:sdtPr>
        <w:sdtEndPr/>
        <w:sdtContent>
          <w:ins w:id="56" w:author="Daveline, Dan" w:date="2021-12-16T10:48:00Z">
            <w:r>
              <w:t xml:space="preserve"> laws</w:t>
            </w:r>
          </w:ins>
        </w:sdtContent>
      </w:sdt>
      <w:r>
        <w:t xml:space="preserve">, </w:t>
      </w:r>
      <w:sdt>
        <w:sdtPr>
          <w:tag w:val="goog_rdk_38"/>
          <w:id w:val="-1323193796"/>
        </w:sdtPr>
        <w:sdtEndPr/>
        <w:sdtContent>
          <w:del w:id="57" w:author="Daveline, Dan" w:date="2021-12-16T10:48:00Z">
            <w:r>
              <w:delText xml:space="preserve">however, because </w:delText>
            </w:r>
          </w:del>
        </w:sdtContent>
      </w:sdt>
      <w:sdt>
        <w:sdtPr>
          <w:tag w:val="goog_rdk_39"/>
          <w:id w:val="604696437"/>
        </w:sdtPr>
        <w:sdtEndPr/>
        <w:sdtContent>
          <w:ins w:id="58" w:author="Daveline, Dan" w:date="2021-12-16T10:48:00Z">
            <w:r>
              <w:t xml:space="preserve">but </w:t>
            </w:r>
          </w:ins>
        </w:sdtContent>
      </w:sdt>
      <w:r>
        <w:t xml:space="preserve">the word “scheme” </w:t>
      </w:r>
      <w:sdt>
        <w:sdtPr>
          <w:tag w:val="goog_rdk_40"/>
          <w:id w:val="-1001499577"/>
        </w:sdtPr>
        <w:sdtEndPr/>
        <w:sdtContent>
          <w:ins w:id="59" w:author="Daveline, Dan" w:date="2021-12-16T10:48:00Z">
            <w:r>
              <w:t xml:space="preserve">is not used </w:t>
            </w:r>
          </w:ins>
        </w:sdtContent>
      </w:sdt>
      <w:sdt>
        <w:sdtPr>
          <w:tag w:val="goog_rdk_41"/>
          <w:id w:val="2013029423"/>
        </w:sdtPr>
        <w:sdtEndPr/>
        <w:sdtContent>
          <w:del w:id="60" w:author="Daveline, Dan" w:date="2021-12-16T10:48:00Z">
            <w:r>
              <w:delText xml:space="preserve">has a different </w:delText>
            </w:r>
          </w:del>
        </w:sdtContent>
      </w:sdt>
      <w:sdt>
        <w:sdtPr>
          <w:tag w:val="goog_rdk_42"/>
          <w:id w:val="-1525553160"/>
        </w:sdtPr>
        <w:sdtEndPr/>
        <w:sdtContent>
          <w:ins w:id="61" w:author="Daveline, Dan" w:date="2021-12-16T10:49:00Z">
            <w:r>
              <w:t xml:space="preserve">has negative </w:t>
            </w:r>
          </w:ins>
        </w:sdtContent>
      </w:sdt>
      <w:sdt>
        <w:sdtPr>
          <w:tag w:val="goog_rdk_43"/>
          <w:id w:val="2069918322"/>
        </w:sdtPr>
        <w:sdtEndPr/>
        <w:sdtContent>
          <w:del w:id="62" w:author="Daveline, Dan" w:date="2021-12-16T10:49:00Z">
            <w:r>
              <w:delText xml:space="preserve">context </w:delText>
            </w:r>
          </w:del>
        </w:sdtContent>
      </w:sdt>
      <w:sdt>
        <w:sdtPr>
          <w:tag w:val="goog_rdk_44"/>
          <w:id w:val="-516077894"/>
        </w:sdtPr>
        <w:sdtEndPr/>
        <w:sdtContent>
          <w:ins w:id="63" w:author="Daveline, Dan" w:date="2021-12-16T10:50:00Z">
            <w:r>
              <w:t xml:space="preserve">connotations </w:t>
            </w:r>
          </w:ins>
        </w:sdtContent>
      </w:sdt>
      <w:r>
        <w:t xml:space="preserve">in </w:t>
      </w:r>
      <w:sdt>
        <w:sdtPr>
          <w:tag w:val="goog_rdk_45"/>
          <w:id w:val="-1265609947"/>
        </w:sdtPr>
        <w:sdtEndPr/>
        <w:sdtContent>
          <w:ins w:id="64" w:author="Daveline, Dan" w:date="2021-12-16T10:50:00Z">
            <w:r>
              <w:t>American English</w:t>
            </w:r>
          </w:ins>
        </w:sdtContent>
      </w:sdt>
      <w:sdt>
        <w:sdtPr>
          <w:tag w:val="goog_rdk_46"/>
          <w:id w:val="-61641274"/>
        </w:sdtPr>
        <w:sdtEndPr/>
        <w:sdtContent>
          <w:del w:id="65" w:author="Daveline, Dan" w:date="2021-12-16T10:50:00Z">
            <w:r>
              <w:delText>the US, the word “scheme” is not used</w:delText>
            </w:r>
          </w:del>
        </w:sdtContent>
      </w:sdt>
      <w:r>
        <w:t>. Under section 109(2) of FSMA</w:t>
      </w:r>
      <w:sdt>
        <w:sdtPr>
          <w:tag w:val="goog_rdk_47"/>
          <w:id w:val="-1518140133"/>
        </w:sdtPr>
        <w:sdtEndPr/>
        <w:sdtContent>
          <w:ins w:id="66" w:author="Daveline, Dan" w:date="2021-12-16T10:51:00Z">
            <w:r>
              <w:t>,</w:t>
            </w:r>
          </w:ins>
        </w:sdtContent>
      </w:sdt>
      <w:r>
        <w:t xml:space="preserve"> </w:t>
      </w:r>
      <w:sdt>
        <w:sdtPr>
          <w:tag w:val="goog_rdk_48"/>
          <w:id w:val="515888722"/>
        </w:sdtPr>
        <w:sdtEndPr/>
        <w:sdtContent>
          <w:del w:id="67" w:author="Daveline, Dan" w:date="2021-12-16T10:51:00Z">
            <w:r>
              <w:delText xml:space="preserve">an independent expert report </w:delText>
            </w:r>
          </w:del>
        </w:sdtContent>
      </w:sdt>
      <w:sdt>
        <w:sdtPr>
          <w:tag w:val="goog_rdk_49"/>
          <w:id w:val="-2128690515"/>
        </w:sdtPr>
        <w:sdtEndPr/>
        <w:sdtContent>
          <w:ins w:id="68" w:author="Daveline, Dan" w:date="2021-12-16T10:51:00Z">
            <w:r>
              <w:t xml:space="preserve">the scheme report </w:t>
            </w:r>
          </w:ins>
        </w:sdtContent>
      </w:sdt>
      <w:r>
        <w:t>may only be made by a</w:t>
      </w:r>
      <w:sdt>
        <w:sdtPr>
          <w:tag w:val="goog_rdk_50"/>
          <w:id w:val="-1077750999"/>
        </w:sdtPr>
        <w:sdtEndPr/>
        <w:sdtContent>
          <w:ins w:id="69" w:author="Daveline, Dan" w:date="2021-12-16T10:51:00Z">
            <w:r>
              <w:t>n independent expert</w:t>
            </w:r>
          </w:ins>
        </w:sdtContent>
      </w:sdt>
      <w:sdt>
        <w:sdtPr>
          <w:tag w:val="goog_rdk_51"/>
          <w:id w:val="902648191"/>
        </w:sdtPr>
        <w:sdtEndPr/>
        <w:sdtContent>
          <w:del w:id="70" w:author="Daveline, Dan" w:date="2021-12-16T10:51:00Z">
            <w:r>
              <w:delText xml:space="preserve"> person</w:delText>
            </w:r>
          </w:del>
        </w:sdtContent>
      </w:sdt>
      <w:sdt>
        <w:sdtPr>
          <w:tag w:val="goog_rdk_52"/>
          <w:id w:val="-585760175"/>
        </w:sdtPr>
        <w:sdtEndPr/>
        <w:sdtContent>
          <w:ins w:id="71" w:author="Daveline, Dan" w:date="2021-12-16T10:52:00Z">
            <w:r>
              <w:t xml:space="preserve"> who</w:t>
            </w:r>
          </w:ins>
        </w:sdtContent>
      </w:sdt>
      <w:r>
        <w:t xml:space="preserve">: </w:t>
      </w:r>
    </w:p>
    <w:p w14:paraId="10DBD272" w14:textId="312F662D" w:rsidR="00CF54CB" w:rsidRDefault="00344004" w:rsidP="0002070B">
      <w:pPr>
        <w:spacing w:after="0" w:line="240" w:lineRule="auto"/>
        <w:ind w:left="1440" w:right="403" w:hanging="734"/>
      </w:pPr>
      <w:r>
        <w:t>(a)</w:t>
      </w:r>
      <w:r>
        <w:tab/>
        <w:t>appear</w:t>
      </w:r>
      <w:sdt>
        <w:sdtPr>
          <w:tag w:val="goog_rdk_53"/>
          <w:id w:val="691260739"/>
        </w:sdtPr>
        <w:sdtEndPr/>
        <w:sdtContent>
          <w:ins w:id="72" w:author="Daveline, Dan" w:date="2021-12-16T11:03:00Z">
            <w:r>
              <w:t>s</w:t>
            </w:r>
          </w:ins>
        </w:sdtContent>
      </w:sdt>
      <w:sdt>
        <w:sdtPr>
          <w:tag w:val="goog_rdk_54"/>
          <w:id w:val="-353422412"/>
        </w:sdtPr>
        <w:sdtEndPr/>
        <w:sdtContent>
          <w:del w:id="73" w:author="Daveline, Dan" w:date="2021-12-16T11:03:00Z">
            <w:r>
              <w:delText>ing</w:delText>
            </w:r>
          </w:del>
        </w:sdtContent>
      </w:sdt>
      <w:r>
        <w:t xml:space="preserve"> to the PRA to have the skills necessary to </w:t>
      </w:r>
      <w:sdt>
        <w:sdtPr>
          <w:tag w:val="goog_rdk_55"/>
          <w:id w:val="-869149418"/>
        </w:sdtPr>
        <w:sdtEndPr/>
        <w:sdtContent>
          <w:del w:id="74" w:author="Daveline, Dan" w:date="2021-12-16T11:03:00Z">
            <w:r>
              <w:delText xml:space="preserve">enable him to </w:delText>
            </w:r>
          </w:del>
        </w:sdtContent>
      </w:sdt>
      <w:r>
        <w:t>make a proper report; and (b)</w:t>
      </w:r>
      <w:r>
        <w:tab/>
      </w:r>
      <w:sdt>
        <w:sdtPr>
          <w:tag w:val="goog_rdk_56"/>
          <w:id w:val="402414850"/>
        </w:sdtPr>
        <w:sdtEndPr/>
        <w:sdtContent>
          <w:ins w:id="75" w:author="Daveline, Dan" w:date="2021-12-16T11:03:00Z">
            <w:r>
              <w:t xml:space="preserve">is </w:t>
            </w:r>
          </w:ins>
        </w:sdtContent>
      </w:sdt>
      <w:r>
        <w:t>nominated or approved by the PRA.</w:t>
      </w:r>
    </w:p>
    <w:p w14:paraId="026FA597" w14:textId="77777777" w:rsidR="0002070B" w:rsidRDefault="0002070B" w:rsidP="0002070B">
      <w:pPr>
        <w:spacing w:after="0" w:line="240" w:lineRule="auto"/>
        <w:ind w:left="706" w:right="403" w:firstLine="0"/>
      </w:pPr>
    </w:p>
    <w:p w14:paraId="5C251C54" w14:textId="77777777" w:rsidR="00CF54CB" w:rsidRDefault="00344004">
      <w:pPr>
        <w:spacing w:after="281" w:line="259" w:lineRule="auto"/>
        <w:ind w:left="41" w:right="151" w:hanging="10"/>
        <w:jc w:val="center"/>
      </w:pPr>
      <w:r>
        <w:t xml:space="preserve">The regulators expect the independent expert making the report to be a neutral person, who: </w:t>
      </w:r>
    </w:p>
    <w:p w14:paraId="16BCB635" w14:textId="77777777" w:rsidR="00CF54CB" w:rsidRDefault="00344004">
      <w:pPr>
        <w:numPr>
          <w:ilvl w:val="0"/>
          <w:numId w:val="14"/>
        </w:numPr>
        <w:spacing w:after="300" w:line="242" w:lineRule="auto"/>
        <w:ind w:right="29" w:hanging="733"/>
        <w:jc w:val="left"/>
      </w:pPr>
      <w:r>
        <w:t>is independent, that is any direct or indirect interest or connection he, or his employer, has or has had in either the transferor or transferee should not be such as to prejudice his status in the eyes of the court; and</w:t>
      </w:r>
    </w:p>
    <w:p w14:paraId="60A6D41D" w14:textId="77777777" w:rsidR="00CF54CB" w:rsidRDefault="00344004">
      <w:pPr>
        <w:numPr>
          <w:ilvl w:val="0"/>
          <w:numId w:val="14"/>
        </w:numPr>
        <w:spacing w:after="266"/>
        <w:ind w:right="29" w:hanging="733"/>
        <w:jc w:val="left"/>
      </w:pPr>
      <w:r>
        <w:t>has relevant knowledge, both practical and theoretical, and experience of the types of insurance business transacted by the transferor and transferee.</w:t>
      </w:r>
    </w:p>
    <w:p w14:paraId="7B243399" w14:textId="77777777" w:rsidR="00CF54CB" w:rsidRDefault="00344004">
      <w:pPr>
        <w:spacing w:after="272" w:line="242" w:lineRule="auto"/>
        <w:ind w:left="-11" w:right="59" w:firstLine="710"/>
        <w:jc w:val="left"/>
      </w:pPr>
      <w:r>
        <w:t xml:space="preserve">The PRA may only nominate or approve an independent expert appointment after consultation with the FCA. An independent expert report must accompany an application to the court to approve the Part VII transfer plan. The independent expert report must comply with the applicable rules on expert evidence and contain the specific information set forth in the statute. </w:t>
      </w:r>
    </w:p>
    <w:p w14:paraId="36DC7755" w14:textId="77777777" w:rsidR="00CF54CB" w:rsidRDefault="00344004">
      <w:pPr>
        <w:spacing w:after="272" w:line="242" w:lineRule="auto"/>
        <w:ind w:left="-11" w:right="59" w:firstLine="710"/>
        <w:jc w:val="left"/>
      </w:pPr>
      <w:r>
        <w:t xml:space="preserve">The purpose of the independent expert report is to inform the court. The independent expert, therefore, likely has a duty to the court. Further, policyholders, reinsurers, regulators, and others affected by the Part VII transfer will be relying on the independent expert report. For these reasons, a detailed report is necessary. The amount of detail that it is appropriate to include will depend on the complexity of the transfer, the materiality of each factor and the circumstances surrounding each factor. </w:t>
      </w:r>
    </w:p>
    <w:p w14:paraId="42DAD05F" w14:textId="15A1A145" w:rsidR="00CF54CB" w:rsidRDefault="00344004">
      <w:pPr>
        <w:spacing w:after="272" w:line="242" w:lineRule="auto"/>
        <w:ind w:left="-11" w:right="59" w:firstLine="710"/>
        <w:jc w:val="left"/>
      </w:pPr>
      <w:r>
        <w:lastRenderedPageBreak/>
        <w:t xml:space="preserve">During the Working Group’s discussion of the Part VII transfers, consumer representatives raised the UK court’s decision in </w:t>
      </w:r>
      <w:sdt>
        <w:sdtPr>
          <w:tag w:val="goog_rdk_57"/>
          <w:id w:val="1723409257"/>
        </w:sdtPr>
        <w:sdtEndPr/>
        <w:sdtContent>
          <w:sdt>
            <w:sdtPr>
              <w:tag w:val="goog_rdk_58"/>
              <w:id w:val="1512260030"/>
            </w:sdtPr>
            <w:sdtEndPr/>
            <w:sdtContent>
              <w:ins w:id="76" w:author="Daveline, Dan" w:date="2021-12-16T11:04:00Z">
                <w:r>
                  <w:rPr>
                    <w:i/>
                    <w:rPrChange w:id="77" w:author="Daveline, Dan" w:date="2021-12-16T11:04:00Z">
                      <w:rPr/>
                    </w:rPrChange>
                  </w:rPr>
                  <w:t>In re</w:t>
                </w:r>
              </w:ins>
            </w:sdtContent>
          </w:sdt>
          <w:ins w:id="78" w:author="Daveline, Dan" w:date="2021-12-16T11:04:00Z">
            <w:r>
              <w:t xml:space="preserve"> </w:t>
            </w:r>
          </w:ins>
        </w:sdtContent>
      </w:sdt>
      <w:r>
        <w:rPr>
          <w:i/>
        </w:rPr>
        <w:t xml:space="preserve">Prudential </w:t>
      </w:r>
      <w:sdt>
        <w:sdtPr>
          <w:tag w:val="goog_rdk_59"/>
          <w:id w:val="-999030352"/>
        </w:sdtPr>
        <w:sdtEndPr/>
        <w:sdtContent>
          <w:del w:id="79" w:author="Daveline, Dan" w:date="2021-12-16T11:04:00Z">
            <w:r>
              <w:rPr>
                <w:i/>
              </w:rPr>
              <w:delText xml:space="preserve">v </w:delText>
            </w:r>
          </w:del>
        </w:sdtContent>
      </w:sdt>
      <w:sdt>
        <w:sdtPr>
          <w:tag w:val="goog_rdk_60"/>
          <w:id w:val="-47758804"/>
        </w:sdtPr>
        <w:sdtEndPr/>
        <w:sdtContent>
          <w:ins w:id="80" w:author="Daveline, Dan" w:date="2021-12-16T11:04:00Z">
            <w:r>
              <w:rPr>
                <w:i/>
              </w:rPr>
              <w:t xml:space="preserve">and </w:t>
            </w:r>
          </w:ins>
        </w:sdtContent>
      </w:sdt>
      <w:r>
        <w:rPr>
          <w:i/>
        </w:rPr>
        <w:t>Rothesay</w:t>
      </w:r>
      <w:r>
        <w:rPr>
          <w:rFonts w:ascii="ZWAdobeF" w:eastAsia="ZWAdobeF" w:hAnsi="ZWAdobeF" w:cs="ZWAdobeF"/>
          <w:sz w:val="2"/>
          <w:szCs w:val="2"/>
        </w:rPr>
        <w:t>5F</w:t>
      </w:r>
      <w:r>
        <w:rPr>
          <w:i/>
          <w:vertAlign w:val="superscript"/>
        </w:rPr>
        <w:footnoteReference w:id="7"/>
      </w:r>
      <w:r>
        <w:t xml:space="preserve"> which imposed several limitations on Part VII transfers. On August 16, 2019, the High Court of Justice issued an opinion rejecting a Part VII transfer between Prudential Assurance Company Limited and Rothesay Life PLC. This Part VII plan was the subject of a four-day hearing in which each insurer was represented by counsel, the PRA and FCA appeared, and a number of policyholders appeared in person. The Court noted that both the PRA and the FCA each produced reports regarding the plan, and both stated that they did not object. The independent expert filed a detailed report that ultimately did not reject the plan either.   </w:t>
      </w:r>
    </w:p>
    <w:p w14:paraId="5F7893D8" w14:textId="77777777" w:rsidR="00CF54CB" w:rsidRDefault="00344004">
      <w:pPr>
        <w:spacing w:after="272" w:line="242" w:lineRule="auto"/>
        <w:ind w:left="-11" w:right="59" w:firstLine="710"/>
        <w:jc w:val="left"/>
      </w:pPr>
      <w:r>
        <w:t xml:space="preserve">The applicant received approximately 7,300 responses from policyholders in response to the approximately 258,000 policyholder packets that were sent out.  Of those, about 1,000 were characterized as an objection. The main objection to the plan was that these consumers specifically selected the transferring insurer as their provider. These consumers argued that they should not have their annuity transferred against their will to a smaller insurer with a very different history and reputation just to further the commercial and financial purposes of the transferor. </w:t>
      </w:r>
    </w:p>
    <w:p w14:paraId="2FCC9C50" w14:textId="77777777" w:rsidR="00CF54CB" w:rsidRDefault="00344004">
      <w:pPr>
        <w:spacing w:after="272" w:line="242" w:lineRule="auto"/>
        <w:ind w:left="-11" w:right="59" w:firstLine="710"/>
        <w:jc w:val="left"/>
      </w:pPr>
      <w:r>
        <w:t>This decision was appealed and ultimately overturned. The UK Court of Appeals</w:t>
      </w:r>
      <w:r>
        <w:rPr>
          <w:rFonts w:ascii="ZWAdobeF" w:eastAsia="ZWAdobeF" w:hAnsi="ZWAdobeF" w:cs="ZWAdobeF"/>
          <w:sz w:val="2"/>
          <w:szCs w:val="2"/>
        </w:rPr>
        <w:t>6F</w:t>
      </w:r>
      <w:r>
        <w:rPr>
          <w:vertAlign w:val="superscript"/>
        </w:rPr>
        <w:footnoteReference w:id="8"/>
      </w:r>
      <w:r>
        <w:t xml:space="preserve"> found that the lower court incorrectly exercised its authority finding amongst other things, that the judge was wrong to give weight to (i) the different capital management policies of both insurers; and (ii) the objections of a small subset of policyholders. </w:t>
      </w:r>
    </w:p>
    <w:p w14:paraId="5795708B" w14:textId="77777777" w:rsidR="00CF54CB" w:rsidRDefault="00344004">
      <w:pPr>
        <w:spacing w:after="292"/>
        <w:ind w:left="692" w:right="396" w:firstLine="7"/>
      </w:pPr>
      <w:r>
        <w:t xml:space="preserve">In so holding, the Court of Appeals stated: </w:t>
      </w:r>
    </w:p>
    <w:p w14:paraId="1FD28809" w14:textId="4C507D11" w:rsidR="00CF54CB" w:rsidRDefault="00344004" w:rsidP="0002070B">
      <w:pPr>
        <w:numPr>
          <w:ilvl w:val="0"/>
          <w:numId w:val="15"/>
        </w:numPr>
        <w:spacing w:after="292"/>
        <w:ind w:right="396" w:hanging="724"/>
        <w:jc w:val="left"/>
      </w:pPr>
      <w:r>
        <w:t>The Court below was wrong to decide that both the independent expert and PRA were not</w:t>
      </w:r>
      <w:r w:rsidR="0002070B">
        <w:t xml:space="preserve"> </w:t>
      </w:r>
      <w:r>
        <w:t>justified in looking at the solvency metrics at a specific date to support their conclusions.</w:t>
      </w:r>
    </w:p>
    <w:p w14:paraId="6AB9806F" w14:textId="77777777" w:rsidR="00CF54CB" w:rsidRDefault="00344004">
      <w:pPr>
        <w:numPr>
          <w:ilvl w:val="0"/>
          <w:numId w:val="15"/>
        </w:numPr>
        <w:spacing w:after="300" w:line="242" w:lineRule="auto"/>
        <w:ind w:right="59" w:hanging="720"/>
        <w:jc w:val="left"/>
      </w:pPr>
      <w:r>
        <w:t>The Court below was wrong to find a material disparity in the parent company structure since the parent companies could never be required to provide support to their subsidiaries’ capital.</w:t>
      </w:r>
    </w:p>
    <w:p w14:paraId="150BC0C9" w14:textId="0D275D77" w:rsidR="00CF54CB" w:rsidRDefault="00344004" w:rsidP="001851A3">
      <w:pPr>
        <w:numPr>
          <w:ilvl w:val="0"/>
          <w:numId w:val="15"/>
        </w:numPr>
        <w:spacing w:after="324" w:line="242" w:lineRule="auto"/>
        <w:ind w:right="59" w:firstLine="0"/>
        <w:jc w:val="left"/>
      </w:pPr>
      <w:r>
        <w:t>The Court below should not have accorded any weight to the fact that the policyholders had</w:t>
      </w:r>
      <w:r w:rsidR="0002070B">
        <w:t xml:space="preserve"> </w:t>
      </w:r>
      <w:r>
        <w:t>chosen Prudential based on its long-established reputation, age, and venerability nor to the fact that they had reasonably assumed that Prudential would be their annuity provider throughout its lengthy term.</w:t>
      </w:r>
      <w:r w:rsidRPr="0002070B">
        <w:rPr>
          <w:rFonts w:ascii="ZWAdobeF" w:eastAsia="ZWAdobeF" w:hAnsi="ZWAdobeF" w:cs="ZWAdobeF"/>
          <w:sz w:val="2"/>
          <w:szCs w:val="2"/>
        </w:rPr>
        <w:t>7F</w:t>
      </w:r>
      <w:r>
        <w:rPr>
          <w:vertAlign w:val="superscript"/>
        </w:rPr>
        <w:footnoteReference w:id="9"/>
      </w:r>
    </w:p>
    <w:p w14:paraId="7EEF9AF5" w14:textId="0116282E" w:rsidR="00CF54CB" w:rsidRDefault="00EC15AE">
      <w:pPr>
        <w:spacing w:after="295"/>
        <w:ind w:firstLine="720"/>
      </w:pPr>
      <w:ins w:id="81" w:author="Gendron, Matthew (DBR)" w:date="2022-03-11T17:00:00Z">
        <w:r>
          <w:lastRenderedPageBreak/>
          <w:t xml:space="preserve">Ultimately, </w:t>
        </w:r>
      </w:ins>
      <w:ins w:id="82" w:author="Gendron, Matthew (DBR)" w:date="2022-03-11T17:01:00Z">
        <w:r>
          <w:t xml:space="preserve">the </w:t>
        </w:r>
      </w:ins>
      <w:ins w:id="83" w:author="Gendron, Matthew (DBR)" w:date="2022-03-11T17:00:00Z">
        <w:r>
          <w:t xml:space="preserve">UK High Court </w:t>
        </w:r>
      </w:ins>
      <w:ins w:id="84" w:author="Gendron, Matthew (DBR)" w:date="2022-03-11T17:01:00Z">
        <w:r>
          <w:t xml:space="preserve">of Justice approved the </w:t>
        </w:r>
      </w:ins>
      <w:ins w:id="85" w:author="Gendron, Matthew (DBR)" w:date="2022-03-11T17:02:00Z">
        <w:r>
          <w:t xml:space="preserve">Part VII transfer between </w:t>
        </w:r>
      </w:ins>
      <w:ins w:id="86" w:author="Gendron, Matthew (DBR)" w:date="2022-03-11T17:01:00Z">
        <w:r>
          <w:t>Prudential</w:t>
        </w:r>
      </w:ins>
      <w:ins w:id="87" w:author="Gendron, Matthew (DBR)" w:date="2022-03-11T17:02:00Z">
        <w:r>
          <w:t xml:space="preserve"> and </w:t>
        </w:r>
      </w:ins>
      <w:ins w:id="88" w:author="Gendron, Matthew (DBR)" w:date="2022-03-11T17:01:00Z">
        <w:r>
          <w:t xml:space="preserve">Rothsay </w:t>
        </w:r>
      </w:ins>
      <w:ins w:id="89" w:author="Gendron, Matthew (DBR)" w:date="2022-03-11T17:02:00Z">
        <w:r>
          <w:t xml:space="preserve">in </w:t>
        </w:r>
      </w:ins>
      <w:ins w:id="90" w:author="Gendron, Matthew (DBR)" w:date="2022-03-11T17:04:00Z">
        <w:r>
          <w:t xml:space="preserve">a judgment dated </w:t>
        </w:r>
      </w:ins>
      <w:ins w:id="91" w:author="Gendron, Matthew (DBR)" w:date="2022-03-11T17:02:00Z">
        <w:r>
          <w:t>November 2</w:t>
        </w:r>
      </w:ins>
      <w:ins w:id="92" w:author="Gendron, Matthew (DBR)" w:date="2022-03-11T17:03:00Z">
        <w:r>
          <w:t>4</w:t>
        </w:r>
      </w:ins>
      <w:ins w:id="93" w:author="Gendron, Matthew (DBR)" w:date="2022-03-11T17:02:00Z">
        <w:r>
          <w:t>, 202</w:t>
        </w:r>
      </w:ins>
      <w:ins w:id="94" w:author="Gendron, Matthew (DBR)" w:date="2022-03-11T17:04:00Z">
        <w:r>
          <w:t>1,</w:t>
        </w:r>
        <w:r>
          <w:rPr>
            <w:rStyle w:val="FootnoteReference"/>
          </w:rPr>
          <w:footnoteReference w:id="10"/>
        </w:r>
        <w:r>
          <w:t xml:space="preserve"> </w:t>
        </w:r>
      </w:ins>
      <w:ins w:id="97" w:author="Gendron, Matthew (DBR)" w:date="2022-03-11T17:02:00Z">
        <w:r>
          <w:t xml:space="preserve"> </w:t>
        </w:r>
      </w:ins>
      <w:r w:rsidR="00344004">
        <w:t xml:space="preserve">Despite this set of complex UK decisions, the Part VII transfer continues to be used in the UK and watched closely by the US regulators and stakeholders. </w:t>
      </w:r>
    </w:p>
    <w:p w14:paraId="4918B532" w14:textId="43D5405E" w:rsidR="00CF54CB" w:rsidRDefault="00344004" w:rsidP="00B078CA">
      <w:pPr>
        <w:pStyle w:val="Heading2"/>
      </w:pPr>
      <w:r>
        <w:t>B. Differences between Part VII and Solvent Schemes of Arrangements</w:t>
      </w:r>
    </w:p>
    <w:p w14:paraId="53EC134F" w14:textId="77777777" w:rsidR="00CF54CB" w:rsidRDefault="00344004" w:rsidP="0002070B">
      <w:pPr>
        <w:spacing w:after="487" w:line="242" w:lineRule="auto"/>
        <w:ind w:left="0" w:right="59" w:firstLine="710"/>
        <w:jc w:val="left"/>
      </w:pPr>
      <w:r>
        <w:t xml:space="preserve">Solvent schemes of arrangement are another method of restructuring that exists within the UK. These are primarily designed as a procedure that can allow all liabilities to be settled for an insurer. In doing so, it can achieve many of the objectives set out in this white paper. However, unlike the Part VII transfer, the policies are subject to a court ordered termination instead of transferred. While such an arrangement may provide some of the same features as a Part VII transfer the solvent scheme does not continue the coverage with a new insurer the way a Part VII transfer does. Other differences </w:t>
      </w:r>
      <w:sdt>
        <w:sdtPr>
          <w:tag w:val="goog_rdk_61"/>
          <w:id w:val="-452940716"/>
        </w:sdtPr>
        <w:sdtEndPr/>
        <w:sdtContent>
          <w:del w:id="98" w:author="Daveline, Dan" w:date="2021-12-16T11:07:00Z">
            <w:r>
              <w:delText xml:space="preserve">may </w:delText>
            </w:r>
          </w:del>
        </w:sdtContent>
      </w:sdt>
      <w:r>
        <w:t xml:space="preserve">exist in law but </w:t>
      </w:r>
      <w:sdt>
        <w:sdtPr>
          <w:tag w:val="goog_rdk_62"/>
          <w:id w:val="1729184025"/>
        </w:sdtPr>
        <w:sdtEndPr/>
        <w:sdtContent>
          <w:del w:id="99" w:author="Daveline, Dan" w:date="2021-12-16T11:08:00Z">
            <w:r>
              <w:delText xml:space="preserve">are not deemed to be relevant </w:delText>
            </w:r>
          </w:del>
        </w:sdtContent>
      </w:sdt>
      <w:sdt>
        <w:sdtPr>
          <w:tag w:val="goog_rdk_63"/>
          <w:id w:val="-1069881209"/>
        </w:sdtPr>
        <w:sdtEndPr/>
        <w:sdtContent>
          <w:ins w:id="100" w:author="Daveline, Dan" w:date="2021-12-16T11:08:00Z">
            <w:r>
              <w:t xml:space="preserve">this is the most significant for purposes of </w:t>
            </w:r>
          </w:ins>
        </w:sdtContent>
      </w:sdt>
      <w:sdt>
        <w:sdtPr>
          <w:tag w:val="goog_rdk_64"/>
          <w:id w:val="-237325513"/>
        </w:sdtPr>
        <w:sdtEndPr/>
        <w:sdtContent>
          <w:del w:id="101" w:author="Daveline, Dan" w:date="2021-12-16T11:08:00Z">
            <w:r>
              <w:delText xml:space="preserve">to </w:delText>
            </w:r>
          </w:del>
        </w:sdtContent>
      </w:sdt>
      <w:r>
        <w:t xml:space="preserve">this </w:t>
      </w:r>
      <w:sdt>
        <w:sdtPr>
          <w:tag w:val="goog_rdk_65"/>
          <w:id w:val="-1681962070"/>
        </w:sdtPr>
        <w:sdtEndPr/>
        <w:sdtContent>
          <w:del w:id="102" w:author="Daveline, Dan" w:date="2021-12-16T11:08:00Z">
            <w:r>
              <w:delText xml:space="preserve">specific </w:delText>
            </w:r>
          </w:del>
        </w:sdtContent>
      </w:sdt>
      <w:r>
        <w:t xml:space="preserve">white paper.  </w:t>
      </w:r>
    </w:p>
    <w:p w14:paraId="22AD96DE" w14:textId="77777777" w:rsidR="00CF54CB" w:rsidRDefault="00344004" w:rsidP="00B078CA">
      <w:pPr>
        <w:pStyle w:val="Heading1"/>
      </w:pPr>
      <w:r>
        <w:t xml:space="preserve">Section 3: Survey of US Restructuring Statutes and Regulations </w:t>
      </w:r>
    </w:p>
    <w:sdt>
      <w:sdtPr>
        <w:tag w:val="goog_rdk_85"/>
        <w:id w:val="1572387903"/>
      </w:sdtPr>
      <w:sdtEndPr/>
      <w:sdtContent>
        <w:p w14:paraId="78817BF7" w14:textId="77777777" w:rsidR="00CF54CB" w:rsidRDefault="00344004">
          <w:pPr>
            <w:ind w:right="396" w:firstLine="720"/>
            <w:pPrChange w:id="103" w:author="Daveline, Dan" w:date="2021-12-16T11:25:00Z">
              <w:pPr>
                <w:spacing w:after="269"/>
              </w:pPr>
            </w:pPrChange>
          </w:pPr>
          <w:r>
            <w:t xml:space="preserve">Various states have enacted corporate restructuring statutes or regulations. </w:t>
          </w:r>
          <w:sdt>
            <w:sdtPr>
              <w:tag w:val="goog_rdk_66"/>
              <w:id w:val="156733272"/>
            </w:sdtPr>
            <w:sdtEndPr/>
            <w:sdtContent>
              <w:del w:id="104" w:author="Daveline, Dan" w:date="2021-12-16T11:24:00Z">
                <w:r>
                  <w:delText xml:space="preserve">Those </w:delText>
                </w:r>
              </w:del>
            </w:sdtContent>
          </w:sdt>
          <w:sdt>
            <w:sdtPr>
              <w:tag w:val="goog_rdk_67"/>
              <w:id w:val="1960840110"/>
            </w:sdtPr>
            <w:sdtEndPr/>
            <w:sdtContent>
              <w:ins w:id="105" w:author="Daveline, Dan" w:date="2021-12-16T11:24:00Z">
                <w:r>
                  <w:t xml:space="preserve">One type of restructuring law </w:t>
                </w:r>
              </w:ins>
            </w:sdtContent>
          </w:sdt>
          <w:r>
            <w:t>generally follow</w:t>
          </w:r>
          <w:sdt>
            <w:sdtPr>
              <w:tag w:val="goog_rdk_68"/>
              <w:id w:val="1304738164"/>
            </w:sdtPr>
            <w:sdtEndPr/>
            <w:sdtContent>
              <w:ins w:id="106" w:author="Daveline, Dan" w:date="2021-12-16T11:24:00Z">
                <w:r>
                  <w:t>s</w:t>
                </w:r>
              </w:ins>
            </w:sdtContent>
          </w:sdt>
          <w:sdt>
            <w:sdtPr>
              <w:tag w:val="goog_rdk_69"/>
              <w:id w:val="-18244525"/>
            </w:sdtPr>
            <w:sdtEndPr/>
            <w:sdtContent>
              <w:del w:id="107" w:author="Daveline, Dan" w:date="2021-12-16T11:24:00Z">
                <w:r>
                  <w:delText>ing</w:delText>
                </w:r>
              </w:del>
            </w:sdtContent>
          </w:sdt>
          <w:r>
            <w:t xml:space="preserve"> the UK structure</w:t>
          </w:r>
          <w:sdt>
            <w:sdtPr>
              <w:tag w:val="goog_rdk_70"/>
              <w:id w:val="1884985186"/>
            </w:sdtPr>
            <w:sdtEndPr/>
            <w:sdtContent>
              <w:ins w:id="108" w:author="Daveline, Dan" w:date="2021-12-16T11:24:00Z">
                <w:r>
                  <w:t>,</w:t>
                </w:r>
              </w:ins>
            </w:sdtContent>
          </w:sdt>
          <w:r>
            <w:t xml:space="preserve"> </w:t>
          </w:r>
          <w:sdt>
            <w:sdtPr>
              <w:tag w:val="goog_rdk_71"/>
              <w:id w:val="-376011015"/>
            </w:sdtPr>
            <w:sdtEndPr/>
            <w:sdtContent>
              <w:del w:id="109" w:author="Daveline, Dan" w:date="2021-12-16T11:25:00Z">
                <w:r>
                  <w:delText xml:space="preserve">began with </w:delText>
                </w:r>
              </w:del>
            </w:sdtContent>
          </w:sdt>
          <w:r>
            <w:t xml:space="preserve">Rhode Island </w:t>
          </w:r>
          <w:sdt>
            <w:sdtPr>
              <w:tag w:val="goog_rdk_72"/>
              <w:id w:val="1677922732"/>
            </w:sdtPr>
            <w:sdtEndPr/>
            <w:sdtContent>
              <w:ins w:id="110" w:author="Daveline, Dan" w:date="2021-12-16T11:25:00Z">
                <w:r>
                  <w:t xml:space="preserve">was the first state to take this approach </w:t>
                </w:r>
              </w:ins>
            </w:sdtContent>
          </w:sdt>
          <w:sdt>
            <w:sdtPr>
              <w:tag w:val="goog_rdk_73"/>
              <w:id w:val="1285385359"/>
            </w:sdtPr>
            <w:sdtEndPr/>
            <w:sdtContent>
              <w:del w:id="111" w:author="Daveline, Dan" w:date="2021-12-16T11:25:00Z">
                <w:r>
                  <w:delText xml:space="preserve">in 2002 </w:delText>
                </w:r>
              </w:del>
            </w:sdtContent>
          </w:sdt>
          <w:r>
            <w:t xml:space="preserve">adopting a statute </w:t>
          </w:r>
          <w:sdt>
            <w:sdtPr>
              <w:tag w:val="goog_rdk_74"/>
              <w:id w:val="12203658"/>
            </w:sdtPr>
            <w:sdtEndPr/>
            <w:sdtContent>
              <w:ins w:id="112" w:author="Daveline, Dan" w:date="2021-12-16T11:25:00Z">
                <w:r>
                  <w:t xml:space="preserve">in 2002 </w:t>
                </w:r>
              </w:ins>
            </w:sdtContent>
          </w:sdt>
          <w:r>
            <w:t>titled Voluntary Restructuring of Solvent Insurers</w:t>
          </w:r>
          <w:r>
            <w:rPr>
              <w:vertAlign w:val="superscript"/>
            </w:rPr>
            <w:t>11</w:t>
          </w:r>
          <w:r>
            <w:t xml:space="preserve"> patterned after Solvent Schemes of Arrangements. </w:t>
          </w:r>
          <w:sdt>
            <w:sdtPr>
              <w:tag w:val="goog_rdk_75"/>
              <w:id w:val="-1597695957"/>
            </w:sdtPr>
            <w:sdtEndPr/>
            <w:sdtContent>
              <w:del w:id="113" w:author="Daveline, Dan" w:date="2021-12-16T11:26:00Z">
                <w:r>
                  <w:delText xml:space="preserve">This type of </w:delText>
                </w:r>
              </w:del>
            </w:sdtContent>
          </w:sdt>
          <w:sdt>
            <w:sdtPr>
              <w:tag w:val="goog_rdk_76"/>
              <w:id w:val="-2038502184"/>
            </w:sdtPr>
            <w:sdtEndPr/>
            <w:sdtContent>
              <w:ins w:id="114" w:author="Daveline, Dan" w:date="2021-12-16T11:26:00Z">
                <w:r>
                  <w:t xml:space="preserve">Rhode Island refers to this </w:t>
                </w:r>
              </w:ins>
            </w:sdtContent>
          </w:sdt>
          <w:r>
            <w:t xml:space="preserve">process </w:t>
          </w:r>
          <w:sdt>
            <w:sdtPr>
              <w:tag w:val="goog_rdk_77"/>
              <w:id w:val="1975260232"/>
            </w:sdtPr>
            <w:sdtEndPr/>
            <w:sdtContent>
              <w:del w:id="115" w:author="Daveline, Dan" w:date="2021-12-16T11:27:00Z">
                <w:r>
                  <w:delText>was renamed</w:delText>
                </w:r>
              </w:del>
            </w:sdtContent>
          </w:sdt>
          <w:sdt>
            <w:sdtPr>
              <w:tag w:val="goog_rdk_78"/>
              <w:id w:val="1407494938"/>
            </w:sdtPr>
            <w:sdtEndPr/>
            <w:sdtContent>
              <w:ins w:id="116" w:author="Daveline, Dan" w:date="2021-12-16T11:27:00Z">
                <w:r>
                  <w:t>as a “</w:t>
                </w:r>
              </w:ins>
            </w:sdtContent>
          </w:sdt>
          <w:r>
            <w:t>Commutation Plan</w:t>
          </w:r>
          <w:sdt>
            <w:sdtPr>
              <w:tag w:val="goog_rdk_79"/>
              <w:id w:val="1600065725"/>
            </w:sdtPr>
            <w:sdtEndPr/>
            <w:sdtContent>
              <w:del w:id="117" w:author="Daveline, Dan" w:date="2021-12-16T11:28:00Z">
                <w:r>
                  <w:delText>s</w:delText>
                </w:r>
              </w:del>
            </w:sdtContent>
          </w:sdt>
          <w:sdt>
            <w:sdtPr>
              <w:tag w:val="goog_rdk_80"/>
              <w:id w:val="1680622756"/>
            </w:sdtPr>
            <w:sdtEndPr/>
            <w:sdtContent>
              <w:ins w:id="118" w:author="Daveline, Dan" w:date="2021-12-16T11:28:00Z">
                <w:r>
                  <w:t>,”</w:t>
                </w:r>
              </w:ins>
            </w:sdtContent>
          </w:sdt>
          <w:r>
            <w:t xml:space="preserve"> and </w:t>
          </w:r>
          <w:sdt>
            <w:sdtPr>
              <w:tag w:val="goog_rdk_81"/>
              <w:id w:val="-1678806744"/>
            </w:sdtPr>
            <w:sdtEndPr/>
            <w:sdtContent>
              <w:ins w:id="119" w:author="Daveline, Dan" w:date="2021-12-16T11:28:00Z">
                <w:r>
                  <w:t xml:space="preserve">it </w:t>
                </w:r>
              </w:ins>
            </w:sdtContent>
          </w:sdt>
          <w:r>
            <w:t xml:space="preserve">differs from </w:t>
          </w:r>
          <w:sdt>
            <w:sdtPr>
              <w:tag w:val="goog_rdk_82"/>
              <w:id w:val="2012879967"/>
            </w:sdtPr>
            <w:sdtEndPr/>
            <w:sdtContent>
              <w:del w:id="120" w:author="Daveline, Dan" w:date="2021-12-16T11:28:00Z">
                <w:r>
                  <w:delText>the UK law</w:delText>
                </w:r>
              </w:del>
            </w:sdtContent>
          </w:sdt>
          <w:sdt>
            <w:sdtPr>
              <w:tag w:val="goog_rdk_83"/>
              <w:id w:val="-1267614928"/>
            </w:sdtPr>
            <w:sdtEndPr/>
            <w:sdtContent>
              <w:ins w:id="121" w:author="Daveline, Dan" w:date="2021-12-16T11:28:00Z">
                <w:r>
                  <w:t>a Solvent Scheme</w:t>
                </w:r>
              </w:ins>
            </w:sdtContent>
          </w:sdt>
          <w:r>
            <w:t xml:space="preserve"> in a number of areas including an enhanced role for the regulator, designating the independent expert as a consultant to the regulator</w:t>
          </w:r>
          <w:r>
            <w:rPr>
              <w:rFonts w:ascii="Calibri" w:eastAsia="Calibri" w:hAnsi="Calibri" w:cs="Calibri"/>
              <w:sz w:val="22"/>
              <w:szCs w:val="22"/>
            </w:rPr>
            <w:t xml:space="preserve"> </w:t>
          </w:r>
          <w:r>
            <w:t>and limiting the process to commercial property and casualty risks.  One commutation plan was adjudicated by the Rhode Island court in 2011 and withstood a constitutional challenge.  The written decision in that case addressed many of the issues raised with restructuring plans generally.</w:t>
          </w:r>
          <w:r>
            <w:rPr>
              <w:rFonts w:ascii="ZWAdobeF" w:eastAsia="ZWAdobeF" w:hAnsi="ZWAdobeF" w:cs="ZWAdobeF"/>
              <w:sz w:val="2"/>
              <w:szCs w:val="2"/>
            </w:rPr>
            <w:t>8F</w:t>
          </w:r>
          <w:r>
            <w:rPr>
              <w:vertAlign w:val="superscript"/>
            </w:rPr>
            <w:footnoteReference w:id="11"/>
          </w:r>
          <w:r>
            <w:t xml:space="preserve"> </w:t>
          </w:r>
          <w:sdt>
            <w:sdtPr>
              <w:tag w:val="goog_rdk_84"/>
              <w:id w:val="-1966110849"/>
            </w:sdtPr>
            <w:sdtEndPr/>
            <w:sdtContent>
              <w:del w:id="122" w:author="Daveline, Dan" w:date="2021-12-16T11:29:00Z">
                <w:r>
                  <w:delText xml:space="preserve">Commutation Plans continue to be available under RI law. </w:delText>
                </w:r>
              </w:del>
            </w:sdtContent>
          </w:sdt>
        </w:p>
      </w:sdtContent>
    </w:sdt>
    <w:p w14:paraId="1A7DB136" w14:textId="77777777" w:rsidR="00CF54CB" w:rsidRDefault="00CF54CB">
      <w:pPr>
        <w:spacing w:after="0" w:line="242" w:lineRule="auto"/>
        <w:ind w:left="-14" w:right="58" w:firstLine="706"/>
        <w:jc w:val="left"/>
      </w:pPr>
    </w:p>
    <w:p w14:paraId="63042F78" w14:textId="1E444C28" w:rsidR="00CF54CB" w:rsidRDefault="00DE74AE">
      <w:pPr>
        <w:spacing w:after="0" w:line="242" w:lineRule="auto"/>
        <w:ind w:left="-14" w:right="58" w:firstLine="706"/>
        <w:jc w:val="left"/>
        <w:rPr>
          <w:ins w:id="123" w:author="Gendron, Matthew (DBR)" w:date="2022-03-11T17:27:00Z"/>
        </w:rPr>
      </w:pPr>
      <w:sdt>
        <w:sdtPr>
          <w:tag w:val="goog_rdk_87"/>
          <w:id w:val="540489249"/>
        </w:sdtPr>
        <w:sdtEndPr/>
        <w:sdtContent>
          <w:ins w:id="124" w:author="Daveline, Dan" w:date="2021-12-16T11:29:00Z">
            <w:r w:rsidR="00344004">
              <w:t xml:space="preserve">Although Commutation Plans continue to be available </w:t>
            </w:r>
            <w:del w:id="125" w:author="Gendron, Matthew (DBR)" w:date="2022-03-11T17:09:00Z">
              <w:r w:rsidR="00344004" w:rsidDel="000D160C">
                <w:delText>under</w:delText>
              </w:r>
            </w:del>
          </w:ins>
          <w:ins w:id="126" w:author="Gendron, Matthew (DBR)" w:date="2022-03-11T17:09:00Z">
            <w:r w:rsidR="000D160C">
              <w:t>in</w:t>
            </w:r>
          </w:ins>
          <w:ins w:id="127" w:author="Daveline, Dan" w:date="2021-12-16T11:29:00Z">
            <w:r w:rsidR="00344004">
              <w:t xml:space="preserve"> Rhode Island</w:t>
            </w:r>
          </w:ins>
          <w:ins w:id="128" w:author="Gendron, Matthew (DBR)" w:date="2022-03-11T17:09:00Z">
            <w:r w:rsidR="000D160C">
              <w:t>, the Department</w:t>
            </w:r>
          </w:ins>
          <w:ins w:id="129" w:author="Daveline, Dan" w:date="2021-12-16T11:29:00Z">
            <w:r w:rsidR="00344004">
              <w:t xml:space="preserve"> updated its </w:t>
            </w:r>
          </w:ins>
          <w:ins w:id="130" w:author="Gendron, Matthew (DBR)" w:date="2022-03-11T17:07:00Z">
            <w:r w:rsidR="000D160C">
              <w:t xml:space="preserve">regulation in </w:t>
            </w:r>
          </w:ins>
          <w:ins w:id="131" w:author="Daveline, Dan" w:date="2021-12-16T11:29:00Z">
            <w:del w:id="132" w:author="Gendron, Matthew (DBR)" w:date="2022-03-11T17:07:00Z">
              <w:r w:rsidR="00344004" w:rsidDel="000D160C">
                <w:delText xml:space="preserve">law in </w:delText>
              </w:r>
            </w:del>
          </w:ins>
          <w:r w:rsidR="0002070B">
            <w:t xml:space="preserve">2015 </w:t>
          </w:r>
          <w:ins w:id="133" w:author="Daveline, Dan" w:date="2021-12-16T11:29:00Z">
            <w:r w:rsidR="00344004">
              <w:t>to provide an additional option:</w:t>
            </w:r>
          </w:ins>
        </w:sdtContent>
      </w:sdt>
      <w:sdt>
        <w:sdtPr>
          <w:tag w:val="goog_rdk_88"/>
          <w:id w:val="-411624773"/>
        </w:sdtPr>
        <w:sdtEndPr/>
        <w:sdtContent>
          <w:del w:id="134" w:author="Daveline, Dan" w:date="2021-12-16T11:29:00Z">
            <w:r w:rsidR="00344004">
              <w:delText>In 2015 Rhode Island adopted an</w:delText>
            </w:r>
          </w:del>
        </w:sdtContent>
      </w:sdt>
      <w:r w:rsidR="00344004">
        <w:t xml:space="preserve"> Insurance Business Transfer Plan</w:t>
      </w:r>
      <w:sdt>
        <w:sdtPr>
          <w:tag w:val="goog_rdk_89"/>
          <w:id w:val="-774016290"/>
        </w:sdtPr>
        <w:sdtEndPr/>
        <w:sdtContent>
          <w:ins w:id="135" w:author="Daveline, Dan" w:date="2021-12-16T11:31:00Z">
            <w:r w:rsidR="00344004">
              <w:t>s.</w:t>
            </w:r>
          </w:ins>
        </w:sdtContent>
      </w:sdt>
      <w:r w:rsidR="00344004">
        <w:t xml:space="preserve"> </w:t>
      </w:r>
      <w:sdt>
        <w:sdtPr>
          <w:tag w:val="goog_rdk_90"/>
          <w:id w:val="-25718762"/>
        </w:sdtPr>
        <w:sdtEndPr/>
        <w:sdtContent>
          <w:del w:id="136" w:author="Daveline, Dan" w:date="2021-12-16T11:32:00Z">
            <w:r w:rsidR="00344004">
              <w:delText>regulation</w:delText>
            </w:r>
          </w:del>
        </w:sdtContent>
      </w:sdt>
      <w:r w:rsidR="00344004">
        <w:rPr>
          <w:vertAlign w:val="superscript"/>
        </w:rPr>
        <w:t>13</w:t>
      </w:r>
      <w:r w:rsidR="00344004">
        <w:t xml:space="preserve"> </w:t>
      </w:r>
      <w:sdt>
        <w:sdtPr>
          <w:tag w:val="goog_rdk_91"/>
          <w:id w:val="-13926938"/>
        </w:sdtPr>
        <w:sdtEndPr/>
        <w:sdtContent>
          <w:del w:id="137" w:author="Daveline, Dan" w:date="2021-12-16T11:32:00Z">
            <w:r w:rsidR="00344004">
              <w:delText>structured</w:delText>
            </w:r>
          </w:del>
        </w:sdtContent>
      </w:sdt>
      <w:r w:rsidR="00344004">
        <w:t xml:space="preserve"> </w:t>
      </w:r>
      <w:del w:id="138" w:author="Gendron, Matthew (DBR)" w:date="2022-03-11T17:09:00Z">
        <w:r w:rsidR="00344004" w:rsidDel="000D160C">
          <w:delText>s</w:delText>
        </w:r>
      </w:del>
      <w:ins w:id="139" w:author="Gendron, Matthew (DBR)" w:date="2022-03-11T17:09:00Z">
        <w:r w:rsidR="000D160C">
          <w:t>S</w:t>
        </w:r>
      </w:ins>
      <w:r w:rsidR="00344004">
        <w:t>imilar to the Part VII transfers</w:t>
      </w:r>
      <w:sdt>
        <w:sdtPr>
          <w:tag w:val="goog_rdk_92"/>
          <w:id w:val="806981154"/>
        </w:sdtPr>
        <w:sdtEndPr/>
        <w:sdtContent>
          <w:ins w:id="140" w:author="Daveline, Dan" w:date="2021-12-16T11:33:00Z">
            <w:r w:rsidR="00344004">
              <w:t>, but a</w:t>
            </w:r>
          </w:ins>
        </w:sdtContent>
      </w:sdt>
      <w:sdt>
        <w:sdtPr>
          <w:tag w:val="goog_rdk_93"/>
          <w:id w:val="165906066"/>
        </w:sdtPr>
        <w:sdtEndPr/>
        <w:sdtContent>
          <w:del w:id="141" w:author="Daveline, Dan" w:date="2021-12-16T11:33:00Z">
            <w:r w:rsidR="00344004">
              <w:delText>. A</w:delText>
            </w:r>
          </w:del>
        </w:sdtContent>
      </w:sdt>
      <w:r w:rsidR="00344004">
        <w:t xml:space="preserve">gain, in contrast to the UK, the </w:t>
      </w:r>
      <w:sdt>
        <w:sdtPr>
          <w:tag w:val="goog_rdk_94"/>
          <w:id w:val="-216900184"/>
        </w:sdtPr>
        <w:sdtEndPr/>
        <w:sdtContent>
          <w:ins w:id="142" w:author="Daveline, Dan" w:date="2021-12-16T11:33:00Z">
            <w:r w:rsidR="00344004">
              <w:t xml:space="preserve">Rhode Island </w:t>
            </w:r>
          </w:ins>
        </w:sdtContent>
      </w:sdt>
      <w:r w:rsidR="00344004">
        <w:t>regulation provides an enhanced role for the regulator, designates the independent expert as a consultant to the regulator and limits the process to commercial property and casualty risks. The RI regulation provides for notice at the time the plan is filed with the regulator and an ability to comment at that time.  If the regulator, after a thorough review of the Plan and comments receive</w:t>
      </w:r>
      <w:ins w:id="143" w:author="Daveline, Dan" w:date="2021-12-20T14:48:00Z">
        <w:r w:rsidR="000237A4">
          <w:t>d</w:t>
        </w:r>
      </w:ins>
      <w:del w:id="144" w:author="Daveline, Dan" w:date="2021-12-20T14:48:00Z">
        <w:r w:rsidR="00344004" w:rsidDel="00D76051">
          <w:delText>s</w:delText>
        </w:r>
      </w:del>
      <w:r w:rsidR="00344004">
        <w:t xml:space="preserve"> continues to believe that it meets the statutory requirement</w:t>
      </w:r>
      <w:del w:id="145" w:author="Daveline, Dan" w:date="2021-12-20T14:49:00Z">
        <w:r w:rsidR="00344004" w:rsidDel="00D76051">
          <w:delText xml:space="preserve"> have been met</w:delText>
        </w:r>
      </w:del>
      <w:r w:rsidR="00344004">
        <w:t xml:space="preserve">, it will authorize the </w:t>
      </w:r>
      <w:r w:rsidR="00344004">
        <w:lastRenderedPageBreak/>
        <w:t xml:space="preserve">Plan to be filed with the Court.  The Court will require notice to policyholders and hearings to allow all comments and objections to be considered.  A Rhode Island domestic insurer has been formed specifically to undertake IBTs, but a plan has not yet been filed with the regulator. </w:t>
      </w:r>
    </w:p>
    <w:p w14:paraId="3D2A55CD" w14:textId="77777777" w:rsidR="00B078CA" w:rsidRDefault="00B078CA">
      <w:pPr>
        <w:spacing w:after="0" w:line="242" w:lineRule="auto"/>
        <w:ind w:left="-14" w:right="58" w:firstLine="706"/>
        <w:jc w:val="left"/>
      </w:pPr>
    </w:p>
    <w:p w14:paraId="329DFA0B" w14:textId="06EC699E" w:rsidR="00CF54CB" w:rsidRDefault="00344004">
      <w:pPr>
        <w:spacing w:after="272" w:line="242" w:lineRule="auto"/>
        <w:ind w:left="-11" w:right="59" w:firstLine="710"/>
        <w:jc w:val="left"/>
      </w:pPr>
      <w:r>
        <w:t>In 2013, Vermont adopted the Legacy Insurance Management Act (“LIMA”).</w:t>
      </w:r>
      <w:r>
        <w:rPr>
          <w:rFonts w:ascii="ZWAdobeF" w:eastAsia="ZWAdobeF" w:hAnsi="ZWAdobeF" w:cs="ZWAdobeF"/>
          <w:sz w:val="2"/>
          <w:szCs w:val="2"/>
        </w:rPr>
        <w:t>9F</w:t>
      </w:r>
      <w:r>
        <w:rPr>
          <w:vertAlign w:val="superscript"/>
        </w:rPr>
        <w:footnoteReference w:id="12"/>
      </w:r>
      <w:r>
        <w:t xml:space="preserve">  LIMA is limited to surplus lines risks and reinsurance, involves department approval but not court approval and allows policyholders to opt-out of the plan.  As of this date, no transactions have been completed under LIMA.  </w:t>
      </w:r>
    </w:p>
    <w:p w14:paraId="718E3D9A" w14:textId="559B6176" w:rsidR="00CF54CB" w:rsidRDefault="00344004">
      <w:pPr>
        <w:spacing w:after="272" w:line="242" w:lineRule="auto"/>
        <w:ind w:left="-11" w:right="59" w:firstLine="710"/>
        <w:jc w:val="left"/>
      </w:pPr>
      <w:bookmarkStart w:id="146" w:name="_Hlk97912096"/>
      <w:r>
        <w:t>In 2018, Oklahoma adopted the Insurance Business Transfer Act</w:t>
      </w:r>
      <w:r>
        <w:rPr>
          <w:rFonts w:ascii="ZWAdobeF" w:eastAsia="ZWAdobeF" w:hAnsi="ZWAdobeF" w:cs="ZWAdobeF"/>
          <w:sz w:val="2"/>
          <w:szCs w:val="2"/>
        </w:rPr>
        <w:t>10F</w:t>
      </w:r>
      <w:r>
        <w:rPr>
          <w:vertAlign w:val="superscript"/>
        </w:rPr>
        <w:footnoteReference w:id="13"/>
      </w:r>
      <w:r>
        <w:t xml:space="preserve">modeled after UK’s Part </w:t>
      </w:r>
      <w:ins w:id="147" w:author="Daveline, Dan" w:date="2021-12-20T13:50:00Z">
        <w:r w:rsidR="006356EA">
          <w:t>V</w:t>
        </w:r>
        <w:r w:rsidR="002D5DD4">
          <w:t>I</w:t>
        </w:r>
      </w:ins>
      <w:r>
        <w:t>I</w:t>
      </w:r>
      <w:del w:id="148" w:author="Daveline, Dan" w:date="2021-12-20T13:50:00Z">
        <w:r w:rsidDel="002D5DD4">
          <w:delText xml:space="preserve">V </w:delText>
        </w:r>
      </w:del>
      <w:ins w:id="149" w:author="Daveline, Dan" w:date="2021-12-20T13:50:00Z">
        <w:r w:rsidR="002D5DD4">
          <w:t xml:space="preserve"> </w:t>
        </w:r>
      </w:ins>
      <w:r>
        <w:t xml:space="preserve">regulation with a few significant differences. The differences include no restriction on the type of insurance nor restrictions on the age of the business. Oklahoma law provides for both insurers to nominate a potential independent expert with the Insurance Commissioner appointing one or another if he or she is not satisfied with the nominations. The independent expert report is submitted with the IBT application to the Oklahoma Insurance Department which approves the IBT plan to be submitted to the court upon satisfactory showing that statutory standards are met. The court requires notice and opportunity to be heard prior to court approval of implementation of the plan. As of this writing, Oklahoma has completed two IBTs in October 2020 and September 2021, involving a Rhode Island and Wisconsin insurer respectively, which are described below.  Neither of the plans were challenged in the state court proceedings. </w:t>
      </w:r>
    </w:p>
    <w:p w14:paraId="78DE3354" w14:textId="3CA14E12" w:rsidR="00CF54CB" w:rsidRDefault="00344004">
      <w:pPr>
        <w:spacing w:after="272" w:line="242" w:lineRule="auto"/>
        <w:ind w:left="-11" w:right="59" w:firstLine="710"/>
        <w:jc w:val="left"/>
        <w:rPr>
          <w:ins w:id="150" w:author="Gendron, Matthew (DBR)" w:date="2022-03-11T17:45:00Z"/>
        </w:rPr>
      </w:pPr>
      <w:r>
        <w:t>In 2021, Arkansas adopted the Insurance Business Transfer Act</w:t>
      </w:r>
      <w:r>
        <w:rPr>
          <w:rFonts w:ascii="ZWAdobeF" w:eastAsia="ZWAdobeF" w:hAnsi="ZWAdobeF" w:cs="ZWAdobeF"/>
          <w:sz w:val="2"/>
          <w:szCs w:val="2"/>
        </w:rPr>
        <w:t>11F</w:t>
      </w:r>
      <w:r>
        <w:rPr>
          <w:vertAlign w:val="superscript"/>
        </w:rPr>
        <w:footnoteReference w:id="14"/>
      </w:r>
      <w:r>
        <w:t xml:space="preserve"> which is based on the Oklahoma and Rhode Island statutes.  The key differences are: </w:t>
      </w:r>
      <w:r>
        <w:rPr>
          <w:rFonts w:ascii="Calibri" w:eastAsia="Calibri" w:hAnsi="Calibri" w:cs="Calibri"/>
          <w:sz w:val="22"/>
          <w:szCs w:val="22"/>
        </w:rPr>
        <w:t xml:space="preserve"> t</w:t>
      </w:r>
      <w:r>
        <w:t xml:space="preserve">he assuming insurer must be licensed in each line of business in each state where the transferring insurer is licensed unless an exception is </w:t>
      </w:r>
      <w:del w:id="151" w:author="Daveline, Dan" w:date="2021-12-20T14:49:00Z">
        <w:r w:rsidDel="00D76051">
          <w:delText xml:space="preserve">be </w:delText>
        </w:r>
      </w:del>
      <w:r>
        <w:t>made for an extraordinary circumstance; specific factors are provided in the Arkansas IBT law that the Commissioner must consider before approving the IBT including the impact on contract holders and reinsurers in addition to policyholders;</w:t>
      </w:r>
      <w:del w:id="152" w:author="Daveline, Dan" w:date="2021-12-20T14:49:00Z">
        <w:r w:rsidDel="00EC7B2C">
          <w:delText>.</w:delText>
        </w:r>
      </w:del>
      <w:r>
        <w:t xml:space="preserve"> additional guidance on what would be a material adverse impact; specific guidance for proposed long-term care IBTs and additional requirements for the expert opinion report</w:t>
      </w:r>
      <w:ins w:id="153" w:author="Daveline, Dan" w:date="2021-12-20T14:49:00Z">
        <w:r w:rsidR="00EC7B2C">
          <w:t>.</w:t>
        </w:r>
      </w:ins>
      <w:r>
        <w:t xml:space="preserve"> </w:t>
      </w:r>
    </w:p>
    <w:p w14:paraId="133CCEC0" w14:textId="51B5C565" w:rsidR="0047469D" w:rsidRDefault="0047469D">
      <w:pPr>
        <w:spacing w:after="272" w:line="242" w:lineRule="auto"/>
        <w:ind w:left="-11" w:right="59" w:firstLine="710"/>
        <w:jc w:val="left"/>
      </w:pPr>
      <w:ins w:id="154" w:author="Gendron, Matthew (DBR)" w:date="2022-03-11T17:45:00Z">
        <w:r>
          <w:t>[Hold for additional information about Corporate Divisions and a few selected state summaries</w:t>
        </w:r>
      </w:ins>
      <w:ins w:id="155" w:author="Gendron, Matthew (DBR)" w:date="2022-03-11T17:46:00Z">
        <w:r>
          <w:t>]</w:t>
        </w:r>
      </w:ins>
    </w:p>
    <w:bookmarkEnd w:id="146"/>
    <w:p w14:paraId="7F641D6A" w14:textId="77777777" w:rsidR="00CF54CB" w:rsidRDefault="00344004">
      <w:pPr>
        <w:spacing w:after="298" w:line="242" w:lineRule="auto"/>
        <w:ind w:left="-11" w:right="59" w:firstLine="710"/>
        <w:jc w:val="left"/>
      </w:pPr>
      <w:r>
        <w:t>The National Council of Insurance Legislators has promulgated a model IBT law</w:t>
      </w:r>
      <w:r>
        <w:rPr>
          <w:rFonts w:ascii="ZWAdobeF" w:eastAsia="ZWAdobeF" w:hAnsi="ZWAdobeF" w:cs="ZWAdobeF"/>
          <w:sz w:val="2"/>
          <w:szCs w:val="2"/>
        </w:rPr>
        <w:t>12F</w:t>
      </w:r>
      <w:r>
        <w:rPr>
          <w:vertAlign w:val="superscript"/>
        </w:rPr>
        <w:footnoteReference w:id="15"/>
      </w:r>
      <w:r>
        <w:t xml:space="preserve"> modeled after the Oklahoma IBT statutes, as well as a model CD law</w:t>
      </w:r>
      <w:r>
        <w:rPr>
          <w:rFonts w:ascii="ZWAdobeF" w:eastAsia="ZWAdobeF" w:hAnsi="ZWAdobeF" w:cs="ZWAdobeF"/>
          <w:sz w:val="2"/>
          <w:szCs w:val="2"/>
        </w:rPr>
        <w:t>13F</w:t>
      </w:r>
      <w:r>
        <w:rPr>
          <w:vertAlign w:val="superscript"/>
        </w:rPr>
        <w:footnoteReference w:id="16"/>
      </w:r>
      <w:r>
        <w:t xml:space="preserve">.  A number of states have adopted CD statutes, whether specific to insurance or based on the state’s general power over corporations.  Those states include Arizona, Connecticut, Illinois, Iowa, Michigan, </w:t>
      </w:r>
      <w:r>
        <w:lastRenderedPageBreak/>
        <w:t>Arkansas, and Pennsylvania</w:t>
      </w:r>
      <w:r>
        <w:rPr>
          <w:rFonts w:ascii="ZWAdobeF" w:eastAsia="ZWAdobeF" w:hAnsi="ZWAdobeF" w:cs="ZWAdobeF"/>
          <w:sz w:val="2"/>
          <w:szCs w:val="2"/>
        </w:rPr>
        <w:t>14F</w:t>
      </w:r>
      <w:r>
        <w:rPr>
          <w:vertAlign w:val="superscript"/>
        </w:rPr>
        <w:footnoteReference w:id="17"/>
      </w:r>
      <w:r>
        <w:t xml:space="preserve">. All of these statutes allow for corporate restructures. As discussed in more detail below, Pennsylvania and Illinois have each completed CD transactions. </w:t>
      </w:r>
    </w:p>
    <w:p w14:paraId="3EC96E1C" w14:textId="77777777" w:rsidR="00CF54CB" w:rsidRDefault="00344004" w:rsidP="00B078CA">
      <w:pPr>
        <w:pStyle w:val="Heading2"/>
      </w:pPr>
      <w:r>
        <w:t>A.</w:t>
      </w:r>
      <w:r>
        <w:tab/>
        <w:t>Similarities and Differences between Statutes</w:t>
      </w:r>
    </w:p>
    <w:p w14:paraId="5091F2BA" w14:textId="23149E4F" w:rsidR="00CF54CB" w:rsidRDefault="00344004">
      <w:pPr>
        <w:spacing w:after="272" w:line="242" w:lineRule="auto"/>
        <w:ind w:left="-11" w:right="59" w:firstLine="710"/>
        <w:jc w:val="left"/>
      </w:pPr>
      <w:r>
        <w:t xml:space="preserve">Rhode Island’s IBT law permits transfers of property and casualty commercial blocks of business that have been closed for at least 60 months. In contrast, Oklahoma and Arkansas IBT laws permit transfers of both open and closed books of business and are not limited in the line of business that can be transferred. All three states require approval by a court and no material adverse impact on affected policyholders. The approval of the ceding and assuming insurer’s domestic insurance regulator is also required. All states require an </w:t>
      </w:r>
      <w:ins w:id="156" w:author="Daveline, Dan" w:date="2021-12-20T13:55:00Z">
        <w:r w:rsidR="00862AE5">
          <w:t xml:space="preserve">independent </w:t>
        </w:r>
      </w:ins>
      <w:r>
        <w:t xml:space="preserve">expert report that contains an opinion on the likely effects of the transfer plan on policyholders considering whether the security position of policyholders is materially adversely affected by the transfer. All states also require notification to all affected policyholders as well as the opportunity to be heard at a public hearing. </w:t>
      </w:r>
      <w:r>
        <w:rPr>
          <w:noProof/>
        </w:rPr>
        <mc:AlternateContent>
          <mc:Choice Requires="wpg">
            <w:drawing>
              <wp:anchor distT="0" distB="0" distL="0" distR="0" simplePos="0" relativeHeight="251651072" behindDoc="1" locked="0" layoutInCell="1" hidden="0" allowOverlap="1" wp14:anchorId="764CB712" wp14:editId="07CAFDFF">
                <wp:simplePos x="0" y="0"/>
                <wp:positionH relativeFrom="column">
                  <wp:posOffset>406400</wp:posOffset>
                </wp:positionH>
                <wp:positionV relativeFrom="paragraph">
                  <wp:posOffset>-406399</wp:posOffset>
                </wp:positionV>
                <wp:extent cx="5151308" cy="5442282"/>
                <wp:effectExtent l="0" t="0" r="0" b="0"/>
                <wp:wrapNone/>
                <wp:docPr id="117505" name="Group 117505" descr="P142#y1"/>
                <wp:cNvGraphicFramePr/>
                <a:graphic xmlns:a="http://schemas.openxmlformats.org/drawingml/2006/main">
                  <a:graphicData uri="http://schemas.microsoft.com/office/word/2010/wordprocessingGroup">
                    <wpg:wgp>
                      <wpg:cNvGrpSpPr/>
                      <wpg:grpSpPr>
                        <a:xfrm>
                          <a:off x="0" y="0"/>
                          <a:ext cx="5151308" cy="5442282"/>
                          <a:chOff x="2770346" y="1058859"/>
                          <a:chExt cx="5151308" cy="5442282"/>
                        </a:xfrm>
                      </wpg:grpSpPr>
                      <wpg:grpSp>
                        <wpg:cNvPr id="117506" name="Group 117506"/>
                        <wpg:cNvGrpSpPr/>
                        <wpg:grpSpPr>
                          <a:xfrm>
                            <a:off x="2770346" y="1058859"/>
                            <a:ext cx="5151308" cy="5442282"/>
                            <a:chOff x="0" y="0"/>
                            <a:chExt cx="5151308" cy="5442282"/>
                          </a:xfrm>
                        </wpg:grpSpPr>
                        <wps:wsp>
                          <wps:cNvPr id="117507" name="Rectangle 117507"/>
                          <wps:cNvSpPr/>
                          <wps:spPr>
                            <a:xfrm>
                              <a:off x="0" y="0"/>
                              <a:ext cx="5151300" cy="5442275"/>
                            </a:xfrm>
                            <a:prstGeom prst="rect">
                              <a:avLst/>
                            </a:prstGeom>
                            <a:noFill/>
                            <a:ln>
                              <a:noFill/>
                            </a:ln>
                          </wps:spPr>
                          <wps:txbx>
                            <w:txbxContent>
                              <w:p w14:paraId="706F808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08" name="Freeform: Shape 117508"/>
                          <wps:cNvSpPr/>
                          <wps:spPr>
                            <a:xfrm>
                              <a:off x="0" y="3484466"/>
                              <a:ext cx="1000596" cy="1472664"/>
                            </a:xfrm>
                            <a:custGeom>
                              <a:avLst/>
                              <a:gdLst/>
                              <a:ahLst/>
                              <a:cxnLst/>
                              <a:rect l="l" t="t" r="r" b="b"/>
                              <a:pathLst>
                                <a:path w="1000596" h="1472664" extrusionOk="0">
                                  <a:moveTo>
                                    <a:pt x="639526" y="592"/>
                                  </a:moveTo>
                                  <a:cubicBezTo>
                                    <a:pt x="688638" y="1184"/>
                                    <a:pt x="739197" y="7756"/>
                                    <a:pt x="791032" y="20837"/>
                                  </a:cubicBezTo>
                                  <a:cubicBezTo>
                                    <a:pt x="843153" y="34890"/>
                                    <a:pt x="896506" y="53877"/>
                                    <a:pt x="950816" y="78416"/>
                                  </a:cubicBezTo>
                                  <a:lnTo>
                                    <a:pt x="1000596" y="103292"/>
                                  </a:lnTo>
                                  <a:lnTo>
                                    <a:pt x="1000596" y="330497"/>
                                  </a:lnTo>
                                  <a:lnTo>
                                    <a:pt x="954591" y="304878"/>
                                  </a:lnTo>
                                  <a:cubicBezTo>
                                    <a:pt x="913406" y="283927"/>
                                    <a:pt x="872750" y="267167"/>
                                    <a:pt x="832777" y="254238"/>
                                  </a:cubicBezTo>
                                  <a:cubicBezTo>
                                    <a:pt x="772874" y="234893"/>
                                    <a:pt x="715315" y="227570"/>
                                    <a:pt x="659761" y="230085"/>
                                  </a:cubicBezTo>
                                  <a:cubicBezTo>
                                    <a:pt x="641243" y="230923"/>
                                    <a:pt x="622948" y="232854"/>
                                    <a:pt x="604863" y="235798"/>
                                  </a:cubicBezTo>
                                  <a:cubicBezTo>
                                    <a:pt x="532460" y="247507"/>
                                    <a:pt x="463931" y="288134"/>
                                    <a:pt x="397827" y="354238"/>
                                  </a:cubicBezTo>
                                  <a:cubicBezTo>
                                    <a:pt x="354521" y="397545"/>
                                    <a:pt x="311150" y="440915"/>
                                    <a:pt x="267792" y="484273"/>
                                  </a:cubicBezTo>
                                  <a:lnTo>
                                    <a:pt x="1000596" y="1217085"/>
                                  </a:lnTo>
                                  <a:lnTo>
                                    <a:pt x="1000596" y="1472664"/>
                                  </a:lnTo>
                                  <a:lnTo>
                                    <a:pt x="52705" y="524773"/>
                                  </a:lnTo>
                                  <a:cubicBezTo>
                                    <a:pt x="21615" y="493684"/>
                                    <a:pt x="5537" y="466887"/>
                                    <a:pt x="2553" y="443341"/>
                                  </a:cubicBezTo>
                                  <a:cubicBezTo>
                                    <a:pt x="0" y="421725"/>
                                    <a:pt x="5410" y="404580"/>
                                    <a:pt x="16574" y="393430"/>
                                  </a:cubicBezTo>
                                  <a:cubicBezTo>
                                    <a:pt x="89090" y="320913"/>
                                    <a:pt x="161684" y="248320"/>
                                    <a:pt x="234201" y="175790"/>
                                  </a:cubicBezTo>
                                  <a:cubicBezTo>
                                    <a:pt x="317449" y="92554"/>
                                    <a:pt x="404609" y="37906"/>
                                    <a:pt x="496697" y="16227"/>
                                  </a:cubicBezTo>
                                  <a:cubicBezTo>
                                    <a:pt x="542747" y="5388"/>
                                    <a:pt x="590414" y="0"/>
                                    <a:pt x="639526" y="592"/>
                                  </a:cubicBezTo>
                                  <a:close/>
                                </a:path>
                              </a:pathLst>
                            </a:custGeom>
                            <a:solidFill>
                              <a:srgbClr val="C0C0C0">
                                <a:alpha val="49803"/>
                              </a:srgbClr>
                            </a:solidFill>
                            <a:ln>
                              <a:noFill/>
                            </a:ln>
                          </wps:spPr>
                          <wps:txbx>
                            <w:txbxContent>
                              <w:p w14:paraId="5A190EB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09" name="Freeform: Shape 117509"/>
                          <wps:cNvSpPr/>
                          <wps:spPr>
                            <a:xfrm>
                              <a:off x="1000596" y="3587758"/>
                              <a:ext cx="959243" cy="1854524"/>
                            </a:xfrm>
                            <a:custGeom>
                              <a:avLst/>
                              <a:gdLst/>
                              <a:ahLst/>
                              <a:cxnLst/>
                              <a:rect l="l" t="t" r="r" b="b"/>
                              <a:pathLst>
                                <a:path w="959243" h="1854524" extrusionOk="0">
                                  <a:moveTo>
                                    <a:pt x="0" y="0"/>
                                  </a:moveTo>
                                  <a:lnTo>
                                    <a:pt x="32368" y="16175"/>
                                  </a:lnTo>
                                  <a:cubicBezTo>
                                    <a:pt x="59967" y="31299"/>
                                    <a:pt x="87772" y="47889"/>
                                    <a:pt x="115747" y="66021"/>
                                  </a:cubicBezTo>
                                  <a:cubicBezTo>
                                    <a:pt x="227583" y="138487"/>
                                    <a:pt x="342785" y="233623"/>
                                    <a:pt x="458863" y="349701"/>
                                  </a:cubicBezTo>
                                  <a:cubicBezTo>
                                    <a:pt x="592822" y="483660"/>
                                    <a:pt x="699172" y="611575"/>
                                    <a:pt x="777366" y="732136"/>
                                  </a:cubicBezTo>
                                  <a:cubicBezTo>
                                    <a:pt x="856817" y="853815"/>
                                    <a:pt x="907401" y="967340"/>
                                    <a:pt x="933322" y="1073766"/>
                                  </a:cubicBezTo>
                                  <a:cubicBezTo>
                                    <a:pt x="959243" y="1180179"/>
                                    <a:pt x="957185" y="1280928"/>
                                    <a:pt x="930833" y="1372953"/>
                                  </a:cubicBezTo>
                                  <a:cubicBezTo>
                                    <a:pt x="904467" y="1464863"/>
                                    <a:pt x="849832" y="1552022"/>
                                    <a:pt x="767396" y="1634458"/>
                                  </a:cubicBezTo>
                                  <a:cubicBezTo>
                                    <a:pt x="699553" y="1702302"/>
                                    <a:pt x="631697" y="1770158"/>
                                    <a:pt x="563841" y="1838013"/>
                                  </a:cubicBezTo>
                                  <a:cubicBezTo>
                                    <a:pt x="552690" y="1849165"/>
                                    <a:pt x="535494" y="1854524"/>
                                    <a:pt x="512749" y="1850841"/>
                                  </a:cubicBezTo>
                                  <a:cubicBezTo>
                                    <a:pt x="490384" y="1849038"/>
                                    <a:pt x="463587" y="1832959"/>
                                    <a:pt x="432497" y="1801870"/>
                                  </a:cubicBezTo>
                                  <a:lnTo>
                                    <a:pt x="0" y="1369372"/>
                                  </a:lnTo>
                                  <a:lnTo>
                                    <a:pt x="0" y="1113793"/>
                                  </a:lnTo>
                                  <a:lnTo>
                                    <a:pt x="471753" y="1585551"/>
                                  </a:lnTo>
                                  <a:cubicBezTo>
                                    <a:pt x="515619" y="1541685"/>
                                    <a:pt x="559485" y="1497819"/>
                                    <a:pt x="603287" y="1454017"/>
                                  </a:cubicBezTo>
                                  <a:cubicBezTo>
                                    <a:pt x="664971" y="1392333"/>
                                    <a:pt x="704849" y="1329277"/>
                                    <a:pt x="721486" y="1261675"/>
                                  </a:cubicBezTo>
                                  <a:cubicBezTo>
                                    <a:pt x="738123" y="1194073"/>
                                    <a:pt x="737247" y="1122051"/>
                                    <a:pt x="713320" y="1042550"/>
                                  </a:cubicBezTo>
                                  <a:cubicBezTo>
                                    <a:pt x="689520" y="963047"/>
                                    <a:pt x="648651" y="877691"/>
                                    <a:pt x="584656" y="786035"/>
                                  </a:cubicBezTo>
                                  <a:cubicBezTo>
                                    <a:pt x="521918" y="695623"/>
                                    <a:pt x="438047" y="597808"/>
                                    <a:pt x="332751" y="492512"/>
                                  </a:cubicBezTo>
                                  <a:cubicBezTo>
                                    <a:pt x="249020" y="408768"/>
                                    <a:pt x="164400" y="337991"/>
                                    <a:pt x="78980" y="277361"/>
                                  </a:cubicBezTo>
                                  <a:cubicBezTo>
                                    <a:pt x="57936" y="262518"/>
                                    <a:pt x="36986" y="248812"/>
                                    <a:pt x="16149" y="236197"/>
                                  </a:cubicBezTo>
                                  <a:lnTo>
                                    <a:pt x="0" y="227205"/>
                                  </a:lnTo>
                                  <a:lnTo>
                                    <a:pt x="0" y="0"/>
                                  </a:lnTo>
                                  <a:close/>
                                </a:path>
                              </a:pathLst>
                            </a:custGeom>
                            <a:solidFill>
                              <a:srgbClr val="C0C0C0">
                                <a:alpha val="49803"/>
                              </a:srgbClr>
                            </a:solidFill>
                            <a:ln>
                              <a:noFill/>
                            </a:ln>
                          </wps:spPr>
                          <wps:txbx>
                            <w:txbxContent>
                              <w:p w14:paraId="0CB6E98E"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10" name="Freeform: Shape 117510"/>
                          <wps:cNvSpPr/>
                          <wps:spPr>
                            <a:xfrm>
                              <a:off x="936154" y="2590207"/>
                              <a:ext cx="628690" cy="1058861"/>
                            </a:xfrm>
                            <a:custGeom>
                              <a:avLst/>
                              <a:gdLst/>
                              <a:ahLst/>
                              <a:cxnLst/>
                              <a:rect l="l" t="t" r="r" b="b"/>
                              <a:pathLst>
                                <a:path w="628690" h="1058861" extrusionOk="0">
                                  <a:moveTo>
                                    <a:pt x="559321" y="2040"/>
                                  </a:moveTo>
                                  <a:cubicBezTo>
                                    <a:pt x="572297" y="3060"/>
                                    <a:pt x="585367" y="4730"/>
                                    <a:pt x="598565" y="7135"/>
                                  </a:cubicBezTo>
                                  <a:lnTo>
                                    <a:pt x="628690" y="14286"/>
                                  </a:lnTo>
                                  <a:lnTo>
                                    <a:pt x="628690" y="238084"/>
                                  </a:lnTo>
                                  <a:lnTo>
                                    <a:pt x="623625" y="236432"/>
                                  </a:lnTo>
                                  <a:cubicBezTo>
                                    <a:pt x="609005" y="233143"/>
                                    <a:pt x="594429" y="231336"/>
                                    <a:pt x="579896" y="230970"/>
                                  </a:cubicBezTo>
                                  <a:cubicBezTo>
                                    <a:pt x="550831" y="230238"/>
                                    <a:pt x="521938" y="235271"/>
                                    <a:pt x="493217" y="245742"/>
                                  </a:cubicBezTo>
                                  <a:cubicBezTo>
                                    <a:pt x="474523" y="252219"/>
                                    <a:pt x="457632" y="262252"/>
                                    <a:pt x="439636" y="275396"/>
                                  </a:cubicBezTo>
                                  <a:cubicBezTo>
                                    <a:pt x="421627" y="288541"/>
                                    <a:pt x="399631" y="308175"/>
                                    <a:pt x="374332" y="333461"/>
                                  </a:cubicBezTo>
                                  <a:cubicBezTo>
                                    <a:pt x="338442" y="369351"/>
                                    <a:pt x="302489" y="405304"/>
                                    <a:pt x="266611" y="441194"/>
                                  </a:cubicBezTo>
                                  <a:lnTo>
                                    <a:pt x="628690" y="803273"/>
                                  </a:lnTo>
                                  <a:lnTo>
                                    <a:pt x="628690" y="1058861"/>
                                  </a:lnTo>
                                  <a:lnTo>
                                    <a:pt x="52705" y="482876"/>
                                  </a:lnTo>
                                  <a:cubicBezTo>
                                    <a:pt x="21615" y="451786"/>
                                    <a:pt x="5537" y="424990"/>
                                    <a:pt x="2553" y="401444"/>
                                  </a:cubicBezTo>
                                  <a:cubicBezTo>
                                    <a:pt x="0" y="379828"/>
                                    <a:pt x="5359" y="362747"/>
                                    <a:pt x="16510" y="351596"/>
                                  </a:cubicBezTo>
                                  <a:cubicBezTo>
                                    <a:pt x="84607" y="283499"/>
                                    <a:pt x="152705" y="215401"/>
                                    <a:pt x="220815" y="147291"/>
                                  </a:cubicBezTo>
                                  <a:cubicBezTo>
                                    <a:pt x="245364" y="122742"/>
                                    <a:pt x="266611" y="103870"/>
                                    <a:pt x="284112" y="88731"/>
                                  </a:cubicBezTo>
                                  <a:cubicBezTo>
                                    <a:pt x="302247" y="75574"/>
                                    <a:pt x="319316" y="62989"/>
                                    <a:pt x="334454" y="52841"/>
                                  </a:cubicBezTo>
                                  <a:cubicBezTo>
                                    <a:pt x="382499" y="26730"/>
                                    <a:pt x="430479" y="8785"/>
                                    <a:pt x="482308" y="3058"/>
                                  </a:cubicBezTo>
                                  <a:cubicBezTo>
                                    <a:pt x="507791" y="562"/>
                                    <a:pt x="533368" y="0"/>
                                    <a:pt x="559321" y="2040"/>
                                  </a:cubicBezTo>
                                  <a:close/>
                                </a:path>
                              </a:pathLst>
                            </a:custGeom>
                            <a:solidFill>
                              <a:srgbClr val="C0C0C0">
                                <a:alpha val="49803"/>
                              </a:srgbClr>
                            </a:solidFill>
                            <a:ln>
                              <a:noFill/>
                            </a:ln>
                          </wps:spPr>
                          <wps:txbx>
                            <w:txbxContent>
                              <w:p w14:paraId="5C2EEFC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11" name="Freeform: Shape 117511"/>
                          <wps:cNvSpPr/>
                          <wps:spPr>
                            <a:xfrm>
                              <a:off x="1564843" y="2604493"/>
                              <a:ext cx="1516569" cy="1918460"/>
                            </a:xfrm>
                            <a:custGeom>
                              <a:avLst/>
                              <a:gdLst/>
                              <a:ahLst/>
                              <a:cxnLst/>
                              <a:rect l="l" t="t" r="r" b="b"/>
                              <a:pathLst>
                                <a:path w="1516569" h="1918460" extrusionOk="0">
                                  <a:moveTo>
                                    <a:pt x="0" y="0"/>
                                  </a:moveTo>
                                  <a:lnTo>
                                    <a:pt x="9892" y="2348"/>
                                  </a:lnTo>
                                  <a:cubicBezTo>
                                    <a:pt x="63714" y="18172"/>
                                    <a:pt x="117118" y="40918"/>
                                    <a:pt x="170890" y="75742"/>
                                  </a:cubicBezTo>
                                  <a:cubicBezTo>
                                    <a:pt x="224661" y="110577"/>
                                    <a:pt x="278370" y="154939"/>
                                    <a:pt x="332192" y="208774"/>
                                  </a:cubicBezTo>
                                  <a:cubicBezTo>
                                    <a:pt x="383602" y="260171"/>
                                    <a:pt x="425652" y="311453"/>
                                    <a:pt x="458303" y="360171"/>
                                  </a:cubicBezTo>
                                  <a:cubicBezTo>
                                    <a:pt x="491450" y="410767"/>
                                    <a:pt x="514133" y="459611"/>
                                    <a:pt x="529271" y="506906"/>
                                  </a:cubicBezTo>
                                  <a:cubicBezTo>
                                    <a:pt x="545590" y="555382"/>
                                    <a:pt x="552944" y="602359"/>
                                    <a:pt x="553134" y="648156"/>
                                  </a:cubicBezTo>
                                  <a:cubicBezTo>
                                    <a:pt x="553261" y="693889"/>
                                    <a:pt x="547521" y="739367"/>
                                    <a:pt x="535189" y="783233"/>
                                  </a:cubicBezTo>
                                  <a:cubicBezTo>
                                    <a:pt x="561542" y="778687"/>
                                    <a:pt x="590764" y="777632"/>
                                    <a:pt x="620114" y="782052"/>
                                  </a:cubicBezTo>
                                  <a:cubicBezTo>
                                    <a:pt x="650645" y="787653"/>
                                    <a:pt x="683792" y="794765"/>
                                    <a:pt x="718742" y="807909"/>
                                  </a:cubicBezTo>
                                  <a:cubicBezTo>
                                    <a:pt x="753692" y="820927"/>
                                    <a:pt x="791831" y="837500"/>
                                    <a:pt x="832445" y="859179"/>
                                  </a:cubicBezTo>
                                  <a:cubicBezTo>
                                    <a:pt x="873073" y="880871"/>
                                    <a:pt x="918437" y="904670"/>
                                    <a:pt x="967472" y="934757"/>
                                  </a:cubicBezTo>
                                  <a:cubicBezTo>
                                    <a:pt x="1109470" y="1020304"/>
                                    <a:pt x="1252587" y="1103857"/>
                                    <a:pt x="1394522" y="1189468"/>
                                  </a:cubicBezTo>
                                  <a:cubicBezTo>
                                    <a:pt x="1429904" y="1211655"/>
                                    <a:pt x="1454771" y="1227289"/>
                                    <a:pt x="1467725" y="1235886"/>
                                  </a:cubicBezTo>
                                  <a:cubicBezTo>
                                    <a:pt x="1481872" y="1245666"/>
                                    <a:pt x="1492274" y="1254454"/>
                                    <a:pt x="1498256" y="1260436"/>
                                  </a:cubicBezTo>
                                  <a:cubicBezTo>
                                    <a:pt x="1504237" y="1266417"/>
                                    <a:pt x="1509406" y="1273212"/>
                                    <a:pt x="1512772" y="1279435"/>
                                  </a:cubicBezTo>
                                  <a:cubicBezTo>
                                    <a:pt x="1516137" y="1285670"/>
                                    <a:pt x="1516569" y="1292211"/>
                                    <a:pt x="1515083" y="1301063"/>
                                  </a:cubicBezTo>
                                  <a:cubicBezTo>
                                    <a:pt x="1513521" y="1309851"/>
                                    <a:pt x="1509101" y="1318881"/>
                                    <a:pt x="1501431" y="1329041"/>
                                  </a:cubicBezTo>
                                  <a:cubicBezTo>
                                    <a:pt x="1493709" y="1339125"/>
                                    <a:pt x="1482990" y="1352218"/>
                                    <a:pt x="1468157" y="1367039"/>
                                  </a:cubicBezTo>
                                  <a:cubicBezTo>
                                    <a:pt x="1455507" y="1379689"/>
                                    <a:pt x="1443925" y="1388909"/>
                                    <a:pt x="1434578" y="1395894"/>
                                  </a:cubicBezTo>
                                  <a:cubicBezTo>
                                    <a:pt x="1425167" y="1402802"/>
                                    <a:pt x="1416137" y="1407235"/>
                                    <a:pt x="1406104" y="1407540"/>
                                  </a:cubicBezTo>
                                  <a:cubicBezTo>
                                    <a:pt x="1397316" y="1409102"/>
                                    <a:pt x="1388782" y="1408162"/>
                                    <a:pt x="1380615" y="1404365"/>
                                  </a:cubicBezTo>
                                  <a:cubicBezTo>
                                    <a:pt x="1371713" y="1401304"/>
                                    <a:pt x="1361057" y="1395271"/>
                                    <a:pt x="1349284" y="1387854"/>
                                  </a:cubicBezTo>
                                  <a:cubicBezTo>
                                    <a:pt x="1198625" y="1295018"/>
                                    <a:pt x="1046656" y="1204238"/>
                                    <a:pt x="896009" y="1111401"/>
                                  </a:cubicBezTo>
                                  <a:cubicBezTo>
                                    <a:pt x="843913" y="1079753"/>
                                    <a:pt x="794942" y="1052334"/>
                                    <a:pt x="749209" y="1028533"/>
                                  </a:cubicBezTo>
                                  <a:cubicBezTo>
                                    <a:pt x="703604" y="1004734"/>
                                    <a:pt x="660055" y="988846"/>
                                    <a:pt x="619428" y="979003"/>
                                  </a:cubicBezTo>
                                  <a:cubicBezTo>
                                    <a:pt x="578737" y="969097"/>
                                    <a:pt x="541730" y="968475"/>
                                    <a:pt x="506589" y="974571"/>
                                  </a:cubicBezTo>
                                  <a:cubicBezTo>
                                    <a:pt x="472565" y="981925"/>
                                    <a:pt x="440104" y="1000314"/>
                                    <a:pt x="411135" y="1029283"/>
                                  </a:cubicBezTo>
                                  <a:cubicBezTo>
                                    <a:pt x="382662" y="1057756"/>
                                    <a:pt x="354189" y="1086229"/>
                                    <a:pt x="325715" y="1114703"/>
                                  </a:cubicBezTo>
                                  <a:cubicBezTo>
                                    <a:pt x="545463" y="1334464"/>
                                    <a:pt x="765161" y="1554149"/>
                                    <a:pt x="984845" y="1773846"/>
                                  </a:cubicBezTo>
                                  <a:cubicBezTo>
                                    <a:pt x="990827" y="1779827"/>
                                    <a:pt x="996059" y="1786546"/>
                                    <a:pt x="998625" y="1793594"/>
                                  </a:cubicBezTo>
                                  <a:cubicBezTo>
                                    <a:pt x="1001241" y="1800566"/>
                                    <a:pt x="1000987" y="1807793"/>
                                    <a:pt x="998929" y="1814714"/>
                                  </a:cubicBezTo>
                                  <a:cubicBezTo>
                                    <a:pt x="997495" y="1823503"/>
                                    <a:pt x="993761" y="1831846"/>
                                    <a:pt x="988020" y="1842439"/>
                                  </a:cubicBezTo>
                                  <a:cubicBezTo>
                                    <a:pt x="981048" y="1851785"/>
                                    <a:pt x="971828" y="1863381"/>
                                    <a:pt x="959242" y="1875966"/>
                                  </a:cubicBezTo>
                                  <a:cubicBezTo>
                                    <a:pt x="946593" y="1888616"/>
                                    <a:pt x="935747" y="1897087"/>
                                    <a:pt x="926400" y="1904059"/>
                                  </a:cubicBezTo>
                                  <a:cubicBezTo>
                                    <a:pt x="915808" y="1909799"/>
                                    <a:pt x="906778" y="1914219"/>
                                    <a:pt x="897927" y="1915717"/>
                                  </a:cubicBezTo>
                                  <a:cubicBezTo>
                                    <a:pt x="890332" y="1918460"/>
                                    <a:pt x="883791" y="1918016"/>
                                    <a:pt x="876807" y="1915400"/>
                                  </a:cubicBezTo>
                                  <a:cubicBezTo>
                                    <a:pt x="869834" y="1912784"/>
                                    <a:pt x="863040" y="1907615"/>
                                    <a:pt x="857058" y="1901633"/>
                                  </a:cubicBezTo>
                                  <a:lnTo>
                                    <a:pt x="0" y="1044575"/>
                                  </a:lnTo>
                                  <a:lnTo>
                                    <a:pt x="0" y="788988"/>
                                  </a:lnTo>
                                  <a:lnTo>
                                    <a:pt x="159485" y="948473"/>
                                  </a:lnTo>
                                  <a:cubicBezTo>
                                    <a:pt x="201103" y="906855"/>
                                    <a:pt x="242721" y="865237"/>
                                    <a:pt x="284275" y="823670"/>
                                  </a:cubicBezTo>
                                  <a:cubicBezTo>
                                    <a:pt x="317740" y="790218"/>
                                    <a:pt x="340600" y="753388"/>
                                    <a:pt x="351572" y="715631"/>
                                  </a:cubicBezTo>
                                  <a:cubicBezTo>
                                    <a:pt x="362660" y="677874"/>
                                    <a:pt x="365530" y="639863"/>
                                    <a:pt x="357491" y="599680"/>
                                  </a:cubicBezTo>
                                  <a:cubicBezTo>
                                    <a:pt x="350760" y="560678"/>
                                    <a:pt x="335748" y="521118"/>
                                    <a:pt x="311453" y="480744"/>
                                  </a:cubicBezTo>
                                  <a:cubicBezTo>
                                    <a:pt x="286396" y="441108"/>
                                    <a:pt x="255497" y="402601"/>
                                    <a:pt x="218426" y="365530"/>
                                  </a:cubicBezTo>
                                  <a:cubicBezTo>
                                    <a:pt x="157428" y="304532"/>
                                    <a:pt x="97737" y="261669"/>
                                    <a:pt x="38924" y="236498"/>
                                  </a:cubicBezTo>
                                  <a:lnTo>
                                    <a:pt x="0" y="223799"/>
                                  </a:lnTo>
                                  <a:lnTo>
                                    <a:pt x="0" y="0"/>
                                  </a:lnTo>
                                  <a:close/>
                                </a:path>
                              </a:pathLst>
                            </a:custGeom>
                            <a:solidFill>
                              <a:srgbClr val="C0C0C0">
                                <a:alpha val="49803"/>
                              </a:srgbClr>
                            </a:solidFill>
                            <a:ln>
                              <a:noFill/>
                            </a:ln>
                          </wps:spPr>
                          <wps:txbx>
                            <w:txbxContent>
                              <w:p w14:paraId="4533F5CB"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12" name="Freeform: Shape 117512"/>
                          <wps:cNvSpPr/>
                          <wps:spPr>
                            <a:xfrm>
                              <a:off x="1978105" y="1786690"/>
                              <a:ext cx="734403" cy="1318044"/>
                            </a:xfrm>
                            <a:custGeom>
                              <a:avLst/>
                              <a:gdLst/>
                              <a:ahLst/>
                              <a:cxnLst/>
                              <a:rect l="l" t="t" r="r" b="b"/>
                              <a:pathLst>
                                <a:path w="734403" h="1318044" extrusionOk="0">
                                  <a:moveTo>
                                    <a:pt x="143118" y="343"/>
                                  </a:moveTo>
                                  <a:cubicBezTo>
                                    <a:pt x="147619" y="0"/>
                                    <a:pt x="152025" y="327"/>
                                    <a:pt x="156820" y="1508"/>
                                  </a:cubicBezTo>
                                  <a:cubicBezTo>
                                    <a:pt x="166548" y="3870"/>
                                    <a:pt x="177203" y="9916"/>
                                    <a:pt x="187732" y="16088"/>
                                  </a:cubicBezTo>
                                  <a:lnTo>
                                    <a:pt x="734403" y="362456"/>
                                  </a:lnTo>
                                  <a:lnTo>
                                    <a:pt x="734403" y="577667"/>
                                  </a:lnTo>
                                  <a:lnTo>
                                    <a:pt x="265049" y="276095"/>
                                  </a:lnTo>
                                  <a:cubicBezTo>
                                    <a:pt x="264795" y="276336"/>
                                    <a:pt x="264554" y="276590"/>
                                    <a:pt x="264300" y="276844"/>
                                  </a:cubicBezTo>
                                  <a:cubicBezTo>
                                    <a:pt x="365894" y="432641"/>
                                    <a:pt x="466550" y="589061"/>
                                    <a:pt x="567214" y="745472"/>
                                  </a:cubicBezTo>
                                  <a:lnTo>
                                    <a:pt x="734403" y="1004067"/>
                                  </a:lnTo>
                                  <a:lnTo>
                                    <a:pt x="734403" y="1318044"/>
                                  </a:lnTo>
                                  <a:lnTo>
                                    <a:pt x="574148" y="1065135"/>
                                  </a:lnTo>
                                  <a:cubicBezTo>
                                    <a:pt x="388880" y="771360"/>
                                    <a:pt x="203613" y="477586"/>
                                    <a:pt x="16447" y="184998"/>
                                  </a:cubicBezTo>
                                  <a:cubicBezTo>
                                    <a:pt x="10224" y="174406"/>
                                    <a:pt x="5423" y="164995"/>
                                    <a:pt x="3048" y="155280"/>
                                  </a:cubicBezTo>
                                  <a:cubicBezTo>
                                    <a:pt x="0" y="146377"/>
                                    <a:pt x="1054" y="138338"/>
                                    <a:pt x="4051" y="127988"/>
                                  </a:cubicBezTo>
                                  <a:cubicBezTo>
                                    <a:pt x="6287" y="118526"/>
                                    <a:pt x="12217" y="107985"/>
                                    <a:pt x="20625" y="97088"/>
                                  </a:cubicBezTo>
                                  <a:cubicBezTo>
                                    <a:pt x="29032" y="86179"/>
                                    <a:pt x="40996" y="74343"/>
                                    <a:pt x="55829" y="59522"/>
                                  </a:cubicBezTo>
                                  <a:cubicBezTo>
                                    <a:pt x="71463" y="43875"/>
                                    <a:pt x="84735" y="30477"/>
                                    <a:pt x="96393" y="21320"/>
                                  </a:cubicBezTo>
                                  <a:cubicBezTo>
                                    <a:pt x="108039" y="12164"/>
                                    <a:pt x="118567" y="6245"/>
                                    <a:pt x="128854" y="3197"/>
                                  </a:cubicBezTo>
                                  <a:cubicBezTo>
                                    <a:pt x="134023" y="1698"/>
                                    <a:pt x="138617" y="686"/>
                                    <a:pt x="143118" y="343"/>
                                  </a:cubicBezTo>
                                  <a:close/>
                                </a:path>
                              </a:pathLst>
                            </a:custGeom>
                            <a:solidFill>
                              <a:srgbClr val="C0C0C0">
                                <a:alpha val="49803"/>
                              </a:srgbClr>
                            </a:solidFill>
                            <a:ln>
                              <a:noFill/>
                            </a:ln>
                          </wps:spPr>
                          <wps:txbx>
                            <w:txbxContent>
                              <w:p w14:paraId="6224C168"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13" name="Freeform: Shape 117513"/>
                          <wps:cNvSpPr/>
                          <wps:spPr>
                            <a:xfrm>
                              <a:off x="2712508" y="2149147"/>
                              <a:ext cx="1283754" cy="1652916"/>
                            </a:xfrm>
                            <a:custGeom>
                              <a:avLst/>
                              <a:gdLst/>
                              <a:ahLst/>
                              <a:cxnLst/>
                              <a:rect l="l" t="t" r="r" b="b"/>
                              <a:pathLst>
                                <a:path w="1283754" h="1652916" extrusionOk="0">
                                  <a:moveTo>
                                    <a:pt x="0" y="0"/>
                                  </a:moveTo>
                                  <a:lnTo>
                                    <a:pt x="333496" y="211301"/>
                                  </a:lnTo>
                                  <a:cubicBezTo>
                                    <a:pt x="627269" y="396569"/>
                                    <a:pt x="921042" y="581837"/>
                                    <a:pt x="1213663" y="768971"/>
                                  </a:cubicBezTo>
                                  <a:cubicBezTo>
                                    <a:pt x="1235215" y="783296"/>
                                    <a:pt x="1250671" y="794142"/>
                                    <a:pt x="1262202" y="804175"/>
                                  </a:cubicBezTo>
                                  <a:cubicBezTo>
                                    <a:pt x="1272984" y="814958"/>
                                    <a:pt x="1278953" y="825549"/>
                                    <a:pt x="1281392" y="835201"/>
                                  </a:cubicBezTo>
                                  <a:cubicBezTo>
                                    <a:pt x="1283754" y="844917"/>
                                    <a:pt x="1280516" y="855140"/>
                                    <a:pt x="1272794" y="865364"/>
                                  </a:cubicBezTo>
                                  <a:cubicBezTo>
                                    <a:pt x="1264374" y="876133"/>
                                    <a:pt x="1253668" y="889227"/>
                                    <a:pt x="1238021" y="904861"/>
                                  </a:cubicBezTo>
                                  <a:cubicBezTo>
                                    <a:pt x="1222451" y="920444"/>
                                    <a:pt x="1210615" y="932395"/>
                                    <a:pt x="1200455" y="940065"/>
                                  </a:cubicBezTo>
                                  <a:cubicBezTo>
                                    <a:pt x="1189546" y="948473"/>
                                    <a:pt x="1180516" y="952905"/>
                                    <a:pt x="1172477" y="953705"/>
                                  </a:cubicBezTo>
                                  <a:cubicBezTo>
                                    <a:pt x="1164882" y="956448"/>
                                    <a:pt x="1158265" y="955953"/>
                                    <a:pt x="1151293" y="953337"/>
                                  </a:cubicBezTo>
                                  <a:cubicBezTo>
                                    <a:pt x="1144321" y="950721"/>
                                    <a:pt x="1136028" y="947038"/>
                                    <a:pt x="1126681" y="942059"/>
                                  </a:cubicBezTo>
                                  <a:cubicBezTo>
                                    <a:pt x="973976" y="843304"/>
                                    <a:pt x="820077" y="746479"/>
                                    <a:pt x="667360" y="647724"/>
                                  </a:cubicBezTo>
                                  <a:cubicBezTo>
                                    <a:pt x="534149" y="780934"/>
                                    <a:pt x="400876" y="914208"/>
                                    <a:pt x="267665" y="1047418"/>
                                  </a:cubicBezTo>
                                  <a:cubicBezTo>
                                    <a:pt x="366039" y="1197266"/>
                                    <a:pt x="462559" y="1348358"/>
                                    <a:pt x="560934" y="1498205"/>
                                  </a:cubicBezTo>
                                  <a:cubicBezTo>
                                    <a:pt x="566738" y="1506866"/>
                                    <a:pt x="570344" y="1515096"/>
                                    <a:pt x="572960" y="1522068"/>
                                  </a:cubicBezTo>
                                  <a:cubicBezTo>
                                    <a:pt x="576707" y="1530298"/>
                                    <a:pt x="576516" y="1537588"/>
                                    <a:pt x="575704" y="1545627"/>
                                  </a:cubicBezTo>
                                  <a:cubicBezTo>
                                    <a:pt x="575399" y="1555647"/>
                                    <a:pt x="570967" y="1564689"/>
                                    <a:pt x="564058" y="1574100"/>
                                  </a:cubicBezTo>
                                  <a:cubicBezTo>
                                    <a:pt x="556323" y="1584184"/>
                                    <a:pt x="546354" y="1596528"/>
                                    <a:pt x="532219" y="1610676"/>
                                  </a:cubicBezTo>
                                  <a:cubicBezTo>
                                    <a:pt x="518135" y="1624748"/>
                                    <a:pt x="505054" y="1635467"/>
                                    <a:pt x="494957" y="1643188"/>
                                  </a:cubicBezTo>
                                  <a:cubicBezTo>
                                    <a:pt x="482867" y="1650427"/>
                                    <a:pt x="473278" y="1652916"/>
                                    <a:pt x="463677" y="1650542"/>
                                  </a:cubicBezTo>
                                  <a:cubicBezTo>
                                    <a:pt x="453961" y="1648179"/>
                                    <a:pt x="443370" y="1642070"/>
                                    <a:pt x="433337" y="1630666"/>
                                  </a:cubicBezTo>
                                  <a:cubicBezTo>
                                    <a:pt x="422554" y="1619897"/>
                                    <a:pt x="411709" y="1604441"/>
                                    <a:pt x="397446" y="1582825"/>
                                  </a:cubicBezTo>
                                  <a:lnTo>
                                    <a:pt x="0" y="955588"/>
                                  </a:lnTo>
                                  <a:lnTo>
                                    <a:pt x="0" y="641610"/>
                                  </a:lnTo>
                                  <a:lnTo>
                                    <a:pt x="135763" y="851597"/>
                                  </a:lnTo>
                                  <a:cubicBezTo>
                                    <a:pt x="247167" y="740193"/>
                                    <a:pt x="358635" y="628725"/>
                                    <a:pt x="470103" y="517257"/>
                                  </a:cubicBezTo>
                                  <a:cubicBezTo>
                                    <a:pt x="313963" y="416006"/>
                                    <a:pt x="157185" y="315740"/>
                                    <a:pt x="398" y="215467"/>
                                  </a:cubicBezTo>
                                  <a:lnTo>
                                    <a:pt x="0" y="215211"/>
                                  </a:lnTo>
                                  <a:lnTo>
                                    <a:pt x="0" y="0"/>
                                  </a:lnTo>
                                  <a:close/>
                                </a:path>
                              </a:pathLst>
                            </a:custGeom>
                            <a:solidFill>
                              <a:srgbClr val="C0C0C0">
                                <a:alpha val="49803"/>
                              </a:srgbClr>
                            </a:solidFill>
                            <a:ln>
                              <a:noFill/>
                            </a:ln>
                          </wps:spPr>
                          <wps:txbx>
                            <w:txbxContent>
                              <w:p w14:paraId="5D5700E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14" name="Freeform: Shape 117514"/>
                          <wps:cNvSpPr/>
                          <wps:spPr>
                            <a:xfrm>
                              <a:off x="2642730" y="797215"/>
                              <a:ext cx="1630426" cy="2019160"/>
                            </a:xfrm>
                            <a:custGeom>
                              <a:avLst/>
                              <a:gdLst/>
                              <a:ahLst/>
                              <a:cxnLst/>
                              <a:rect l="l" t="t" r="r" b="b"/>
                              <a:pathLst>
                                <a:path w="1630426" h="2019160" extrusionOk="0">
                                  <a:moveTo>
                                    <a:pt x="464122" y="0"/>
                                  </a:moveTo>
                                  <a:cubicBezTo>
                                    <a:pt x="470662" y="686"/>
                                    <a:pt x="478447" y="2362"/>
                                    <a:pt x="487794" y="7353"/>
                                  </a:cubicBezTo>
                                  <a:cubicBezTo>
                                    <a:pt x="497269" y="12332"/>
                                    <a:pt x="509041" y="19621"/>
                                    <a:pt x="520573" y="29655"/>
                                  </a:cubicBezTo>
                                  <a:cubicBezTo>
                                    <a:pt x="533273" y="40869"/>
                                    <a:pt x="547167" y="53264"/>
                                    <a:pt x="562750" y="68847"/>
                                  </a:cubicBezTo>
                                  <a:cubicBezTo>
                                    <a:pt x="578269" y="84366"/>
                                    <a:pt x="590664" y="98260"/>
                                    <a:pt x="600697" y="109779"/>
                                  </a:cubicBezTo>
                                  <a:cubicBezTo>
                                    <a:pt x="610731" y="121310"/>
                                    <a:pt x="618020" y="133084"/>
                                    <a:pt x="621818" y="141376"/>
                                  </a:cubicBezTo>
                                  <a:cubicBezTo>
                                    <a:pt x="626796" y="150711"/>
                                    <a:pt x="628485" y="158509"/>
                                    <a:pt x="629171" y="165049"/>
                                  </a:cubicBezTo>
                                  <a:cubicBezTo>
                                    <a:pt x="629107" y="172339"/>
                                    <a:pt x="627304" y="176517"/>
                                    <a:pt x="623557" y="180251"/>
                                  </a:cubicBezTo>
                                  <a:cubicBezTo>
                                    <a:pt x="506171" y="297637"/>
                                    <a:pt x="388785" y="415023"/>
                                    <a:pt x="271399" y="532410"/>
                                  </a:cubicBezTo>
                                  <a:cubicBezTo>
                                    <a:pt x="446862" y="707860"/>
                                    <a:pt x="622313" y="883310"/>
                                    <a:pt x="797700" y="1058710"/>
                                  </a:cubicBezTo>
                                  <a:cubicBezTo>
                                    <a:pt x="908672" y="947738"/>
                                    <a:pt x="1019645" y="836765"/>
                                    <a:pt x="1130542" y="725869"/>
                                  </a:cubicBezTo>
                                  <a:cubicBezTo>
                                    <a:pt x="1134288" y="722122"/>
                                    <a:pt x="1138453" y="720319"/>
                                    <a:pt x="1144562" y="719074"/>
                                  </a:cubicBezTo>
                                  <a:cubicBezTo>
                                    <a:pt x="1151103" y="719760"/>
                                    <a:pt x="1158888" y="721436"/>
                                    <a:pt x="1167054" y="725246"/>
                                  </a:cubicBezTo>
                                  <a:cubicBezTo>
                                    <a:pt x="1175347" y="729044"/>
                                    <a:pt x="1185939" y="735152"/>
                                    <a:pt x="1197458" y="745185"/>
                                  </a:cubicBezTo>
                                  <a:cubicBezTo>
                                    <a:pt x="1208926" y="755142"/>
                                    <a:pt x="1224064" y="768795"/>
                                    <a:pt x="1240765" y="785495"/>
                                  </a:cubicBezTo>
                                  <a:cubicBezTo>
                                    <a:pt x="1256335" y="801065"/>
                                    <a:pt x="1267562" y="813778"/>
                                    <a:pt x="1277582" y="825310"/>
                                  </a:cubicBezTo>
                                  <a:cubicBezTo>
                                    <a:pt x="1287615" y="836829"/>
                                    <a:pt x="1294905" y="848602"/>
                                    <a:pt x="1298651" y="856831"/>
                                  </a:cubicBezTo>
                                  <a:cubicBezTo>
                                    <a:pt x="1303693" y="866242"/>
                                    <a:pt x="1305370" y="874027"/>
                                    <a:pt x="1306056" y="880567"/>
                                  </a:cubicBezTo>
                                  <a:cubicBezTo>
                                    <a:pt x="1306004" y="887857"/>
                                    <a:pt x="1305370" y="893217"/>
                                    <a:pt x="1301636" y="896963"/>
                                  </a:cubicBezTo>
                                  <a:cubicBezTo>
                                    <a:pt x="1190727" y="1007859"/>
                                    <a:pt x="1079767" y="1118832"/>
                                    <a:pt x="968794" y="1229805"/>
                                  </a:cubicBezTo>
                                  <a:cubicBezTo>
                                    <a:pt x="1183691" y="1444688"/>
                                    <a:pt x="1398588" y="1659585"/>
                                    <a:pt x="1613535" y="1874546"/>
                                  </a:cubicBezTo>
                                  <a:cubicBezTo>
                                    <a:pt x="1619517" y="1880527"/>
                                    <a:pt x="1623504" y="1886001"/>
                                    <a:pt x="1626121" y="1892986"/>
                                  </a:cubicBezTo>
                                  <a:cubicBezTo>
                                    <a:pt x="1629931" y="1901266"/>
                                    <a:pt x="1630426" y="1907756"/>
                                    <a:pt x="1627683" y="1915350"/>
                                  </a:cubicBezTo>
                                  <a:cubicBezTo>
                                    <a:pt x="1626184" y="1924203"/>
                                    <a:pt x="1622514" y="1932483"/>
                                    <a:pt x="1616774" y="1943075"/>
                                  </a:cubicBezTo>
                                  <a:cubicBezTo>
                                    <a:pt x="1609738" y="1952485"/>
                                    <a:pt x="1600517" y="1964081"/>
                                    <a:pt x="1587932" y="1976666"/>
                                  </a:cubicBezTo>
                                  <a:cubicBezTo>
                                    <a:pt x="1576032" y="1988566"/>
                                    <a:pt x="1564437" y="1997786"/>
                                    <a:pt x="1555090" y="2004759"/>
                                  </a:cubicBezTo>
                                  <a:cubicBezTo>
                                    <a:pt x="1544498" y="2010499"/>
                                    <a:pt x="1535468" y="2014919"/>
                                    <a:pt x="1526616" y="2016417"/>
                                  </a:cubicBezTo>
                                  <a:cubicBezTo>
                                    <a:pt x="1519022" y="2019160"/>
                                    <a:pt x="1512481" y="2018716"/>
                                    <a:pt x="1504252" y="2014855"/>
                                  </a:cubicBezTo>
                                  <a:cubicBezTo>
                                    <a:pt x="1497279" y="2012239"/>
                                    <a:pt x="1491730" y="2008314"/>
                                    <a:pt x="1485748" y="2002333"/>
                                  </a:cubicBezTo>
                                  <a:cubicBezTo>
                                    <a:pt x="1008050" y="1524635"/>
                                    <a:pt x="530403" y="1046988"/>
                                    <a:pt x="52705" y="569290"/>
                                  </a:cubicBezTo>
                                  <a:cubicBezTo>
                                    <a:pt x="21615" y="538201"/>
                                    <a:pt x="5537" y="511416"/>
                                    <a:pt x="2553" y="487858"/>
                                  </a:cubicBezTo>
                                  <a:cubicBezTo>
                                    <a:pt x="0" y="466243"/>
                                    <a:pt x="5423" y="449098"/>
                                    <a:pt x="16510" y="438010"/>
                                  </a:cubicBezTo>
                                  <a:cubicBezTo>
                                    <a:pt x="160681" y="293840"/>
                                    <a:pt x="304800" y="149721"/>
                                    <a:pt x="448920" y="5601"/>
                                  </a:cubicBezTo>
                                  <a:cubicBezTo>
                                    <a:pt x="452653" y="1867"/>
                                    <a:pt x="456832" y="64"/>
                                    <a:pt x="464122" y="0"/>
                                  </a:cubicBezTo>
                                  <a:close/>
                                </a:path>
                              </a:pathLst>
                            </a:custGeom>
                            <a:solidFill>
                              <a:srgbClr val="C0C0C0">
                                <a:alpha val="49803"/>
                              </a:srgbClr>
                            </a:solidFill>
                            <a:ln>
                              <a:noFill/>
                            </a:ln>
                          </wps:spPr>
                          <wps:txbx>
                            <w:txbxContent>
                              <w:p w14:paraId="1FD6738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15" name="Freeform: Shape 117515"/>
                          <wps:cNvSpPr/>
                          <wps:spPr>
                            <a:xfrm>
                              <a:off x="3213212" y="0"/>
                              <a:ext cx="1938096" cy="1938223"/>
                            </a:xfrm>
                            <a:custGeom>
                              <a:avLst/>
                              <a:gdLst/>
                              <a:ahLst/>
                              <a:cxnLst/>
                              <a:rect l="l" t="t" r="r" b="b"/>
                              <a:pathLst>
                                <a:path w="1938096" h="1938223" extrusionOk="0">
                                  <a:moveTo>
                                    <a:pt x="690855" y="0"/>
                                  </a:moveTo>
                                  <a:cubicBezTo>
                                    <a:pt x="697395" y="686"/>
                                    <a:pt x="705180" y="2362"/>
                                    <a:pt x="714528" y="7353"/>
                                  </a:cubicBezTo>
                                  <a:cubicBezTo>
                                    <a:pt x="723938" y="12395"/>
                                    <a:pt x="735025" y="20371"/>
                                    <a:pt x="746557" y="30404"/>
                                  </a:cubicBezTo>
                                  <a:cubicBezTo>
                                    <a:pt x="759206" y="41681"/>
                                    <a:pt x="773151" y="54013"/>
                                    <a:pt x="788734" y="69596"/>
                                  </a:cubicBezTo>
                                  <a:cubicBezTo>
                                    <a:pt x="804253" y="85115"/>
                                    <a:pt x="816585" y="99073"/>
                                    <a:pt x="826681" y="110528"/>
                                  </a:cubicBezTo>
                                  <a:cubicBezTo>
                                    <a:pt x="836714" y="122060"/>
                                    <a:pt x="844690" y="133147"/>
                                    <a:pt x="848551" y="141376"/>
                                  </a:cubicBezTo>
                                  <a:cubicBezTo>
                                    <a:pt x="853529" y="150724"/>
                                    <a:pt x="855218" y="158509"/>
                                    <a:pt x="855904" y="165049"/>
                                  </a:cubicBezTo>
                                  <a:cubicBezTo>
                                    <a:pt x="855840" y="172339"/>
                                    <a:pt x="853288" y="177267"/>
                                    <a:pt x="849541" y="181000"/>
                                  </a:cubicBezTo>
                                  <a:cubicBezTo>
                                    <a:pt x="759384" y="271158"/>
                                    <a:pt x="669290" y="361251"/>
                                    <a:pt x="579133" y="451409"/>
                                  </a:cubicBezTo>
                                  <a:cubicBezTo>
                                    <a:pt x="1026490" y="898766"/>
                                    <a:pt x="1473911" y="1346187"/>
                                    <a:pt x="1921269" y="1793545"/>
                                  </a:cubicBezTo>
                                  <a:cubicBezTo>
                                    <a:pt x="1927251" y="1799526"/>
                                    <a:pt x="1932419" y="1806321"/>
                                    <a:pt x="1935036" y="1813293"/>
                                  </a:cubicBezTo>
                                  <a:cubicBezTo>
                                    <a:pt x="1937652" y="1820278"/>
                                    <a:pt x="1938096" y="1826819"/>
                                    <a:pt x="1935353" y="1834413"/>
                                  </a:cubicBezTo>
                                  <a:cubicBezTo>
                                    <a:pt x="1933855" y="1843265"/>
                                    <a:pt x="1930184" y="1851559"/>
                                    <a:pt x="1924444" y="1862150"/>
                                  </a:cubicBezTo>
                                  <a:cubicBezTo>
                                    <a:pt x="1917471" y="1871498"/>
                                    <a:pt x="1908251" y="1883080"/>
                                    <a:pt x="1895602" y="1895729"/>
                                  </a:cubicBezTo>
                                  <a:cubicBezTo>
                                    <a:pt x="1883702" y="1907629"/>
                                    <a:pt x="1872107" y="1916849"/>
                                    <a:pt x="1862760" y="1923834"/>
                                  </a:cubicBezTo>
                                  <a:cubicBezTo>
                                    <a:pt x="1852168" y="1929562"/>
                                    <a:pt x="1843139" y="1933981"/>
                                    <a:pt x="1834287" y="1935480"/>
                                  </a:cubicBezTo>
                                  <a:cubicBezTo>
                                    <a:pt x="1826692" y="1938223"/>
                                    <a:pt x="1820202" y="1937728"/>
                                    <a:pt x="1813167" y="1935163"/>
                                  </a:cubicBezTo>
                                  <a:cubicBezTo>
                                    <a:pt x="1806194" y="1932546"/>
                                    <a:pt x="1799463" y="1927314"/>
                                    <a:pt x="1793481" y="1921332"/>
                                  </a:cubicBezTo>
                                  <a:cubicBezTo>
                                    <a:pt x="1346124" y="1473975"/>
                                    <a:pt x="898703" y="1026554"/>
                                    <a:pt x="451345" y="579196"/>
                                  </a:cubicBezTo>
                                  <a:cubicBezTo>
                                    <a:pt x="361188" y="669354"/>
                                    <a:pt x="271031" y="759511"/>
                                    <a:pt x="180873" y="849668"/>
                                  </a:cubicBezTo>
                                  <a:cubicBezTo>
                                    <a:pt x="177191" y="853351"/>
                                    <a:pt x="172276" y="855904"/>
                                    <a:pt x="165672" y="855282"/>
                                  </a:cubicBezTo>
                                  <a:cubicBezTo>
                                    <a:pt x="158382" y="855345"/>
                                    <a:pt x="151333" y="852919"/>
                                    <a:pt x="141986" y="847928"/>
                                  </a:cubicBezTo>
                                  <a:cubicBezTo>
                                    <a:pt x="133769" y="844067"/>
                                    <a:pt x="122682" y="836092"/>
                                    <a:pt x="111214" y="825995"/>
                                  </a:cubicBezTo>
                                  <a:cubicBezTo>
                                    <a:pt x="98933" y="816712"/>
                                    <a:pt x="85039" y="804316"/>
                                    <a:pt x="69533" y="788797"/>
                                  </a:cubicBezTo>
                                  <a:cubicBezTo>
                                    <a:pt x="53950" y="773227"/>
                                    <a:pt x="41554" y="759333"/>
                                    <a:pt x="31090" y="745871"/>
                                  </a:cubicBezTo>
                                  <a:cubicBezTo>
                                    <a:pt x="20993" y="734403"/>
                                    <a:pt x="13018" y="723316"/>
                                    <a:pt x="7976" y="713905"/>
                                  </a:cubicBezTo>
                                  <a:cubicBezTo>
                                    <a:pt x="2985" y="704558"/>
                                    <a:pt x="559" y="697522"/>
                                    <a:pt x="622" y="690232"/>
                                  </a:cubicBezTo>
                                  <a:cubicBezTo>
                                    <a:pt x="0" y="683628"/>
                                    <a:pt x="2553" y="678701"/>
                                    <a:pt x="6223" y="675030"/>
                                  </a:cubicBezTo>
                                  <a:cubicBezTo>
                                    <a:pt x="229159" y="452095"/>
                                    <a:pt x="452031" y="229222"/>
                                    <a:pt x="674903" y="6350"/>
                                  </a:cubicBezTo>
                                  <a:cubicBezTo>
                                    <a:pt x="678637" y="2616"/>
                                    <a:pt x="683565" y="63"/>
                                    <a:pt x="690855" y="0"/>
                                  </a:cubicBezTo>
                                  <a:close/>
                                </a:path>
                              </a:pathLst>
                            </a:custGeom>
                            <a:solidFill>
                              <a:srgbClr val="C0C0C0">
                                <a:alpha val="49803"/>
                              </a:srgbClr>
                            </a:solidFill>
                            <a:ln>
                              <a:noFill/>
                            </a:ln>
                          </wps:spPr>
                          <wps:txbx>
                            <w:txbxContent>
                              <w:p w14:paraId="6EB9F3D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g:grpSp>
                    </wpg:wgp>
                  </a:graphicData>
                </a:graphic>
              </wp:anchor>
            </w:drawing>
          </mc:Choice>
          <mc:Fallback>
            <w:pict>
              <v:group w14:anchorId="764CB712" id="Group 117505" o:spid="_x0000_s1149" alt="P142#y1" style="position:absolute;left:0;text-align:left;margin-left:32pt;margin-top:-32pt;width:405.6pt;height:428.55pt;z-index:-251665408;mso-wrap-distance-left:0;mso-wrap-distance-right:0;mso-position-horizontal-relative:text;mso-position-vertical-relative:text" coordorigin="27703,10588" coordsize="51513,5442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">
                <v:group id="Group 117506" o:spid="_x0000_s1150" style="position:absolute;left:27703;top:10588;width:51513;height:54423" coordsize="51513,5442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">
                  <v:rect id="Rectangle 117507" o:spid="_x0000_s1151" style="position:absolute;width:51513;height:5442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" filled="f" stroked="f">
                    <v:textbox inset="2.53958mm,2.53958mm,2.53958mm,2.53958mm">
                      <w:txbxContent>
                        <w:p w14:paraId="706F8081" w14:textId="77777777" w:rsidR="00CF54CB" w:rsidRDefault="00CF54CB">
                          <w:pPr>
                            <w:spacing w:after="0" w:line="240" w:lineRule="auto"/>
                            <w:ind w:left="0" w:firstLine="0"/>
                            <w:jc w:val="left"/>
                            <w:textDirection w:val="btLr"/>
                          </w:pPr>
                        </w:p>
                      </w:txbxContent>
                    </v:textbox>
                  </v:rect>
                  <v:shape id="Freeform: Shape 117508" o:spid="_x0000_s1152" style="position:absolute;top:34844;width:10005;height:14727;visibility:visible;mso-wrap-style:square;v-text-anchor:middle" coordsize="1000596,147266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" adj="-11796480,,5400" path="m639526,592v49112,592,99671,7164,151506,20245c843153,34890,896506,53877,950816,78416r49780,24876l1000596,330497,954591,304878c913406,283927,872750,267167,832777,254238,772874,234893,715315,227570,659761,230085v-18518,838,-36813,2769,-54898,5713c532460,247507,463931,288134,397827,354238v-43306,43307,-86677,86677,-130035,130035l1000596,1217085r,255579l52705,524773c21615,493684,5537,466887,2553,443341,,421725,5410,404580,16574,393430,89090,320913,161684,248320,234201,175790,317449,92554,404609,37906,496697,16227,542747,5388,590414,,639526,592xe" fillcolor="silver" stroked="f">
                    <v:fill opacity="32639f"/>
                    <v:stroke joinstyle="miter"/>
                    <v:formulas/>
                    <v:path arrowok="t" o:extrusionok="f" o:connecttype="custom" textboxrect="0,0,1000596,1472664"/>
                    <v:textbox inset="2.53958mm,2.53958mm,2.53958mm,2.53958mm">
                      <w:txbxContent>
                        <w:p w14:paraId="5A190EB3" w14:textId="77777777" w:rsidR="00CF54CB" w:rsidRDefault="00CF54CB">
                          <w:pPr>
                            <w:spacing w:after="0" w:line="240" w:lineRule="auto"/>
                            <w:ind w:left="0" w:firstLine="0"/>
                            <w:jc w:val="left"/>
                            <w:textDirection w:val="btLr"/>
                          </w:pPr>
                        </w:p>
                      </w:txbxContent>
                    </v:textbox>
                  </v:shape>
                  <v:shape id="Freeform: Shape 117509" o:spid="_x0000_s1153" style="position:absolute;left:10005;top:35877;width:9593;height:18545;visibility:visible;mso-wrap-style:square;v-text-anchor:middle" coordsize="959243,185452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" adj="-11796480,,5400" path="m,l32368,16175v27599,15124,55404,31714,83379,49846c227583,138487,342785,233623,458863,349701,592822,483660,699172,611575,777366,732136v79451,121679,130035,235204,155956,341630c959243,1180179,957185,1280928,930833,1372953v-26366,91910,-81001,179069,-163437,261505c699553,1702302,631697,1770158,563841,1838013v-11151,11152,-28347,16511,-51092,12828c490384,1849038,463587,1832959,432497,1801870l,1369372,,1113793r471753,471758c515619,1541685,559485,1497819,603287,1454017v61684,-61684,101562,-124740,118199,-192342c738123,1194073,737247,1122051,713320,1042550,689520,963047,648651,877691,584656,786035,521918,695623,438047,597808,332751,492512,249020,408768,164400,337991,78980,277361,57936,262518,36986,248812,16149,236197l,227205,,xe" fillcolor="silver" stroked="f">
                    <v:fill opacity="32639f"/>
                    <v:stroke joinstyle="miter"/>
                    <v:formulas/>
                    <v:path arrowok="t" o:extrusionok="f" o:connecttype="custom" textboxrect="0,0,959243,1854524"/>
                    <v:textbox inset="2.53958mm,2.53958mm,2.53958mm,2.53958mm">
                      <w:txbxContent>
                        <w:p w14:paraId="0CB6E98E" w14:textId="77777777" w:rsidR="00CF54CB" w:rsidRDefault="00CF54CB">
                          <w:pPr>
                            <w:spacing w:after="0" w:line="240" w:lineRule="auto"/>
                            <w:ind w:left="0" w:firstLine="0"/>
                            <w:jc w:val="left"/>
                            <w:textDirection w:val="btLr"/>
                          </w:pPr>
                        </w:p>
                      </w:txbxContent>
                    </v:textbox>
                  </v:shape>
                  <v:shape id="Freeform: Shape 117510" o:spid="_x0000_s1154" style="position:absolute;left:9361;top:25902;width:6287;height:10588;visibility:visible;mso-wrap-style:square;v-text-anchor:middle" coordsize="628690,1058861"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" adj="-11796480,,5400" path="m559321,2040v12976,1020,26046,2690,39244,5095l628690,14286r,223798l623625,236432v-14620,-3289,-29196,-5096,-43729,-5462c550831,230238,521938,235271,493217,245742v-18694,6477,-35585,16510,-53581,29654c421627,288541,399631,308175,374332,333461v-35890,35890,-71843,71843,-107721,107733l628690,803273r,255588l52705,482876c21615,451786,5537,424990,2553,401444,,379828,5359,362747,16510,351596,84607,283499,152705,215401,220815,147291v24549,-24549,45796,-43421,63297,-58560c302247,75574,319316,62989,334454,52841,382499,26730,430479,8785,482308,3058,507791,562,533368,,559321,2040xe" fillcolor="silver" stroked="f">
                    <v:fill opacity="32639f"/>
                    <v:stroke joinstyle="miter"/>
                    <v:formulas/>
                    <v:path arrowok="t" o:extrusionok="f" o:connecttype="custom" textboxrect="0,0,628690,1058861"/>
                    <v:textbox inset="2.53958mm,2.53958mm,2.53958mm,2.53958mm">
                      <w:txbxContent>
                        <w:p w14:paraId="5C2EEFCC" w14:textId="77777777" w:rsidR="00CF54CB" w:rsidRDefault="00CF54CB">
                          <w:pPr>
                            <w:spacing w:after="0" w:line="240" w:lineRule="auto"/>
                            <w:ind w:left="0" w:firstLine="0"/>
                            <w:jc w:val="left"/>
                            <w:textDirection w:val="btLr"/>
                          </w:pPr>
                        </w:p>
                      </w:txbxContent>
                    </v:textbox>
                  </v:shape>
                  <v:shape id="Freeform: Shape 117511" o:spid="_x0000_s1155" style="position:absolute;left:15648;top:26044;width:15166;height:19185;visibility:visible;mso-wrap-style:square;v-text-anchor:middle" coordsize="1516569,19184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" adj="-11796480,,5400" path="m,l9892,2348c63714,18172,117118,40918,170890,75742v53771,34835,107480,79197,161302,133032c383602,260171,425652,311453,458303,360171v33147,50596,55830,99440,70968,146735c545590,555382,552944,602359,553134,648156v127,45733,-5613,91211,-17945,135077c561542,778687,590764,777632,620114,782052v30531,5601,63678,12713,98628,25857c753692,820927,791831,837500,832445,859179v40628,21692,85992,45491,135027,75578c1109470,1020304,1252587,1103857,1394522,1189468v35382,22187,60249,37821,73203,46418c1481872,1245666,1492274,1254454,1498256,1260436v5981,5981,11150,12776,14516,18999c1516137,1285670,1516569,1292211,1515083,1301063v-1562,8788,-5982,17818,-13652,27978c1493709,1339125,1482990,1352218,1468157,1367039v-12650,12650,-24232,21870,-33579,28855c1425167,1402802,1416137,1407235,1406104,1407540v-8788,1562,-17322,622,-25489,-3175c1371713,1401304,1361057,1395271,1349284,1387854,1198625,1295018,1046656,1204238,896009,1111401v-52096,-31648,-101067,-59067,-146800,-82868c703604,1004734,660055,988846,619428,979003v-40691,-9906,-77698,-10528,-112839,-4432c472565,981925,440104,1000314,411135,1029283v-28473,28473,-56946,56946,-85420,85420c545463,1334464,765161,1554149,984845,1773846v5982,5981,11214,12700,13780,19748c1001241,1800566,1000987,1807793,998929,1814714v-1434,8789,-5168,17132,-10909,27725c981048,1851785,971828,1863381,959242,1875966v-12649,12650,-23495,21121,-32842,28093c915808,1909799,906778,1914219,897927,1915717v-7595,2743,-14136,2299,-21120,-317c869834,1912784,863040,1907615,857058,1901633l,1044575,,788988,159485,948473v41618,-41618,83236,-83236,124790,-124803c317740,790218,340600,753388,351572,715631v11088,-37757,13958,-75768,5919,-115951c350760,560678,335748,521118,311453,480744,286396,441108,255497,402601,218426,365530,157428,304532,97737,261669,38924,236498l,223799,,xe" fillcolor="silver" stroked="f">
                    <v:fill opacity="32639f"/>
                    <v:stroke joinstyle="miter"/>
                    <v:formulas/>
                    <v:path arrowok="t" o:extrusionok="f" o:connecttype="custom" textboxrect="0,0,1516569,1918460"/>
                    <v:textbox inset="2.53958mm,2.53958mm,2.53958mm,2.53958mm">
                      <w:txbxContent>
                        <w:p w14:paraId="4533F5CB" w14:textId="77777777" w:rsidR="00CF54CB" w:rsidRDefault="00CF54CB">
                          <w:pPr>
                            <w:spacing w:after="0" w:line="240" w:lineRule="auto"/>
                            <w:ind w:left="0" w:firstLine="0"/>
                            <w:jc w:val="left"/>
                            <w:textDirection w:val="btLr"/>
                          </w:pPr>
                        </w:p>
                      </w:txbxContent>
                    </v:textbox>
                  </v:shape>
                  <v:shape id="Freeform: Shape 117512" o:spid="_x0000_s1156" style="position:absolute;left:19781;top:17866;width:7344;height:13181;visibility:visible;mso-wrap-style:square;v-text-anchor:middle" coordsize="734403,131804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" adj="-11796480,,5400" path="m143118,343v4501,-343,8907,-16,13702,1165c166548,3870,177203,9916,187732,16088l734403,362456r,215211l265049,276095v-254,241,-495,495,-749,749c365894,432641,466550,589061,567214,745472r167189,258595l734403,1318044,574148,1065135c388880,771360,203613,477586,16447,184998,10224,174406,5423,164995,3048,155280,,146377,1054,138338,4051,127988v2236,-9462,8166,-20003,16574,-30900c29032,86179,40996,74343,55829,59522,71463,43875,84735,30477,96393,21320,108039,12164,118567,6245,128854,3197,134023,1698,138617,686,143118,343xe" fillcolor="silver" stroked="f">
                    <v:fill opacity="32639f"/>
                    <v:stroke joinstyle="miter"/>
                    <v:formulas/>
                    <v:path arrowok="t" o:extrusionok="f" o:connecttype="custom" textboxrect="0,0,734403,1318044"/>
                    <v:textbox inset="2.53958mm,2.53958mm,2.53958mm,2.53958mm">
                      <w:txbxContent>
                        <w:p w14:paraId="6224C168" w14:textId="77777777" w:rsidR="00CF54CB" w:rsidRDefault="00CF54CB">
                          <w:pPr>
                            <w:spacing w:after="0" w:line="240" w:lineRule="auto"/>
                            <w:ind w:left="0" w:firstLine="0"/>
                            <w:jc w:val="left"/>
                            <w:textDirection w:val="btLr"/>
                          </w:pPr>
                        </w:p>
                      </w:txbxContent>
                    </v:textbox>
                  </v:shape>
                  <v:shape id="Freeform: Shape 117513" o:spid="_x0000_s1157" style="position:absolute;left:27125;top:21491;width:12837;height:16529;visibility:visible;mso-wrap-style:square;v-text-anchor:middle" coordsize="1283754,165291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" adj="-11796480,,5400" path="m,l333496,211301v293773,185268,587546,370536,880167,557670c1235215,783296,1250671,794142,1262202,804175v10782,10783,16751,21374,19190,31026c1283754,844917,1280516,855140,1272794,865364v-8420,10769,-19126,23863,-34773,39497c1222451,920444,1210615,932395,1200455,940065v-10909,8408,-19939,12840,-27978,13640c1164882,956448,1158265,955953,1151293,953337v-6972,-2616,-15265,-6299,-24612,-11278c973976,843304,820077,746479,667360,647724,534149,780934,400876,914208,267665,1047418v98374,149848,194894,300940,293269,450787c566738,1506866,570344,1515096,572960,1522068v3747,8230,3556,15520,2744,23559c575399,1555647,570967,1564689,564058,1574100v-7735,10084,-17704,22428,-31839,36576c518135,1624748,505054,1635467,494957,1643188v-12090,7239,-21679,9728,-31280,7354c453961,1648179,443370,1642070,433337,1630666v-10783,-10769,-21628,-26225,-35891,-47841l,955588,,641610,135763,851597c247167,740193,358635,628725,470103,517257,313963,416006,157185,315740,398,215467l,215211,,xe" fillcolor="silver" stroked="f">
                    <v:fill opacity="32639f"/>
                    <v:stroke joinstyle="miter"/>
                    <v:formulas/>
                    <v:path arrowok="t" o:extrusionok="f" o:connecttype="custom" textboxrect="0,0,1283754,1652916"/>
                    <v:textbox inset="2.53958mm,2.53958mm,2.53958mm,2.53958mm">
                      <w:txbxContent>
                        <w:p w14:paraId="5D5700EA" w14:textId="77777777" w:rsidR="00CF54CB" w:rsidRDefault="00CF54CB">
                          <w:pPr>
                            <w:spacing w:after="0" w:line="240" w:lineRule="auto"/>
                            <w:ind w:left="0" w:firstLine="0"/>
                            <w:jc w:val="left"/>
                            <w:textDirection w:val="btLr"/>
                          </w:pPr>
                        </w:p>
                      </w:txbxContent>
                    </v:textbox>
                  </v:shape>
                  <v:shape id="Freeform: Shape 117514" o:spid="_x0000_s1158" style="position:absolute;left:26427;top:7972;width:16304;height:20191;visibility:visible;mso-wrap-style:square;v-text-anchor:middle" coordsize="1630426,20191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" adj="-11796480,,5400" path="m464122,v6540,686,14325,2362,23672,7353c497269,12332,509041,19621,520573,29655v12700,11214,26594,23609,42177,39192c578269,84366,590664,98260,600697,109779v10034,11531,17323,23305,21121,31597c626796,150711,628485,158509,629171,165049v-64,7290,-1867,11468,-5614,15202c506171,297637,388785,415023,271399,532410v175463,175450,350914,350900,526301,526300c908672,947738,1019645,836765,1130542,725869v3746,-3747,7911,-5550,14020,-6795c1151103,719760,1158888,721436,1167054,725246v8293,3798,18885,9906,30404,19939c1208926,755142,1224064,768795,1240765,785495v15570,15570,26797,28283,36817,39815c1287615,836829,1294905,848602,1298651,856831v5042,9411,6719,17196,7405,23736c1306004,887857,1305370,893217,1301636,896963v-110909,110896,-221869,221869,-332842,332842c1183691,1444688,1398588,1659585,1613535,1874546v5982,5981,9969,11455,12586,18440c1629931,1901266,1630426,1907756,1627683,1915350v-1499,8853,-5169,17133,-10909,27725c1609738,1952485,1600517,1964081,1587932,1976666v-11900,11900,-23495,21120,-32842,28093c1544498,2010499,1535468,2014919,1526616,2016417v-7594,2743,-14135,2299,-22364,-1562c1497279,2012239,1491730,2008314,1485748,2002333,1008050,1524635,530403,1046988,52705,569290,21615,538201,5537,511416,2553,487858,,466243,5423,449098,16510,438010,160681,293840,304800,149721,448920,5601,452653,1867,456832,64,464122,xe" fillcolor="silver" stroked="f">
                    <v:fill opacity="32639f"/>
                    <v:stroke joinstyle="miter"/>
                    <v:formulas/>
                    <v:path arrowok="t" o:extrusionok="f" o:connecttype="custom" textboxrect="0,0,1630426,2019160"/>
                    <v:textbox inset="2.53958mm,2.53958mm,2.53958mm,2.53958mm">
                      <w:txbxContent>
                        <w:p w14:paraId="1FD67385" w14:textId="77777777" w:rsidR="00CF54CB" w:rsidRDefault="00CF54CB">
                          <w:pPr>
                            <w:spacing w:after="0" w:line="240" w:lineRule="auto"/>
                            <w:ind w:left="0" w:firstLine="0"/>
                            <w:jc w:val="left"/>
                            <w:textDirection w:val="btLr"/>
                          </w:pPr>
                        </w:p>
                      </w:txbxContent>
                    </v:textbox>
                  </v:shape>
                  <v:shape id="Freeform: Shape 117515" o:spid="_x0000_s1159" style="position:absolute;left:32132;width:19381;height:19382;visibility:visible;mso-wrap-style:square;v-text-anchor:middle" coordsize="1938096,193822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" adj="-11796480,,5400" path="m690855,v6540,686,14325,2362,23673,7353c723938,12395,735025,20371,746557,30404v12649,11277,26594,23609,42177,39192c804253,85115,816585,99073,826681,110528v10033,11532,18009,22619,21870,30848c853529,150724,855218,158509,855904,165049v-64,7290,-2616,12218,-6363,15951c759384,271158,669290,361251,579133,451409v447357,447357,894778,894778,1342136,1342136c1927251,1799526,1932419,1806321,1935036,1813293v2616,6985,3060,13526,317,21120c1933855,1843265,1930184,1851559,1924444,1862150v-6973,9348,-16193,20930,-28842,33579c1883702,1907629,1872107,1916849,1862760,1923834v-10592,5728,-19621,10147,-28473,11646c1826692,1938223,1820202,1937728,1813167,1935163v-6973,-2617,-13704,-7849,-19686,-13831c1346124,1473975,898703,1026554,451345,579196,361188,669354,271031,759511,180873,849668v-3682,3683,-8597,6236,-15201,5614c158382,855345,151333,852919,141986,847928v-8217,-3861,-19304,-11836,-30772,-21933c98933,816712,85039,804316,69533,788797,53950,773227,41554,759333,31090,745871,20993,734403,13018,723316,7976,713905,2985,704558,559,697522,622,690232,,683628,2553,678701,6223,675030,229159,452095,452031,229222,674903,6350,678637,2616,683565,63,690855,xe" fillcolor="silver" stroked="f">
                    <v:fill opacity="32639f"/>
                    <v:stroke joinstyle="miter"/>
                    <v:formulas/>
                    <v:path arrowok="t" o:extrusionok="f" o:connecttype="custom" textboxrect="0,0,1938096,1938223"/>
                    <v:textbox inset="2.53958mm,2.53958mm,2.53958mm,2.53958mm">
                      <w:txbxContent>
                        <w:p w14:paraId="6EB9F3D4" w14:textId="77777777" w:rsidR="00CF54CB" w:rsidRDefault="00CF54CB">
                          <w:pPr>
                            <w:spacing w:after="0" w:line="240" w:lineRule="auto"/>
                            <w:ind w:left="0" w:firstLine="0"/>
                            <w:jc w:val="left"/>
                            <w:textDirection w:val="btLr"/>
                          </w:pPr>
                        </w:p>
                      </w:txbxContent>
                    </v:textbox>
                  </v:shape>
                </v:group>
              </v:group>
            </w:pict>
          </mc:Fallback>
        </mc:AlternateContent>
      </w:r>
    </w:p>
    <w:p w14:paraId="0A199926" w14:textId="12CAE0F2" w:rsidR="00CF54CB" w:rsidRDefault="00344004">
      <w:pPr>
        <w:spacing w:after="272" w:line="242" w:lineRule="auto"/>
        <w:ind w:left="-11" w:right="59" w:firstLine="710"/>
        <w:jc w:val="left"/>
      </w:pPr>
      <w:r>
        <w:t xml:space="preserve">As noted above, several states have also enacted CD laws, rules, and regulations.  While differences exist between IBTs and CDs, there are also many similarities between the two mechanisms: they require a regulatory review of the effect on policyholders, they have balance sheet considerations, and they are a way to separate </w:t>
      </w:r>
      <w:del w:id="157" w:author="Daveline, Dan" w:date="2021-12-20T14:50:00Z">
        <w:r w:rsidDel="009A4558">
          <w:delText>runoff</w:delText>
        </w:r>
      </w:del>
      <w:ins w:id="158" w:author="Daveline, Dan" w:date="2021-12-20T14:50:00Z">
        <w:r w:rsidR="009A4558">
          <w:t>certain</w:t>
        </w:r>
      </w:ins>
      <w:r>
        <w:t xml:space="preserve"> books of business from an insurer. </w:t>
      </w:r>
    </w:p>
    <w:p w14:paraId="1314F689" w14:textId="77777777" w:rsidR="00CF54CB" w:rsidRDefault="00344004">
      <w:pPr>
        <w:spacing w:after="300" w:line="242" w:lineRule="auto"/>
        <w:ind w:left="-11" w:right="59" w:firstLine="710"/>
        <w:jc w:val="left"/>
      </w:pPr>
      <w:r>
        <w:t>The</w:t>
      </w:r>
      <w:r>
        <w:rPr>
          <w:sz w:val="22"/>
          <w:szCs w:val="22"/>
        </w:rPr>
        <w:t xml:space="preserve"> Illinois’ Domestic Stock Company Division Law</w:t>
      </w:r>
      <w:r>
        <w:rPr>
          <w:rFonts w:ascii="ZWAdobeF" w:eastAsia="ZWAdobeF" w:hAnsi="ZWAdobeF" w:cs="ZWAdobeF"/>
          <w:sz w:val="2"/>
          <w:szCs w:val="2"/>
        </w:rPr>
        <w:t>15F</w:t>
      </w:r>
      <w:r>
        <w:rPr>
          <w:sz w:val="22"/>
          <w:szCs w:val="22"/>
          <w:vertAlign w:val="superscript"/>
        </w:rPr>
        <w:footnoteReference w:id="18"/>
      </w:r>
      <w:r>
        <w:t xml:space="preserve"> requires disclosure of the allocation of assets and liabilities among companies. Although not statutorily required, the Illinois Department of Insurance Director has committed to providing an opportunity to comment at a public hearing. The standard in the Illinois statute is that the plan must be approved by the Director unless </w:t>
      </w:r>
      <w:sdt>
        <w:sdtPr>
          <w:tag w:val="goog_rdk_95"/>
          <w:id w:val="1321233534"/>
        </w:sdtPr>
        <w:sdtEndPr/>
        <w:sdtContent>
          <w:ins w:id="159" w:author="Daveline, Dan" w:date="2021-12-16T11:50:00Z">
            <w:r>
              <w:t xml:space="preserve">at least one of </w:t>
            </w:r>
          </w:ins>
        </w:sdtContent>
      </w:sdt>
      <w:r>
        <w:t xml:space="preserve">the following </w:t>
      </w:r>
      <w:sdt>
        <w:sdtPr>
          <w:tag w:val="goog_rdk_96"/>
          <w:id w:val="-2079118824"/>
        </w:sdtPr>
        <w:sdtEndPr/>
        <w:sdtContent>
          <w:del w:id="160" w:author="Daveline, Dan" w:date="2021-12-16T11:51:00Z">
            <w:r>
              <w:delText>characteristics exist</w:delText>
            </w:r>
          </w:del>
        </w:sdtContent>
      </w:sdt>
      <w:sdt>
        <w:sdtPr>
          <w:tag w:val="goog_rdk_97"/>
          <w:id w:val="868408760"/>
        </w:sdtPr>
        <w:sdtEndPr/>
        <w:sdtContent>
          <w:ins w:id="161" w:author="Daveline, Dan" w:date="2021-12-16T11:51:00Z">
            <w:r>
              <w:t>disqualifying factors is found</w:t>
            </w:r>
          </w:ins>
        </w:sdtContent>
      </w:sdt>
      <w:r>
        <w:t xml:space="preserve">: </w:t>
      </w:r>
    </w:p>
    <w:p w14:paraId="2642B44C" w14:textId="77777777" w:rsidR="00CF54CB" w:rsidRDefault="00344004">
      <w:pPr>
        <w:numPr>
          <w:ilvl w:val="0"/>
          <w:numId w:val="16"/>
        </w:numPr>
        <w:spacing w:after="299"/>
        <w:ind w:right="396" w:hanging="720"/>
      </w:pPr>
      <w:r>
        <w:t>policyholder/shareholder interest are not protected;</w:t>
      </w:r>
    </w:p>
    <w:p w14:paraId="680B88DF" w14:textId="65209A69" w:rsidR="00CF54CB" w:rsidRDefault="00C073CA">
      <w:pPr>
        <w:numPr>
          <w:ilvl w:val="0"/>
          <w:numId w:val="16"/>
        </w:numPr>
        <w:spacing w:after="299"/>
        <w:ind w:right="396" w:hanging="720"/>
      </w:pPr>
      <w:ins w:id="162" w:author="Daveline, Dan" w:date="2021-12-20T13:56:00Z">
        <w:r>
          <w:t xml:space="preserve">the </w:t>
        </w:r>
        <w:r w:rsidR="00600736">
          <w:t xml:space="preserve">resulting </w:t>
        </w:r>
      </w:ins>
      <w:del w:id="163" w:author="Daveline, Dan" w:date="2021-12-20T13:56:00Z">
        <w:r w:rsidR="00344004" w:rsidDel="00600736">
          <w:delText xml:space="preserve">each </w:delText>
        </w:r>
      </w:del>
      <w:r w:rsidR="00344004">
        <w:t xml:space="preserve">insurer would not be eligible to receive a license in the </w:t>
      </w:r>
      <w:ins w:id="164" w:author="Daveline, Dan" w:date="2021-12-20T13:56:00Z">
        <w:r w:rsidR="00600736">
          <w:t xml:space="preserve">same state as the dividing </w:t>
        </w:r>
      </w:ins>
      <w:ins w:id="165" w:author="Daveline, Dan" w:date="2021-12-20T13:57:00Z">
        <w:r w:rsidR="009D20D3">
          <w:t>insuer</w:t>
        </w:r>
      </w:ins>
      <w:del w:id="166" w:author="Daveline, Dan" w:date="2021-12-20T13:57:00Z">
        <w:r w:rsidR="00344004" w:rsidDel="009D20D3">
          <w:delText>state</w:delText>
        </w:r>
      </w:del>
      <w:r w:rsidR="00344004">
        <w:t>;</w:t>
      </w:r>
    </w:p>
    <w:p w14:paraId="1D8EB4DF" w14:textId="77777777" w:rsidR="00CF54CB" w:rsidRDefault="00344004">
      <w:pPr>
        <w:numPr>
          <w:ilvl w:val="0"/>
          <w:numId w:val="16"/>
        </w:numPr>
        <w:spacing w:after="299"/>
        <w:ind w:right="396" w:hanging="720"/>
      </w:pPr>
      <w:r>
        <w:t xml:space="preserve">division violates the </w:t>
      </w:r>
      <w:sdt>
        <w:sdtPr>
          <w:tag w:val="goog_rdk_98"/>
          <w:id w:val="1129523560"/>
        </w:sdtPr>
        <w:sdtEndPr/>
        <w:sdtContent>
          <w:del w:id="167" w:author="Daveline, Dan" w:date="2021-12-16T11:51:00Z">
            <w:r>
              <w:delText>u</w:delText>
            </w:r>
          </w:del>
        </w:sdtContent>
      </w:sdt>
      <w:sdt>
        <w:sdtPr>
          <w:tag w:val="goog_rdk_99"/>
          <w:id w:val="-1048683193"/>
        </w:sdtPr>
        <w:sdtEndPr/>
        <w:sdtContent>
          <w:ins w:id="168" w:author="Daveline, Dan" w:date="2021-12-16T11:51:00Z">
            <w:r>
              <w:t>U</w:t>
            </w:r>
          </w:ins>
        </w:sdtContent>
      </w:sdt>
      <w:r>
        <w:t xml:space="preserve">niform </w:t>
      </w:r>
      <w:sdt>
        <w:sdtPr>
          <w:tag w:val="goog_rdk_100"/>
          <w:id w:val="-773169187"/>
        </w:sdtPr>
        <w:sdtEndPr/>
        <w:sdtContent>
          <w:del w:id="169" w:author="Daveline, Dan" w:date="2021-12-16T11:52:00Z">
            <w:r>
              <w:delText>f</w:delText>
            </w:r>
          </w:del>
        </w:sdtContent>
      </w:sdt>
      <w:sdt>
        <w:sdtPr>
          <w:tag w:val="goog_rdk_101"/>
          <w:id w:val="-229925808"/>
        </w:sdtPr>
        <w:sdtEndPr/>
        <w:sdtContent>
          <w:ins w:id="170" w:author="Daveline, Dan" w:date="2021-12-16T11:52:00Z">
            <w:r>
              <w:t>F</w:t>
            </w:r>
          </w:ins>
        </w:sdtContent>
      </w:sdt>
      <w:r>
        <w:t xml:space="preserve">raudulent </w:t>
      </w:r>
      <w:sdt>
        <w:sdtPr>
          <w:tag w:val="goog_rdk_102"/>
          <w:id w:val="1761794586"/>
        </w:sdtPr>
        <w:sdtEndPr/>
        <w:sdtContent>
          <w:ins w:id="171" w:author="Daveline, Dan" w:date="2021-12-16T11:53:00Z">
            <w:r>
              <w:t xml:space="preserve">Transfer </w:t>
            </w:r>
          </w:ins>
        </w:sdtContent>
      </w:sdt>
      <w:sdt>
        <w:sdtPr>
          <w:tag w:val="goog_rdk_103"/>
          <w:id w:val="-1886867753"/>
        </w:sdtPr>
        <w:sdtEndPr/>
        <w:sdtContent>
          <w:del w:id="172" w:author="Daveline, Dan" w:date="2021-12-16T11:53:00Z">
            <w:r>
              <w:delText>a</w:delText>
            </w:r>
          </w:del>
        </w:sdtContent>
      </w:sdt>
      <w:sdt>
        <w:sdtPr>
          <w:tag w:val="goog_rdk_104"/>
          <w:id w:val="-524089037"/>
        </w:sdtPr>
        <w:sdtEndPr/>
        <w:sdtContent>
          <w:ins w:id="173" w:author="Daveline, Dan" w:date="2021-12-16T11:52:00Z">
            <w:r>
              <w:t>A</w:t>
            </w:r>
          </w:ins>
        </w:sdtContent>
      </w:sdt>
      <w:r>
        <w:t>ct;</w:t>
      </w:r>
    </w:p>
    <w:p w14:paraId="06BD8B08" w14:textId="77777777" w:rsidR="00CF54CB" w:rsidRDefault="00344004">
      <w:pPr>
        <w:numPr>
          <w:ilvl w:val="0"/>
          <w:numId w:val="16"/>
        </w:numPr>
        <w:spacing w:after="299"/>
        <w:ind w:right="396" w:hanging="720"/>
      </w:pPr>
      <w:r>
        <w:t>division is made for the purpose of hindering, delaying, or defrauding other creditors;</w:t>
      </w:r>
    </w:p>
    <w:p w14:paraId="308B7857" w14:textId="77777777" w:rsidR="00CF54CB" w:rsidRDefault="00344004">
      <w:pPr>
        <w:numPr>
          <w:ilvl w:val="0"/>
          <w:numId w:val="16"/>
        </w:numPr>
        <w:ind w:right="396" w:hanging="720"/>
      </w:pPr>
      <w:r>
        <w:t xml:space="preserve">any of the companies </w:t>
      </w:r>
      <w:sdt>
        <w:sdtPr>
          <w:tag w:val="goog_rdk_105"/>
          <w:id w:val="1158269085"/>
        </w:sdtPr>
        <w:sdtEndPr/>
        <w:sdtContent>
          <w:del w:id="174" w:author="Daveline, Dan" w:date="2021-12-16T11:56:00Z">
            <w:r>
              <w:delText>are</w:delText>
            </w:r>
          </w:del>
        </w:sdtContent>
      </w:sdt>
      <w:sdt>
        <w:sdtPr>
          <w:tag w:val="goog_rdk_106"/>
          <w:id w:val="-1771851117"/>
        </w:sdtPr>
        <w:sdtEndPr/>
        <w:sdtContent>
          <w:ins w:id="175" w:author="Daveline, Dan" w:date="2021-12-16T11:56:00Z">
            <w:r>
              <w:t>is</w:t>
            </w:r>
          </w:ins>
        </w:sdtContent>
      </w:sdt>
      <w:r>
        <w:t xml:space="preserve"> insolvent after the division is complete.</w:t>
      </w:r>
    </w:p>
    <w:p w14:paraId="7194718D" w14:textId="77777777" w:rsidR="00CF54CB" w:rsidRDefault="00CF54CB">
      <w:pPr>
        <w:ind w:left="1444" w:right="396" w:firstLine="0"/>
      </w:pPr>
    </w:p>
    <w:p w14:paraId="66D52728" w14:textId="77777777" w:rsidR="00CF54CB" w:rsidRDefault="00344004">
      <w:pPr>
        <w:spacing w:after="272" w:line="242" w:lineRule="auto"/>
        <w:ind w:left="-11" w:right="59" w:firstLine="710"/>
        <w:jc w:val="left"/>
      </w:pPr>
      <w:r>
        <w:lastRenderedPageBreak/>
        <w:t>The Connecticut CD statute</w:t>
      </w:r>
      <w:r>
        <w:rPr>
          <w:rFonts w:ascii="ZWAdobeF" w:eastAsia="ZWAdobeF" w:hAnsi="ZWAdobeF" w:cs="ZWAdobeF"/>
          <w:sz w:val="2"/>
          <w:szCs w:val="2"/>
        </w:rPr>
        <w:t>16F</w:t>
      </w:r>
      <w:r>
        <w:rPr>
          <w:vertAlign w:val="superscript"/>
        </w:rPr>
        <w:footnoteReference w:id="19"/>
      </w:r>
      <w:r>
        <w:t xml:space="preserve"> creates something legally distinct from a merger, consolidation, dissolution, or formation. The resulting insurers are deemed legal successors to the dividing insurer, and any of the assets or obligations allocated are done as a result of succession and not by direct or indirect transfer. The plan must include among other things (1) the name of the </w:t>
      </w:r>
      <w:sdt>
        <w:sdtPr>
          <w:tag w:val="goog_rdk_107"/>
          <w:id w:val="589278735"/>
        </w:sdtPr>
        <w:sdtEndPr/>
        <w:sdtContent>
          <w:del w:id="176" w:author="Daveline, Dan" w:date="2021-12-16T11:57:00Z">
            <w:r>
              <w:delText>domestic</w:delText>
            </w:r>
          </w:del>
        </w:sdtContent>
      </w:sdt>
      <w:sdt>
        <w:sdtPr>
          <w:tag w:val="goog_rdk_108"/>
          <w:id w:val="-876846232"/>
        </w:sdtPr>
        <w:sdtEndPr/>
        <w:sdtContent>
          <w:ins w:id="177" w:author="Daveline, Dan" w:date="2021-12-16T11:57:00Z">
            <w:r>
              <w:t>dividing</w:t>
            </w:r>
          </w:ins>
        </w:sdtContent>
      </w:sdt>
      <w:r>
        <w:t xml:space="preserve"> insurer; (2) the </w:t>
      </w:r>
      <w:sdt>
        <w:sdtPr>
          <w:tag w:val="goog_rdk_109"/>
          <w:id w:val="-201327486"/>
        </w:sdtPr>
        <w:sdtEndPr/>
        <w:sdtContent>
          <w:ins w:id="178" w:author="Daveline, Dan" w:date="2021-12-16T11:57:00Z">
            <w:r>
              <w:t xml:space="preserve">names of the </w:t>
            </w:r>
          </w:ins>
        </w:sdtContent>
      </w:sdt>
      <w:r>
        <w:t>resulting insurer(s); (3) proposed corporate by-laws for new insurers; (4) manner for allocating liabilities and reasonable description of policies; (5) other liabilities and capital and surplus to be allocated, including the manner by which each reinsurance contract is allocated; and (6) all other terms and conditions. Connecticut requires approval by the board of directors, stockholders, and other owners before being considered by the Department of Insurance. The plan is then discussed with the Department which will determine whether the liabilities and policies are clearly defined and identifiable and whether the assumptions are conservative based upon actuarial findings. Connecticut law does not require an independent expert or a communication strategy as part of the application, but the Department of Insurance has stated that it will require certain notifications related to a hearing (e.g., newspaper or print publications). Connecticut does not require notice of hearing however the insurance commissioner may require a hearing if in the public interest. Similar to Illinois law, the insurance commissioner must approve a plan of division unless he or she finds that (1) the interest of any policyholder or interest holder would not be adequately protected or (2) the division constitutes a fraudulent transfer. The division itself must be effectuated within 90 days of the filing.</w:t>
      </w:r>
      <w:r>
        <w:rPr>
          <w:noProof/>
        </w:rPr>
        <mc:AlternateContent>
          <mc:Choice Requires="wpg">
            <w:drawing>
              <wp:anchor distT="0" distB="0" distL="0" distR="0" simplePos="0" relativeHeight="251655168" behindDoc="1" locked="0" layoutInCell="1" hidden="0" allowOverlap="1" wp14:anchorId="503B5F64" wp14:editId="117ED451">
                <wp:simplePos x="0" y="0"/>
                <wp:positionH relativeFrom="column">
                  <wp:posOffset>406400</wp:posOffset>
                </wp:positionH>
                <wp:positionV relativeFrom="paragraph">
                  <wp:posOffset>1333500</wp:posOffset>
                </wp:positionV>
                <wp:extent cx="5151308" cy="5442282"/>
                <wp:effectExtent l="0" t="0" r="0" b="0"/>
                <wp:wrapNone/>
                <wp:docPr id="117516" name="Group 117516" descr="P151#y1"/>
                <wp:cNvGraphicFramePr/>
                <a:graphic xmlns:a="http://schemas.openxmlformats.org/drawingml/2006/main">
                  <a:graphicData uri="http://schemas.microsoft.com/office/word/2010/wordprocessingGroup">
                    <wpg:wgp>
                      <wpg:cNvGrpSpPr/>
                      <wpg:grpSpPr>
                        <a:xfrm>
                          <a:off x="0" y="0"/>
                          <a:ext cx="5151308" cy="5442282"/>
                          <a:chOff x="2770346" y="1058859"/>
                          <a:chExt cx="5151308" cy="5442282"/>
                        </a:xfrm>
                      </wpg:grpSpPr>
                      <wpg:grpSp>
                        <wpg:cNvPr id="117517" name="Group 117517"/>
                        <wpg:cNvGrpSpPr/>
                        <wpg:grpSpPr>
                          <a:xfrm>
                            <a:off x="2770346" y="1058859"/>
                            <a:ext cx="5151308" cy="5442282"/>
                            <a:chOff x="0" y="0"/>
                            <a:chExt cx="5151308" cy="5442282"/>
                          </a:xfrm>
                        </wpg:grpSpPr>
                        <wps:wsp>
                          <wps:cNvPr id="117518" name="Rectangle 117518"/>
                          <wps:cNvSpPr/>
                          <wps:spPr>
                            <a:xfrm>
                              <a:off x="0" y="0"/>
                              <a:ext cx="5151300" cy="5442275"/>
                            </a:xfrm>
                            <a:prstGeom prst="rect">
                              <a:avLst/>
                            </a:prstGeom>
                            <a:noFill/>
                            <a:ln>
                              <a:noFill/>
                            </a:ln>
                          </wps:spPr>
                          <wps:txbx>
                            <w:txbxContent>
                              <w:p w14:paraId="216B86C2"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19" name="Freeform: Shape 117519"/>
                          <wps:cNvSpPr/>
                          <wps:spPr>
                            <a:xfrm>
                              <a:off x="0" y="3484466"/>
                              <a:ext cx="1000596" cy="1472664"/>
                            </a:xfrm>
                            <a:custGeom>
                              <a:avLst/>
                              <a:gdLst/>
                              <a:ahLst/>
                              <a:cxnLst/>
                              <a:rect l="l" t="t" r="r" b="b"/>
                              <a:pathLst>
                                <a:path w="1000596" h="1472664" extrusionOk="0">
                                  <a:moveTo>
                                    <a:pt x="639526" y="592"/>
                                  </a:moveTo>
                                  <a:cubicBezTo>
                                    <a:pt x="688638" y="1184"/>
                                    <a:pt x="739197" y="7756"/>
                                    <a:pt x="791032" y="20837"/>
                                  </a:cubicBezTo>
                                  <a:cubicBezTo>
                                    <a:pt x="843153" y="34890"/>
                                    <a:pt x="896506" y="53877"/>
                                    <a:pt x="950816" y="78416"/>
                                  </a:cubicBezTo>
                                  <a:lnTo>
                                    <a:pt x="1000596" y="103292"/>
                                  </a:lnTo>
                                  <a:lnTo>
                                    <a:pt x="1000596" y="330497"/>
                                  </a:lnTo>
                                  <a:lnTo>
                                    <a:pt x="954591" y="304878"/>
                                  </a:lnTo>
                                  <a:cubicBezTo>
                                    <a:pt x="913406" y="283927"/>
                                    <a:pt x="872750" y="267167"/>
                                    <a:pt x="832777" y="254238"/>
                                  </a:cubicBezTo>
                                  <a:cubicBezTo>
                                    <a:pt x="772874" y="234893"/>
                                    <a:pt x="715315" y="227570"/>
                                    <a:pt x="659761" y="230085"/>
                                  </a:cubicBezTo>
                                  <a:cubicBezTo>
                                    <a:pt x="641243" y="230923"/>
                                    <a:pt x="622948" y="232854"/>
                                    <a:pt x="604863" y="235798"/>
                                  </a:cubicBezTo>
                                  <a:cubicBezTo>
                                    <a:pt x="532460" y="247507"/>
                                    <a:pt x="463931" y="288134"/>
                                    <a:pt x="397827" y="354238"/>
                                  </a:cubicBezTo>
                                  <a:cubicBezTo>
                                    <a:pt x="354521" y="397545"/>
                                    <a:pt x="311150" y="440915"/>
                                    <a:pt x="267792" y="484273"/>
                                  </a:cubicBezTo>
                                  <a:lnTo>
                                    <a:pt x="1000596" y="1217085"/>
                                  </a:lnTo>
                                  <a:lnTo>
                                    <a:pt x="1000596" y="1472664"/>
                                  </a:lnTo>
                                  <a:lnTo>
                                    <a:pt x="52705" y="524773"/>
                                  </a:lnTo>
                                  <a:cubicBezTo>
                                    <a:pt x="21615" y="493684"/>
                                    <a:pt x="5537" y="466887"/>
                                    <a:pt x="2553" y="443341"/>
                                  </a:cubicBezTo>
                                  <a:cubicBezTo>
                                    <a:pt x="0" y="421725"/>
                                    <a:pt x="5410" y="404580"/>
                                    <a:pt x="16574" y="393430"/>
                                  </a:cubicBezTo>
                                  <a:cubicBezTo>
                                    <a:pt x="89090" y="320913"/>
                                    <a:pt x="161684" y="248320"/>
                                    <a:pt x="234201" y="175790"/>
                                  </a:cubicBezTo>
                                  <a:cubicBezTo>
                                    <a:pt x="317449" y="92554"/>
                                    <a:pt x="404609" y="37906"/>
                                    <a:pt x="496697" y="16227"/>
                                  </a:cubicBezTo>
                                  <a:cubicBezTo>
                                    <a:pt x="542747" y="5388"/>
                                    <a:pt x="590414" y="0"/>
                                    <a:pt x="639526" y="592"/>
                                  </a:cubicBezTo>
                                  <a:close/>
                                </a:path>
                              </a:pathLst>
                            </a:custGeom>
                            <a:solidFill>
                              <a:srgbClr val="C0C0C0">
                                <a:alpha val="49803"/>
                              </a:srgbClr>
                            </a:solidFill>
                            <a:ln>
                              <a:noFill/>
                            </a:ln>
                          </wps:spPr>
                          <wps:txbx>
                            <w:txbxContent>
                              <w:p w14:paraId="47B6952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20" name="Freeform: Shape 117520"/>
                          <wps:cNvSpPr/>
                          <wps:spPr>
                            <a:xfrm>
                              <a:off x="1000596" y="3587758"/>
                              <a:ext cx="959243" cy="1854524"/>
                            </a:xfrm>
                            <a:custGeom>
                              <a:avLst/>
                              <a:gdLst/>
                              <a:ahLst/>
                              <a:cxnLst/>
                              <a:rect l="l" t="t" r="r" b="b"/>
                              <a:pathLst>
                                <a:path w="959243" h="1854524" extrusionOk="0">
                                  <a:moveTo>
                                    <a:pt x="0" y="0"/>
                                  </a:moveTo>
                                  <a:lnTo>
                                    <a:pt x="32368" y="16175"/>
                                  </a:lnTo>
                                  <a:cubicBezTo>
                                    <a:pt x="59967" y="31299"/>
                                    <a:pt x="87772" y="47889"/>
                                    <a:pt x="115747" y="66021"/>
                                  </a:cubicBezTo>
                                  <a:cubicBezTo>
                                    <a:pt x="227583" y="138487"/>
                                    <a:pt x="342785" y="233623"/>
                                    <a:pt x="458863" y="349701"/>
                                  </a:cubicBezTo>
                                  <a:cubicBezTo>
                                    <a:pt x="592822" y="483660"/>
                                    <a:pt x="699172" y="611575"/>
                                    <a:pt x="777366" y="732136"/>
                                  </a:cubicBezTo>
                                  <a:cubicBezTo>
                                    <a:pt x="856817" y="853815"/>
                                    <a:pt x="907401" y="967340"/>
                                    <a:pt x="933322" y="1073766"/>
                                  </a:cubicBezTo>
                                  <a:cubicBezTo>
                                    <a:pt x="959243" y="1180179"/>
                                    <a:pt x="957185" y="1280928"/>
                                    <a:pt x="930833" y="1372953"/>
                                  </a:cubicBezTo>
                                  <a:cubicBezTo>
                                    <a:pt x="904467" y="1464863"/>
                                    <a:pt x="849832" y="1552022"/>
                                    <a:pt x="767396" y="1634458"/>
                                  </a:cubicBezTo>
                                  <a:cubicBezTo>
                                    <a:pt x="699553" y="1702302"/>
                                    <a:pt x="631697" y="1770158"/>
                                    <a:pt x="563841" y="1838013"/>
                                  </a:cubicBezTo>
                                  <a:cubicBezTo>
                                    <a:pt x="552690" y="1849165"/>
                                    <a:pt x="535494" y="1854524"/>
                                    <a:pt x="512749" y="1850841"/>
                                  </a:cubicBezTo>
                                  <a:cubicBezTo>
                                    <a:pt x="490384" y="1849038"/>
                                    <a:pt x="463587" y="1832959"/>
                                    <a:pt x="432497" y="1801870"/>
                                  </a:cubicBezTo>
                                  <a:lnTo>
                                    <a:pt x="0" y="1369372"/>
                                  </a:lnTo>
                                  <a:lnTo>
                                    <a:pt x="0" y="1113793"/>
                                  </a:lnTo>
                                  <a:lnTo>
                                    <a:pt x="471753" y="1585551"/>
                                  </a:lnTo>
                                  <a:cubicBezTo>
                                    <a:pt x="515619" y="1541685"/>
                                    <a:pt x="559485" y="1497819"/>
                                    <a:pt x="603287" y="1454017"/>
                                  </a:cubicBezTo>
                                  <a:cubicBezTo>
                                    <a:pt x="664971" y="1392333"/>
                                    <a:pt x="704849" y="1329277"/>
                                    <a:pt x="721486" y="1261675"/>
                                  </a:cubicBezTo>
                                  <a:cubicBezTo>
                                    <a:pt x="738123" y="1194073"/>
                                    <a:pt x="737247" y="1122051"/>
                                    <a:pt x="713320" y="1042550"/>
                                  </a:cubicBezTo>
                                  <a:cubicBezTo>
                                    <a:pt x="689520" y="963047"/>
                                    <a:pt x="648651" y="877691"/>
                                    <a:pt x="584656" y="786035"/>
                                  </a:cubicBezTo>
                                  <a:cubicBezTo>
                                    <a:pt x="521918" y="695623"/>
                                    <a:pt x="438047" y="597808"/>
                                    <a:pt x="332751" y="492512"/>
                                  </a:cubicBezTo>
                                  <a:cubicBezTo>
                                    <a:pt x="249020" y="408768"/>
                                    <a:pt x="164400" y="337991"/>
                                    <a:pt x="78980" y="277361"/>
                                  </a:cubicBezTo>
                                  <a:cubicBezTo>
                                    <a:pt x="57936" y="262518"/>
                                    <a:pt x="36986" y="248812"/>
                                    <a:pt x="16149" y="236197"/>
                                  </a:cubicBezTo>
                                  <a:lnTo>
                                    <a:pt x="0" y="227205"/>
                                  </a:lnTo>
                                  <a:lnTo>
                                    <a:pt x="0" y="0"/>
                                  </a:lnTo>
                                  <a:close/>
                                </a:path>
                              </a:pathLst>
                            </a:custGeom>
                            <a:solidFill>
                              <a:srgbClr val="C0C0C0">
                                <a:alpha val="49803"/>
                              </a:srgbClr>
                            </a:solidFill>
                            <a:ln>
                              <a:noFill/>
                            </a:ln>
                          </wps:spPr>
                          <wps:txbx>
                            <w:txbxContent>
                              <w:p w14:paraId="66F3FEFF"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21" name="Freeform: Shape 117521"/>
                          <wps:cNvSpPr/>
                          <wps:spPr>
                            <a:xfrm>
                              <a:off x="936154" y="2590207"/>
                              <a:ext cx="628690" cy="1058861"/>
                            </a:xfrm>
                            <a:custGeom>
                              <a:avLst/>
                              <a:gdLst/>
                              <a:ahLst/>
                              <a:cxnLst/>
                              <a:rect l="l" t="t" r="r" b="b"/>
                              <a:pathLst>
                                <a:path w="628690" h="1058861" extrusionOk="0">
                                  <a:moveTo>
                                    <a:pt x="559321" y="2040"/>
                                  </a:moveTo>
                                  <a:cubicBezTo>
                                    <a:pt x="572297" y="3060"/>
                                    <a:pt x="585367" y="4730"/>
                                    <a:pt x="598565" y="7135"/>
                                  </a:cubicBezTo>
                                  <a:lnTo>
                                    <a:pt x="628690" y="14286"/>
                                  </a:lnTo>
                                  <a:lnTo>
                                    <a:pt x="628690" y="238084"/>
                                  </a:lnTo>
                                  <a:lnTo>
                                    <a:pt x="623625" y="236432"/>
                                  </a:lnTo>
                                  <a:cubicBezTo>
                                    <a:pt x="609005" y="233143"/>
                                    <a:pt x="594429" y="231336"/>
                                    <a:pt x="579896" y="230970"/>
                                  </a:cubicBezTo>
                                  <a:cubicBezTo>
                                    <a:pt x="550831" y="230238"/>
                                    <a:pt x="521938" y="235271"/>
                                    <a:pt x="493217" y="245742"/>
                                  </a:cubicBezTo>
                                  <a:cubicBezTo>
                                    <a:pt x="474523" y="252219"/>
                                    <a:pt x="457632" y="262252"/>
                                    <a:pt x="439636" y="275396"/>
                                  </a:cubicBezTo>
                                  <a:cubicBezTo>
                                    <a:pt x="421627" y="288541"/>
                                    <a:pt x="399631" y="308175"/>
                                    <a:pt x="374332" y="333461"/>
                                  </a:cubicBezTo>
                                  <a:cubicBezTo>
                                    <a:pt x="338442" y="369351"/>
                                    <a:pt x="302489" y="405304"/>
                                    <a:pt x="266611" y="441194"/>
                                  </a:cubicBezTo>
                                  <a:lnTo>
                                    <a:pt x="628690" y="803273"/>
                                  </a:lnTo>
                                  <a:lnTo>
                                    <a:pt x="628690" y="1058861"/>
                                  </a:lnTo>
                                  <a:lnTo>
                                    <a:pt x="52705" y="482876"/>
                                  </a:lnTo>
                                  <a:cubicBezTo>
                                    <a:pt x="21615" y="451786"/>
                                    <a:pt x="5537" y="424990"/>
                                    <a:pt x="2553" y="401444"/>
                                  </a:cubicBezTo>
                                  <a:cubicBezTo>
                                    <a:pt x="0" y="379828"/>
                                    <a:pt x="5359" y="362747"/>
                                    <a:pt x="16510" y="351596"/>
                                  </a:cubicBezTo>
                                  <a:cubicBezTo>
                                    <a:pt x="84607" y="283499"/>
                                    <a:pt x="152705" y="215401"/>
                                    <a:pt x="220815" y="147291"/>
                                  </a:cubicBezTo>
                                  <a:cubicBezTo>
                                    <a:pt x="245364" y="122742"/>
                                    <a:pt x="266611" y="103870"/>
                                    <a:pt x="284112" y="88731"/>
                                  </a:cubicBezTo>
                                  <a:cubicBezTo>
                                    <a:pt x="302247" y="75574"/>
                                    <a:pt x="319316" y="62989"/>
                                    <a:pt x="334454" y="52841"/>
                                  </a:cubicBezTo>
                                  <a:cubicBezTo>
                                    <a:pt x="382499" y="26730"/>
                                    <a:pt x="430479" y="8785"/>
                                    <a:pt x="482308" y="3058"/>
                                  </a:cubicBezTo>
                                  <a:cubicBezTo>
                                    <a:pt x="507791" y="562"/>
                                    <a:pt x="533368" y="0"/>
                                    <a:pt x="559321" y="2040"/>
                                  </a:cubicBezTo>
                                  <a:close/>
                                </a:path>
                              </a:pathLst>
                            </a:custGeom>
                            <a:solidFill>
                              <a:srgbClr val="C0C0C0">
                                <a:alpha val="49803"/>
                              </a:srgbClr>
                            </a:solidFill>
                            <a:ln>
                              <a:noFill/>
                            </a:ln>
                          </wps:spPr>
                          <wps:txbx>
                            <w:txbxContent>
                              <w:p w14:paraId="0CF0434E"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22" name="Freeform: Shape 117522"/>
                          <wps:cNvSpPr/>
                          <wps:spPr>
                            <a:xfrm>
                              <a:off x="1564843" y="2604493"/>
                              <a:ext cx="1516569" cy="1918460"/>
                            </a:xfrm>
                            <a:custGeom>
                              <a:avLst/>
                              <a:gdLst/>
                              <a:ahLst/>
                              <a:cxnLst/>
                              <a:rect l="l" t="t" r="r" b="b"/>
                              <a:pathLst>
                                <a:path w="1516569" h="1918460" extrusionOk="0">
                                  <a:moveTo>
                                    <a:pt x="0" y="0"/>
                                  </a:moveTo>
                                  <a:lnTo>
                                    <a:pt x="9892" y="2348"/>
                                  </a:lnTo>
                                  <a:cubicBezTo>
                                    <a:pt x="63714" y="18172"/>
                                    <a:pt x="117118" y="40918"/>
                                    <a:pt x="170890" y="75742"/>
                                  </a:cubicBezTo>
                                  <a:cubicBezTo>
                                    <a:pt x="224661" y="110577"/>
                                    <a:pt x="278370" y="154939"/>
                                    <a:pt x="332192" y="208774"/>
                                  </a:cubicBezTo>
                                  <a:cubicBezTo>
                                    <a:pt x="383602" y="260171"/>
                                    <a:pt x="425652" y="311453"/>
                                    <a:pt x="458303" y="360171"/>
                                  </a:cubicBezTo>
                                  <a:cubicBezTo>
                                    <a:pt x="491450" y="410767"/>
                                    <a:pt x="514133" y="459611"/>
                                    <a:pt x="529271" y="506906"/>
                                  </a:cubicBezTo>
                                  <a:cubicBezTo>
                                    <a:pt x="545590" y="555382"/>
                                    <a:pt x="552944" y="602359"/>
                                    <a:pt x="553134" y="648156"/>
                                  </a:cubicBezTo>
                                  <a:cubicBezTo>
                                    <a:pt x="553261" y="693889"/>
                                    <a:pt x="547521" y="739367"/>
                                    <a:pt x="535189" y="783233"/>
                                  </a:cubicBezTo>
                                  <a:cubicBezTo>
                                    <a:pt x="561542" y="778687"/>
                                    <a:pt x="590764" y="777632"/>
                                    <a:pt x="620114" y="782052"/>
                                  </a:cubicBezTo>
                                  <a:cubicBezTo>
                                    <a:pt x="650645" y="787653"/>
                                    <a:pt x="683792" y="794765"/>
                                    <a:pt x="718742" y="807909"/>
                                  </a:cubicBezTo>
                                  <a:cubicBezTo>
                                    <a:pt x="753692" y="820927"/>
                                    <a:pt x="791831" y="837500"/>
                                    <a:pt x="832445" y="859179"/>
                                  </a:cubicBezTo>
                                  <a:cubicBezTo>
                                    <a:pt x="873073" y="880871"/>
                                    <a:pt x="918437" y="904670"/>
                                    <a:pt x="967472" y="934757"/>
                                  </a:cubicBezTo>
                                  <a:cubicBezTo>
                                    <a:pt x="1109470" y="1020304"/>
                                    <a:pt x="1252587" y="1103857"/>
                                    <a:pt x="1394522" y="1189468"/>
                                  </a:cubicBezTo>
                                  <a:cubicBezTo>
                                    <a:pt x="1429904" y="1211655"/>
                                    <a:pt x="1454771" y="1227289"/>
                                    <a:pt x="1467725" y="1235886"/>
                                  </a:cubicBezTo>
                                  <a:cubicBezTo>
                                    <a:pt x="1481872" y="1245666"/>
                                    <a:pt x="1492274" y="1254454"/>
                                    <a:pt x="1498256" y="1260436"/>
                                  </a:cubicBezTo>
                                  <a:cubicBezTo>
                                    <a:pt x="1504237" y="1266417"/>
                                    <a:pt x="1509406" y="1273212"/>
                                    <a:pt x="1512772" y="1279435"/>
                                  </a:cubicBezTo>
                                  <a:cubicBezTo>
                                    <a:pt x="1516137" y="1285670"/>
                                    <a:pt x="1516569" y="1292211"/>
                                    <a:pt x="1515083" y="1301063"/>
                                  </a:cubicBezTo>
                                  <a:cubicBezTo>
                                    <a:pt x="1513521" y="1309851"/>
                                    <a:pt x="1509101" y="1318881"/>
                                    <a:pt x="1501431" y="1329041"/>
                                  </a:cubicBezTo>
                                  <a:cubicBezTo>
                                    <a:pt x="1493709" y="1339125"/>
                                    <a:pt x="1482990" y="1352218"/>
                                    <a:pt x="1468157" y="1367039"/>
                                  </a:cubicBezTo>
                                  <a:cubicBezTo>
                                    <a:pt x="1455507" y="1379689"/>
                                    <a:pt x="1443925" y="1388909"/>
                                    <a:pt x="1434578" y="1395894"/>
                                  </a:cubicBezTo>
                                  <a:cubicBezTo>
                                    <a:pt x="1425167" y="1402802"/>
                                    <a:pt x="1416137" y="1407235"/>
                                    <a:pt x="1406104" y="1407540"/>
                                  </a:cubicBezTo>
                                  <a:cubicBezTo>
                                    <a:pt x="1397316" y="1409102"/>
                                    <a:pt x="1388782" y="1408162"/>
                                    <a:pt x="1380615" y="1404365"/>
                                  </a:cubicBezTo>
                                  <a:cubicBezTo>
                                    <a:pt x="1371713" y="1401304"/>
                                    <a:pt x="1361057" y="1395271"/>
                                    <a:pt x="1349284" y="1387854"/>
                                  </a:cubicBezTo>
                                  <a:cubicBezTo>
                                    <a:pt x="1198625" y="1295018"/>
                                    <a:pt x="1046656" y="1204238"/>
                                    <a:pt x="896009" y="1111401"/>
                                  </a:cubicBezTo>
                                  <a:cubicBezTo>
                                    <a:pt x="843913" y="1079753"/>
                                    <a:pt x="794942" y="1052334"/>
                                    <a:pt x="749209" y="1028533"/>
                                  </a:cubicBezTo>
                                  <a:cubicBezTo>
                                    <a:pt x="703604" y="1004734"/>
                                    <a:pt x="660055" y="988846"/>
                                    <a:pt x="619428" y="979003"/>
                                  </a:cubicBezTo>
                                  <a:cubicBezTo>
                                    <a:pt x="578737" y="969097"/>
                                    <a:pt x="541730" y="968475"/>
                                    <a:pt x="506589" y="974571"/>
                                  </a:cubicBezTo>
                                  <a:cubicBezTo>
                                    <a:pt x="472565" y="981925"/>
                                    <a:pt x="440104" y="1000314"/>
                                    <a:pt x="411135" y="1029283"/>
                                  </a:cubicBezTo>
                                  <a:cubicBezTo>
                                    <a:pt x="382662" y="1057756"/>
                                    <a:pt x="354189" y="1086229"/>
                                    <a:pt x="325715" y="1114703"/>
                                  </a:cubicBezTo>
                                  <a:cubicBezTo>
                                    <a:pt x="545463" y="1334464"/>
                                    <a:pt x="765161" y="1554149"/>
                                    <a:pt x="984845" y="1773846"/>
                                  </a:cubicBezTo>
                                  <a:cubicBezTo>
                                    <a:pt x="990827" y="1779827"/>
                                    <a:pt x="996059" y="1786546"/>
                                    <a:pt x="998625" y="1793594"/>
                                  </a:cubicBezTo>
                                  <a:cubicBezTo>
                                    <a:pt x="1001241" y="1800566"/>
                                    <a:pt x="1000987" y="1807793"/>
                                    <a:pt x="998929" y="1814714"/>
                                  </a:cubicBezTo>
                                  <a:cubicBezTo>
                                    <a:pt x="997495" y="1823503"/>
                                    <a:pt x="993761" y="1831846"/>
                                    <a:pt x="988020" y="1842439"/>
                                  </a:cubicBezTo>
                                  <a:cubicBezTo>
                                    <a:pt x="981048" y="1851785"/>
                                    <a:pt x="971828" y="1863381"/>
                                    <a:pt x="959242" y="1875966"/>
                                  </a:cubicBezTo>
                                  <a:cubicBezTo>
                                    <a:pt x="946593" y="1888616"/>
                                    <a:pt x="935747" y="1897087"/>
                                    <a:pt x="926400" y="1904059"/>
                                  </a:cubicBezTo>
                                  <a:cubicBezTo>
                                    <a:pt x="915808" y="1909799"/>
                                    <a:pt x="906778" y="1914219"/>
                                    <a:pt x="897927" y="1915717"/>
                                  </a:cubicBezTo>
                                  <a:cubicBezTo>
                                    <a:pt x="890332" y="1918460"/>
                                    <a:pt x="883791" y="1918016"/>
                                    <a:pt x="876807" y="1915400"/>
                                  </a:cubicBezTo>
                                  <a:cubicBezTo>
                                    <a:pt x="869834" y="1912784"/>
                                    <a:pt x="863040" y="1907615"/>
                                    <a:pt x="857058" y="1901633"/>
                                  </a:cubicBezTo>
                                  <a:lnTo>
                                    <a:pt x="0" y="1044575"/>
                                  </a:lnTo>
                                  <a:lnTo>
                                    <a:pt x="0" y="788988"/>
                                  </a:lnTo>
                                  <a:lnTo>
                                    <a:pt x="159485" y="948473"/>
                                  </a:lnTo>
                                  <a:cubicBezTo>
                                    <a:pt x="201103" y="906855"/>
                                    <a:pt x="242721" y="865237"/>
                                    <a:pt x="284275" y="823670"/>
                                  </a:cubicBezTo>
                                  <a:cubicBezTo>
                                    <a:pt x="317740" y="790218"/>
                                    <a:pt x="340600" y="753388"/>
                                    <a:pt x="351572" y="715631"/>
                                  </a:cubicBezTo>
                                  <a:cubicBezTo>
                                    <a:pt x="362660" y="677874"/>
                                    <a:pt x="365530" y="639863"/>
                                    <a:pt x="357491" y="599680"/>
                                  </a:cubicBezTo>
                                  <a:cubicBezTo>
                                    <a:pt x="350760" y="560678"/>
                                    <a:pt x="335748" y="521118"/>
                                    <a:pt x="311453" y="480744"/>
                                  </a:cubicBezTo>
                                  <a:cubicBezTo>
                                    <a:pt x="286396" y="441108"/>
                                    <a:pt x="255497" y="402601"/>
                                    <a:pt x="218426" y="365530"/>
                                  </a:cubicBezTo>
                                  <a:cubicBezTo>
                                    <a:pt x="157428" y="304532"/>
                                    <a:pt x="97737" y="261669"/>
                                    <a:pt x="38924" y="236498"/>
                                  </a:cubicBezTo>
                                  <a:lnTo>
                                    <a:pt x="0" y="223799"/>
                                  </a:lnTo>
                                  <a:lnTo>
                                    <a:pt x="0" y="0"/>
                                  </a:lnTo>
                                  <a:close/>
                                </a:path>
                              </a:pathLst>
                            </a:custGeom>
                            <a:solidFill>
                              <a:srgbClr val="C0C0C0">
                                <a:alpha val="49803"/>
                              </a:srgbClr>
                            </a:solidFill>
                            <a:ln>
                              <a:noFill/>
                            </a:ln>
                          </wps:spPr>
                          <wps:txbx>
                            <w:txbxContent>
                              <w:p w14:paraId="17B05C6E"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23" name="Freeform: Shape 117523"/>
                          <wps:cNvSpPr/>
                          <wps:spPr>
                            <a:xfrm>
                              <a:off x="1978105" y="1786690"/>
                              <a:ext cx="734403" cy="1318044"/>
                            </a:xfrm>
                            <a:custGeom>
                              <a:avLst/>
                              <a:gdLst/>
                              <a:ahLst/>
                              <a:cxnLst/>
                              <a:rect l="l" t="t" r="r" b="b"/>
                              <a:pathLst>
                                <a:path w="734403" h="1318044" extrusionOk="0">
                                  <a:moveTo>
                                    <a:pt x="143118" y="343"/>
                                  </a:moveTo>
                                  <a:cubicBezTo>
                                    <a:pt x="147619" y="0"/>
                                    <a:pt x="152025" y="327"/>
                                    <a:pt x="156820" y="1508"/>
                                  </a:cubicBezTo>
                                  <a:cubicBezTo>
                                    <a:pt x="166548" y="3870"/>
                                    <a:pt x="177203" y="9916"/>
                                    <a:pt x="187732" y="16088"/>
                                  </a:cubicBezTo>
                                  <a:lnTo>
                                    <a:pt x="734403" y="362456"/>
                                  </a:lnTo>
                                  <a:lnTo>
                                    <a:pt x="734403" y="577667"/>
                                  </a:lnTo>
                                  <a:lnTo>
                                    <a:pt x="265049" y="276095"/>
                                  </a:lnTo>
                                  <a:cubicBezTo>
                                    <a:pt x="264795" y="276336"/>
                                    <a:pt x="264554" y="276590"/>
                                    <a:pt x="264300" y="276844"/>
                                  </a:cubicBezTo>
                                  <a:cubicBezTo>
                                    <a:pt x="365894" y="432641"/>
                                    <a:pt x="466550" y="589061"/>
                                    <a:pt x="567214" y="745472"/>
                                  </a:cubicBezTo>
                                  <a:lnTo>
                                    <a:pt x="734403" y="1004067"/>
                                  </a:lnTo>
                                  <a:lnTo>
                                    <a:pt x="734403" y="1318044"/>
                                  </a:lnTo>
                                  <a:lnTo>
                                    <a:pt x="574148" y="1065135"/>
                                  </a:lnTo>
                                  <a:cubicBezTo>
                                    <a:pt x="388880" y="771360"/>
                                    <a:pt x="203613" y="477586"/>
                                    <a:pt x="16447" y="184998"/>
                                  </a:cubicBezTo>
                                  <a:cubicBezTo>
                                    <a:pt x="10224" y="174406"/>
                                    <a:pt x="5423" y="164995"/>
                                    <a:pt x="3048" y="155280"/>
                                  </a:cubicBezTo>
                                  <a:cubicBezTo>
                                    <a:pt x="0" y="146377"/>
                                    <a:pt x="1054" y="138338"/>
                                    <a:pt x="4051" y="127988"/>
                                  </a:cubicBezTo>
                                  <a:cubicBezTo>
                                    <a:pt x="6287" y="118526"/>
                                    <a:pt x="12217" y="107985"/>
                                    <a:pt x="20625" y="97088"/>
                                  </a:cubicBezTo>
                                  <a:cubicBezTo>
                                    <a:pt x="29032" y="86179"/>
                                    <a:pt x="40996" y="74343"/>
                                    <a:pt x="55829" y="59522"/>
                                  </a:cubicBezTo>
                                  <a:cubicBezTo>
                                    <a:pt x="71463" y="43875"/>
                                    <a:pt x="84735" y="30477"/>
                                    <a:pt x="96393" y="21320"/>
                                  </a:cubicBezTo>
                                  <a:cubicBezTo>
                                    <a:pt x="108039" y="12164"/>
                                    <a:pt x="118567" y="6245"/>
                                    <a:pt x="128854" y="3197"/>
                                  </a:cubicBezTo>
                                  <a:cubicBezTo>
                                    <a:pt x="134023" y="1698"/>
                                    <a:pt x="138617" y="686"/>
                                    <a:pt x="143118" y="343"/>
                                  </a:cubicBezTo>
                                  <a:close/>
                                </a:path>
                              </a:pathLst>
                            </a:custGeom>
                            <a:solidFill>
                              <a:srgbClr val="C0C0C0">
                                <a:alpha val="49803"/>
                              </a:srgbClr>
                            </a:solidFill>
                            <a:ln>
                              <a:noFill/>
                            </a:ln>
                          </wps:spPr>
                          <wps:txbx>
                            <w:txbxContent>
                              <w:p w14:paraId="3AC56CFB"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24" name="Freeform: Shape 117524"/>
                          <wps:cNvSpPr/>
                          <wps:spPr>
                            <a:xfrm>
                              <a:off x="2712508" y="2149147"/>
                              <a:ext cx="1283754" cy="1652916"/>
                            </a:xfrm>
                            <a:custGeom>
                              <a:avLst/>
                              <a:gdLst/>
                              <a:ahLst/>
                              <a:cxnLst/>
                              <a:rect l="l" t="t" r="r" b="b"/>
                              <a:pathLst>
                                <a:path w="1283754" h="1652916" extrusionOk="0">
                                  <a:moveTo>
                                    <a:pt x="0" y="0"/>
                                  </a:moveTo>
                                  <a:lnTo>
                                    <a:pt x="333496" y="211301"/>
                                  </a:lnTo>
                                  <a:cubicBezTo>
                                    <a:pt x="627269" y="396569"/>
                                    <a:pt x="921042" y="581837"/>
                                    <a:pt x="1213663" y="768971"/>
                                  </a:cubicBezTo>
                                  <a:cubicBezTo>
                                    <a:pt x="1235215" y="783296"/>
                                    <a:pt x="1250671" y="794142"/>
                                    <a:pt x="1262202" y="804175"/>
                                  </a:cubicBezTo>
                                  <a:cubicBezTo>
                                    <a:pt x="1272984" y="814958"/>
                                    <a:pt x="1278953" y="825549"/>
                                    <a:pt x="1281392" y="835201"/>
                                  </a:cubicBezTo>
                                  <a:cubicBezTo>
                                    <a:pt x="1283754" y="844917"/>
                                    <a:pt x="1280516" y="855140"/>
                                    <a:pt x="1272794" y="865364"/>
                                  </a:cubicBezTo>
                                  <a:cubicBezTo>
                                    <a:pt x="1264374" y="876133"/>
                                    <a:pt x="1253668" y="889227"/>
                                    <a:pt x="1238021" y="904861"/>
                                  </a:cubicBezTo>
                                  <a:cubicBezTo>
                                    <a:pt x="1222451" y="920444"/>
                                    <a:pt x="1210615" y="932395"/>
                                    <a:pt x="1200455" y="940065"/>
                                  </a:cubicBezTo>
                                  <a:cubicBezTo>
                                    <a:pt x="1189546" y="948473"/>
                                    <a:pt x="1180516" y="952905"/>
                                    <a:pt x="1172477" y="953705"/>
                                  </a:cubicBezTo>
                                  <a:cubicBezTo>
                                    <a:pt x="1164882" y="956448"/>
                                    <a:pt x="1158265" y="955953"/>
                                    <a:pt x="1151293" y="953337"/>
                                  </a:cubicBezTo>
                                  <a:cubicBezTo>
                                    <a:pt x="1144321" y="950721"/>
                                    <a:pt x="1136028" y="947038"/>
                                    <a:pt x="1126681" y="942059"/>
                                  </a:cubicBezTo>
                                  <a:cubicBezTo>
                                    <a:pt x="973976" y="843304"/>
                                    <a:pt x="820077" y="746479"/>
                                    <a:pt x="667360" y="647724"/>
                                  </a:cubicBezTo>
                                  <a:cubicBezTo>
                                    <a:pt x="534149" y="780934"/>
                                    <a:pt x="400876" y="914208"/>
                                    <a:pt x="267665" y="1047418"/>
                                  </a:cubicBezTo>
                                  <a:cubicBezTo>
                                    <a:pt x="366039" y="1197266"/>
                                    <a:pt x="462559" y="1348358"/>
                                    <a:pt x="560934" y="1498205"/>
                                  </a:cubicBezTo>
                                  <a:cubicBezTo>
                                    <a:pt x="566738" y="1506866"/>
                                    <a:pt x="570344" y="1515096"/>
                                    <a:pt x="572960" y="1522068"/>
                                  </a:cubicBezTo>
                                  <a:cubicBezTo>
                                    <a:pt x="576707" y="1530298"/>
                                    <a:pt x="576516" y="1537588"/>
                                    <a:pt x="575704" y="1545627"/>
                                  </a:cubicBezTo>
                                  <a:cubicBezTo>
                                    <a:pt x="575399" y="1555647"/>
                                    <a:pt x="570967" y="1564689"/>
                                    <a:pt x="564058" y="1574100"/>
                                  </a:cubicBezTo>
                                  <a:cubicBezTo>
                                    <a:pt x="556323" y="1584184"/>
                                    <a:pt x="546354" y="1596528"/>
                                    <a:pt x="532219" y="1610676"/>
                                  </a:cubicBezTo>
                                  <a:cubicBezTo>
                                    <a:pt x="518135" y="1624748"/>
                                    <a:pt x="505054" y="1635467"/>
                                    <a:pt x="494957" y="1643188"/>
                                  </a:cubicBezTo>
                                  <a:cubicBezTo>
                                    <a:pt x="482867" y="1650427"/>
                                    <a:pt x="473278" y="1652916"/>
                                    <a:pt x="463677" y="1650542"/>
                                  </a:cubicBezTo>
                                  <a:cubicBezTo>
                                    <a:pt x="453961" y="1648179"/>
                                    <a:pt x="443370" y="1642070"/>
                                    <a:pt x="433337" y="1630666"/>
                                  </a:cubicBezTo>
                                  <a:cubicBezTo>
                                    <a:pt x="422554" y="1619897"/>
                                    <a:pt x="411709" y="1604441"/>
                                    <a:pt x="397446" y="1582825"/>
                                  </a:cubicBezTo>
                                  <a:lnTo>
                                    <a:pt x="0" y="955588"/>
                                  </a:lnTo>
                                  <a:lnTo>
                                    <a:pt x="0" y="641610"/>
                                  </a:lnTo>
                                  <a:lnTo>
                                    <a:pt x="135763" y="851597"/>
                                  </a:lnTo>
                                  <a:cubicBezTo>
                                    <a:pt x="247167" y="740193"/>
                                    <a:pt x="358635" y="628725"/>
                                    <a:pt x="470103" y="517257"/>
                                  </a:cubicBezTo>
                                  <a:cubicBezTo>
                                    <a:pt x="313963" y="416006"/>
                                    <a:pt x="157185" y="315740"/>
                                    <a:pt x="398" y="215467"/>
                                  </a:cubicBezTo>
                                  <a:lnTo>
                                    <a:pt x="0" y="215211"/>
                                  </a:lnTo>
                                  <a:lnTo>
                                    <a:pt x="0" y="0"/>
                                  </a:lnTo>
                                  <a:close/>
                                </a:path>
                              </a:pathLst>
                            </a:custGeom>
                            <a:solidFill>
                              <a:srgbClr val="C0C0C0">
                                <a:alpha val="49803"/>
                              </a:srgbClr>
                            </a:solidFill>
                            <a:ln>
                              <a:noFill/>
                            </a:ln>
                          </wps:spPr>
                          <wps:txbx>
                            <w:txbxContent>
                              <w:p w14:paraId="73C4FF1B"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25" name="Freeform: Shape 117525"/>
                          <wps:cNvSpPr/>
                          <wps:spPr>
                            <a:xfrm>
                              <a:off x="2642730" y="797215"/>
                              <a:ext cx="1630426" cy="2019160"/>
                            </a:xfrm>
                            <a:custGeom>
                              <a:avLst/>
                              <a:gdLst/>
                              <a:ahLst/>
                              <a:cxnLst/>
                              <a:rect l="l" t="t" r="r" b="b"/>
                              <a:pathLst>
                                <a:path w="1630426" h="2019160" extrusionOk="0">
                                  <a:moveTo>
                                    <a:pt x="464122" y="0"/>
                                  </a:moveTo>
                                  <a:cubicBezTo>
                                    <a:pt x="470662" y="686"/>
                                    <a:pt x="478447" y="2362"/>
                                    <a:pt x="487794" y="7353"/>
                                  </a:cubicBezTo>
                                  <a:cubicBezTo>
                                    <a:pt x="497269" y="12332"/>
                                    <a:pt x="509041" y="19621"/>
                                    <a:pt x="520573" y="29655"/>
                                  </a:cubicBezTo>
                                  <a:cubicBezTo>
                                    <a:pt x="533273" y="40869"/>
                                    <a:pt x="547167" y="53264"/>
                                    <a:pt x="562750" y="68847"/>
                                  </a:cubicBezTo>
                                  <a:cubicBezTo>
                                    <a:pt x="578269" y="84366"/>
                                    <a:pt x="590664" y="98260"/>
                                    <a:pt x="600697" y="109779"/>
                                  </a:cubicBezTo>
                                  <a:cubicBezTo>
                                    <a:pt x="610731" y="121310"/>
                                    <a:pt x="618020" y="133084"/>
                                    <a:pt x="621818" y="141376"/>
                                  </a:cubicBezTo>
                                  <a:cubicBezTo>
                                    <a:pt x="626796" y="150711"/>
                                    <a:pt x="628485" y="158509"/>
                                    <a:pt x="629171" y="165049"/>
                                  </a:cubicBezTo>
                                  <a:cubicBezTo>
                                    <a:pt x="629107" y="172339"/>
                                    <a:pt x="627304" y="176517"/>
                                    <a:pt x="623557" y="180251"/>
                                  </a:cubicBezTo>
                                  <a:cubicBezTo>
                                    <a:pt x="506171" y="297637"/>
                                    <a:pt x="388785" y="415023"/>
                                    <a:pt x="271399" y="532410"/>
                                  </a:cubicBezTo>
                                  <a:cubicBezTo>
                                    <a:pt x="446862" y="707860"/>
                                    <a:pt x="622313" y="883310"/>
                                    <a:pt x="797700" y="1058710"/>
                                  </a:cubicBezTo>
                                  <a:cubicBezTo>
                                    <a:pt x="908672" y="947738"/>
                                    <a:pt x="1019645" y="836765"/>
                                    <a:pt x="1130542" y="725869"/>
                                  </a:cubicBezTo>
                                  <a:cubicBezTo>
                                    <a:pt x="1134288" y="722122"/>
                                    <a:pt x="1138453" y="720319"/>
                                    <a:pt x="1144562" y="719074"/>
                                  </a:cubicBezTo>
                                  <a:cubicBezTo>
                                    <a:pt x="1151103" y="719760"/>
                                    <a:pt x="1158888" y="721436"/>
                                    <a:pt x="1167054" y="725246"/>
                                  </a:cubicBezTo>
                                  <a:cubicBezTo>
                                    <a:pt x="1175347" y="729044"/>
                                    <a:pt x="1185939" y="735152"/>
                                    <a:pt x="1197458" y="745185"/>
                                  </a:cubicBezTo>
                                  <a:cubicBezTo>
                                    <a:pt x="1208926" y="755142"/>
                                    <a:pt x="1224064" y="768795"/>
                                    <a:pt x="1240765" y="785495"/>
                                  </a:cubicBezTo>
                                  <a:cubicBezTo>
                                    <a:pt x="1256335" y="801065"/>
                                    <a:pt x="1267562" y="813778"/>
                                    <a:pt x="1277582" y="825310"/>
                                  </a:cubicBezTo>
                                  <a:cubicBezTo>
                                    <a:pt x="1287615" y="836829"/>
                                    <a:pt x="1294905" y="848602"/>
                                    <a:pt x="1298651" y="856831"/>
                                  </a:cubicBezTo>
                                  <a:cubicBezTo>
                                    <a:pt x="1303693" y="866242"/>
                                    <a:pt x="1305370" y="874027"/>
                                    <a:pt x="1306056" y="880567"/>
                                  </a:cubicBezTo>
                                  <a:cubicBezTo>
                                    <a:pt x="1306004" y="887857"/>
                                    <a:pt x="1305370" y="893217"/>
                                    <a:pt x="1301636" y="896963"/>
                                  </a:cubicBezTo>
                                  <a:cubicBezTo>
                                    <a:pt x="1190727" y="1007859"/>
                                    <a:pt x="1079767" y="1118832"/>
                                    <a:pt x="968794" y="1229805"/>
                                  </a:cubicBezTo>
                                  <a:cubicBezTo>
                                    <a:pt x="1183691" y="1444688"/>
                                    <a:pt x="1398588" y="1659585"/>
                                    <a:pt x="1613535" y="1874546"/>
                                  </a:cubicBezTo>
                                  <a:cubicBezTo>
                                    <a:pt x="1619517" y="1880527"/>
                                    <a:pt x="1623504" y="1886001"/>
                                    <a:pt x="1626121" y="1892986"/>
                                  </a:cubicBezTo>
                                  <a:cubicBezTo>
                                    <a:pt x="1629931" y="1901266"/>
                                    <a:pt x="1630426" y="1907756"/>
                                    <a:pt x="1627683" y="1915350"/>
                                  </a:cubicBezTo>
                                  <a:cubicBezTo>
                                    <a:pt x="1626184" y="1924203"/>
                                    <a:pt x="1622514" y="1932483"/>
                                    <a:pt x="1616774" y="1943075"/>
                                  </a:cubicBezTo>
                                  <a:cubicBezTo>
                                    <a:pt x="1609738" y="1952485"/>
                                    <a:pt x="1600517" y="1964081"/>
                                    <a:pt x="1587932" y="1976666"/>
                                  </a:cubicBezTo>
                                  <a:cubicBezTo>
                                    <a:pt x="1576032" y="1988566"/>
                                    <a:pt x="1564437" y="1997786"/>
                                    <a:pt x="1555090" y="2004759"/>
                                  </a:cubicBezTo>
                                  <a:cubicBezTo>
                                    <a:pt x="1544498" y="2010499"/>
                                    <a:pt x="1535468" y="2014919"/>
                                    <a:pt x="1526616" y="2016417"/>
                                  </a:cubicBezTo>
                                  <a:cubicBezTo>
                                    <a:pt x="1519022" y="2019160"/>
                                    <a:pt x="1512481" y="2018716"/>
                                    <a:pt x="1504252" y="2014855"/>
                                  </a:cubicBezTo>
                                  <a:cubicBezTo>
                                    <a:pt x="1497279" y="2012239"/>
                                    <a:pt x="1491730" y="2008314"/>
                                    <a:pt x="1485748" y="2002333"/>
                                  </a:cubicBezTo>
                                  <a:cubicBezTo>
                                    <a:pt x="1008050" y="1524635"/>
                                    <a:pt x="530403" y="1046988"/>
                                    <a:pt x="52705" y="569290"/>
                                  </a:cubicBezTo>
                                  <a:cubicBezTo>
                                    <a:pt x="21615" y="538201"/>
                                    <a:pt x="5537" y="511416"/>
                                    <a:pt x="2553" y="487858"/>
                                  </a:cubicBezTo>
                                  <a:cubicBezTo>
                                    <a:pt x="0" y="466243"/>
                                    <a:pt x="5423" y="449098"/>
                                    <a:pt x="16510" y="438010"/>
                                  </a:cubicBezTo>
                                  <a:cubicBezTo>
                                    <a:pt x="160681" y="293840"/>
                                    <a:pt x="304800" y="149721"/>
                                    <a:pt x="448920" y="5601"/>
                                  </a:cubicBezTo>
                                  <a:cubicBezTo>
                                    <a:pt x="452653" y="1867"/>
                                    <a:pt x="456832" y="64"/>
                                    <a:pt x="464122" y="0"/>
                                  </a:cubicBezTo>
                                  <a:close/>
                                </a:path>
                              </a:pathLst>
                            </a:custGeom>
                            <a:solidFill>
                              <a:srgbClr val="C0C0C0">
                                <a:alpha val="49803"/>
                              </a:srgbClr>
                            </a:solidFill>
                            <a:ln>
                              <a:noFill/>
                            </a:ln>
                          </wps:spPr>
                          <wps:txbx>
                            <w:txbxContent>
                              <w:p w14:paraId="1020CA6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26" name="Freeform: Shape 117526"/>
                          <wps:cNvSpPr/>
                          <wps:spPr>
                            <a:xfrm>
                              <a:off x="3213212" y="0"/>
                              <a:ext cx="1938096" cy="1938223"/>
                            </a:xfrm>
                            <a:custGeom>
                              <a:avLst/>
                              <a:gdLst/>
                              <a:ahLst/>
                              <a:cxnLst/>
                              <a:rect l="l" t="t" r="r" b="b"/>
                              <a:pathLst>
                                <a:path w="1938096" h="1938223" extrusionOk="0">
                                  <a:moveTo>
                                    <a:pt x="690855" y="0"/>
                                  </a:moveTo>
                                  <a:cubicBezTo>
                                    <a:pt x="697395" y="686"/>
                                    <a:pt x="705180" y="2362"/>
                                    <a:pt x="714528" y="7353"/>
                                  </a:cubicBezTo>
                                  <a:cubicBezTo>
                                    <a:pt x="723938" y="12395"/>
                                    <a:pt x="735025" y="20371"/>
                                    <a:pt x="746557" y="30404"/>
                                  </a:cubicBezTo>
                                  <a:cubicBezTo>
                                    <a:pt x="759206" y="41681"/>
                                    <a:pt x="773151" y="54013"/>
                                    <a:pt x="788734" y="69596"/>
                                  </a:cubicBezTo>
                                  <a:cubicBezTo>
                                    <a:pt x="804253" y="85115"/>
                                    <a:pt x="816585" y="99073"/>
                                    <a:pt x="826681" y="110528"/>
                                  </a:cubicBezTo>
                                  <a:cubicBezTo>
                                    <a:pt x="836714" y="122060"/>
                                    <a:pt x="844690" y="133147"/>
                                    <a:pt x="848551" y="141376"/>
                                  </a:cubicBezTo>
                                  <a:cubicBezTo>
                                    <a:pt x="853529" y="150724"/>
                                    <a:pt x="855218" y="158509"/>
                                    <a:pt x="855904" y="165049"/>
                                  </a:cubicBezTo>
                                  <a:cubicBezTo>
                                    <a:pt x="855840" y="172339"/>
                                    <a:pt x="853288" y="177267"/>
                                    <a:pt x="849541" y="181000"/>
                                  </a:cubicBezTo>
                                  <a:cubicBezTo>
                                    <a:pt x="759384" y="271158"/>
                                    <a:pt x="669290" y="361251"/>
                                    <a:pt x="579133" y="451409"/>
                                  </a:cubicBezTo>
                                  <a:cubicBezTo>
                                    <a:pt x="1026490" y="898766"/>
                                    <a:pt x="1473911" y="1346187"/>
                                    <a:pt x="1921269" y="1793545"/>
                                  </a:cubicBezTo>
                                  <a:cubicBezTo>
                                    <a:pt x="1927251" y="1799526"/>
                                    <a:pt x="1932419" y="1806321"/>
                                    <a:pt x="1935036" y="1813293"/>
                                  </a:cubicBezTo>
                                  <a:cubicBezTo>
                                    <a:pt x="1937652" y="1820278"/>
                                    <a:pt x="1938096" y="1826819"/>
                                    <a:pt x="1935353" y="1834413"/>
                                  </a:cubicBezTo>
                                  <a:cubicBezTo>
                                    <a:pt x="1933855" y="1843265"/>
                                    <a:pt x="1930184" y="1851559"/>
                                    <a:pt x="1924444" y="1862150"/>
                                  </a:cubicBezTo>
                                  <a:cubicBezTo>
                                    <a:pt x="1917471" y="1871498"/>
                                    <a:pt x="1908251" y="1883080"/>
                                    <a:pt x="1895602" y="1895729"/>
                                  </a:cubicBezTo>
                                  <a:cubicBezTo>
                                    <a:pt x="1883702" y="1907629"/>
                                    <a:pt x="1872107" y="1916849"/>
                                    <a:pt x="1862760" y="1923834"/>
                                  </a:cubicBezTo>
                                  <a:cubicBezTo>
                                    <a:pt x="1852168" y="1929562"/>
                                    <a:pt x="1843139" y="1933981"/>
                                    <a:pt x="1834287" y="1935480"/>
                                  </a:cubicBezTo>
                                  <a:cubicBezTo>
                                    <a:pt x="1826692" y="1938223"/>
                                    <a:pt x="1820202" y="1937728"/>
                                    <a:pt x="1813167" y="1935163"/>
                                  </a:cubicBezTo>
                                  <a:cubicBezTo>
                                    <a:pt x="1806194" y="1932546"/>
                                    <a:pt x="1799463" y="1927314"/>
                                    <a:pt x="1793481" y="1921332"/>
                                  </a:cubicBezTo>
                                  <a:cubicBezTo>
                                    <a:pt x="1346124" y="1473975"/>
                                    <a:pt x="898703" y="1026554"/>
                                    <a:pt x="451345" y="579196"/>
                                  </a:cubicBezTo>
                                  <a:cubicBezTo>
                                    <a:pt x="361188" y="669354"/>
                                    <a:pt x="271031" y="759511"/>
                                    <a:pt x="180873" y="849668"/>
                                  </a:cubicBezTo>
                                  <a:cubicBezTo>
                                    <a:pt x="177191" y="853351"/>
                                    <a:pt x="172276" y="855904"/>
                                    <a:pt x="165672" y="855282"/>
                                  </a:cubicBezTo>
                                  <a:cubicBezTo>
                                    <a:pt x="158382" y="855345"/>
                                    <a:pt x="151333" y="852919"/>
                                    <a:pt x="141986" y="847928"/>
                                  </a:cubicBezTo>
                                  <a:cubicBezTo>
                                    <a:pt x="133769" y="844067"/>
                                    <a:pt x="122682" y="836092"/>
                                    <a:pt x="111214" y="825995"/>
                                  </a:cubicBezTo>
                                  <a:cubicBezTo>
                                    <a:pt x="98933" y="816712"/>
                                    <a:pt x="85039" y="804316"/>
                                    <a:pt x="69533" y="788797"/>
                                  </a:cubicBezTo>
                                  <a:cubicBezTo>
                                    <a:pt x="53950" y="773227"/>
                                    <a:pt x="41554" y="759333"/>
                                    <a:pt x="31090" y="745871"/>
                                  </a:cubicBezTo>
                                  <a:cubicBezTo>
                                    <a:pt x="20993" y="734403"/>
                                    <a:pt x="13018" y="723316"/>
                                    <a:pt x="7976" y="713905"/>
                                  </a:cubicBezTo>
                                  <a:cubicBezTo>
                                    <a:pt x="2985" y="704558"/>
                                    <a:pt x="559" y="697522"/>
                                    <a:pt x="622" y="690232"/>
                                  </a:cubicBezTo>
                                  <a:cubicBezTo>
                                    <a:pt x="0" y="683628"/>
                                    <a:pt x="2553" y="678701"/>
                                    <a:pt x="6223" y="675030"/>
                                  </a:cubicBezTo>
                                  <a:cubicBezTo>
                                    <a:pt x="229159" y="452095"/>
                                    <a:pt x="452031" y="229222"/>
                                    <a:pt x="674903" y="6350"/>
                                  </a:cubicBezTo>
                                  <a:cubicBezTo>
                                    <a:pt x="678637" y="2616"/>
                                    <a:pt x="683565" y="63"/>
                                    <a:pt x="690855" y="0"/>
                                  </a:cubicBezTo>
                                  <a:close/>
                                </a:path>
                              </a:pathLst>
                            </a:custGeom>
                            <a:solidFill>
                              <a:srgbClr val="C0C0C0">
                                <a:alpha val="49803"/>
                              </a:srgbClr>
                            </a:solidFill>
                            <a:ln>
                              <a:noFill/>
                            </a:ln>
                          </wps:spPr>
                          <wps:txbx>
                            <w:txbxContent>
                              <w:p w14:paraId="2511FDA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g:grpSp>
                    </wpg:wgp>
                  </a:graphicData>
                </a:graphic>
              </wp:anchor>
            </w:drawing>
          </mc:Choice>
          <mc:Fallback>
            <w:pict>
              <v:group w14:anchorId="503B5F64" id="Group 117516" o:spid="_x0000_s1160" alt="P151#y1" style="position:absolute;left:0;text-align:left;margin-left:32pt;margin-top:105pt;width:405.6pt;height:428.55pt;z-index:-251661312;mso-wrap-distance-left:0;mso-wrap-distance-right:0;mso-position-horizontal-relative:text;mso-position-vertical-relative:text" coordorigin="27703,10588" coordsize="51513,5442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">
                <v:group id="Group 117517" o:spid="_x0000_s1161" style="position:absolute;left:27703;top:10588;width:51513;height:54423" coordsize="51513,5442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">
                  <v:rect id="Rectangle 117518" o:spid="_x0000_s1162" style="position:absolute;width:51513;height:5442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" filled="f" stroked="f">
                    <v:textbox inset="2.53958mm,2.53958mm,2.53958mm,2.53958mm">
                      <w:txbxContent>
                        <w:p w14:paraId="216B86C2" w14:textId="77777777" w:rsidR="00CF54CB" w:rsidRDefault="00CF54CB">
                          <w:pPr>
                            <w:spacing w:after="0" w:line="240" w:lineRule="auto"/>
                            <w:ind w:left="0" w:firstLine="0"/>
                            <w:jc w:val="left"/>
                            <w:textDirection w:val="btLr"/>
                          </w:pPr>
                        </w:p>
                      </w:txbxContent>
                    </v:textbox>
                  </v:rect>
                  <v:shape id="Freeform: Shape 117519" o:spid="_x0000_s1163" style="position:absolute;top:34844;width:10005;height:14727;visibility:visible;mso-wrap-style:square;v-text-anchor:middle" coordsize="1000596,147266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" adj="-11796480,,5400" path="m639526,592v49112,592,99671,7164,151506,20245c843153,34890,896506,53877,950816,78416r49780,24876l1000596,330497,954591,304878c913406,283927,872750,267167,832777,254238,772874,234893,715315,227570,659761,230085v-18518,838,-36813,2769,-54898,5713c532460,247507,463931,288134,397827,354238v-43306,43307,-86677,86677,-130035,130035l1000596,1217085r,255579l52705,524773c21615,493684,5537,466887,2553,443341,,421725,5410,404580,16574,393430,89090,320913,161684,248320,234201,175790,317449,92554,404609,37906,496697,16227,542747,5388,590414,,639526,592xe" fillcolor="silver" stroked="f">
                    <v:fill opacity="32639f"/>
                    <v:stroke joinstyle="miter"/>
                    <v:formulas/>
                    <v:path arrowok="t" o:extrusionok="f" o:connecttype="custom" textboxrect="0,0,1000596,1472664"/>
                    <v:textbox inset="2.53958mm,2.53958mm,2.53958mm,2.53958mm">
                      <w:txbxContent>
                        <w:p w14:paraId="47B69523" w14:textId="77777777" w:rsidR="00CF54CB" w:rsidRDefault="00CF54CB">
                          <w:pPr>
                            <w:spacing w:after="0" w:line="240" w:lineRule="auto"/>
                            <w:ind w:left="0" w:firstLine="0"/>
                            <w:jc w:val="left"/>
                            <w:textDirection w:val="btLr"/>
                          </w:pPr>
                        </w:p>
                      </w:txbxContent>
                    </v:textbox>
                  </v:shape>
                  <v:shape id="Freeform: Shape 117520" o:spid="_x0000_s1164" style="position:absolute;left:10005;top:35877;width:9593;height:18545;visibility:visible;mso-wrap-style:square;v-text-anchor:middle" coordsize="959243,185452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" adj="-11796480,,5400" path="m,l32368,16175v27599,15124,55404,31714,83379,49846c227583,138487,342785,233623,458863,349701,592822,483660,699172,611575,777366,732136v79451,121679,130035,235204,155956,341630c959243,1180179,957185,1280928,930833,1372953v-26366,91910,-81001,179069,-163437,261505c699553,1702302,631697,1770158,563841,1838013v-11151,11152,-28347,16511,-51092,12828c490384,1849038,463587,1832959,432497,1801870l,1369372,,1113793r471753,471758c515619,1541685,559485,1497819,603287,1454017v61684,-61684,101562,-124740,118199,-192342c738123,1194073,737247,1122051,713320,1042550,689520,963047,648651,877691,584656,786035,521918,695623,438047,597808,332751,492512,249020,408768,164400,337991,78980,277361,57936,262518,36986,248812,16149,236197l,227205,,xe" fillcolor="silver" stroked="f">
                    <v:fill opacity="32639f"/>
                    <v:stroke joinstyle="miter"/>
                    <v:formulas/>
                    <v:path arrowok="t" o:extrusionok="f" o:connecttype="custom" textboxrect="0,0,959243,1854524"/>
                    <v:textbox inset="2.53958mm,2.53958mm,2.53958mm,2.53958mm">
                      <w:txbxContent>
                        <w:p w14:paraId="66F3FEFF" w14:textId="77777777" w:rsidR="00CF54CB" w:rsidRDefault="00CF54CB">
                          <w:pPr>
                            <w:spacing w:after="0" w:line="240" w:lineRule="auto"/>
                            <w:ind w:left="0" w:firstLine="0"/>
                            <w:jc w:val="left"/>
                            <w:textDirection w:val="btLr"/>
                          </w:pPr>
                        </w:p>
                      </w:txbxContent>
                    </v:textbox>
                  </v:shape>
                  <v:shape id="Freeform: Shape 117521" o:spid="_x0000_s1165" style="position:absolute;left:9361;top:25902;width:6287;height:10588;visibility:visible;mso-wrap-style:square;v-text-anchor:middle" coordsize="628690,1058861"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" adj="-11796480,,5400" path="m559321,2040v12976,1020,26046,2690,39244,5095l628690,14286r,223798l623625,236432v-14620,-3289,-29196,-5096,-43729,-5462c550831,230238,521938,235271,493217,245742v-18694,6477,-35585,16510,-53581,29654c421627,288541,399631,308175,374332,333461v-35890,35890,-71843,71843,-107721,107733l628690,803273r,255588l52705,482876c21615,451786,5537,424990,2553,401444,,379828,5359,362747,16510,351596,84607,283499,152705,215401,220815,147291v24549,-24549,45796,-43421,63297,-58560c302247,75574,319316,62989,334454,52841,382499,26730,430479,8785,482308,3058,507791,562,533368,,559321,2040xe" fillcolor="silver" stroked="f">
                    <v:fill opacity="32639f"/>
                    <v:stroke joinstyle="miter"/>
                    <v:formulas/>
                    <v:path arrowok="t" o:extrusionok="f" o:connecttype="custom" textboxrect="0,0,628690,1058861"/>
                    <v:textbox inset="2.53958mm,2.53958mm,2.53958mm,2.53958mm">
                      <w:txbxContent>
                        <w:p w14:paraId="0CF0434E" w14:textId="77777777" w:rsidR="00CF54CB" w:rsidRDefault="00CF54CB">
                          <w:pPr>
                            <w:spacing w:after="0" w:line="240" w:lineRule="auto"/>
                            <w:ind w:left="0" w:firstLine="0"/>
                            <w:jc w:val="left"/>
                            <w:textDirection w:val="btLr"/>
                          </w:pPr>
                        </w:p>
                      </w:txbxContent>
                    </v:textbox>
                  </v:shape>
                  <v:shape id="Freeform: Shape 117522" o:spid="_x0000_s1166" style="position:absolute;left:15648;top:26044;width:15166;height:19185;visibility:visible;mso-wrap-style:square;v-text-anchor:middle" coordsize="1516569,19184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" adj="-11796480,,5400" path="m,l9892,2348c63714,18172,117118,40918,170890,75742v53771,34835,107480,79197,161302,133032c383602,260171,425652,311453,458303,360171v33147,50596,55830,99440,70968,146735c545590,555382,552944,602359,553134,648156v127,45733,-5613,91211,-17945,135077c561542,778687,590764,777632,620114,782052v30531,5601,63678,12713,98628,25857c753692,820927,791831,837500,832445,859179v40628,21692,85992,45491,135027,75578c1109470,1020304,1252587,1103857,1394522,1189468v35382,22187,60249,37821,73203,46418c1481872,1245666,1492274,1254454,1498256,1260436v5981,5981,11150,12776,14516,18999c1516137,1285670,1516569,1292211,1515083,1301063v-1562,8788,-5982,17818,-13652,27978c1493709,1339125,1482990,1352218,1468157,1367039v-12650,12650,-24232,21870,-33579,28855c1425167,1402802,1416137,1407235,1406104,1407540v-8788,1562,-17322,622,-25489,-3175c1371713,1401304,1361057,1395271,1349284,1387854,1198625,1295018,1046656,1204238,896009,1111401v-52096,-31648,-101067,-59067,-146800,-82868c703604,1004734,660055,988846,619428,979003v-40691,-9906,-77698,-10528,-112839,-4432c472565,981925,440104,1000314,411135,1029283v-28473,28473,-56946,56946,-85420,85420c545463,1334464,765161,1554149,984845,1773846v5982,5981,11214,12700,13780,19748c1001241,1800566,1000987,1807793,998929,1814714v-1434,8789,-5168,17132,-10909,27725c981048,1851785,971828,1863381,959242,1875966v-12649,12650,-23495,21121,-32842,28093c915808,1909799,906778,1914219,897927,1915717v-7595,2743,-14136,2299,-21120,-317c869834,1912784,863040,1907615,857058,1901633l,1044575,,788988,159485,948473v41618,-41618,83236,-83236,124790,-124803c317740,790218,340600,753388,351572,715631v11088,-37757,13958,-75768,5919,-115951c350760,560678,335748,521118,311453,480744,286396,441108,255497,402601,218426,365530,157428,304532,97737,261669,38924,236498l,223799,,xe" fillcolor="silver" stroked="f">
                    <v:fill opacity="32639f"/>
                    <v:stroke joinstyle="miter"/>
                    <v:formulas/>
                    <v:path arrowok="t" o:extrusionok="f" o:connecttype="custom" textboxrect="0,0,1516569,1918460"/>
                    <v:textbox inset="2.53958mm,2.53958mm,2.53958mm,2.53958mm">
                      <w:txbxContent>
                        <w:p w14:paraId="17B05C6E" w14:textId="77777777" w:rsidR="00CF54CB" w:rsidRDefault="00CF54CB">
                          <w:pPr>
                            <w:spacing w:after="0" w:line="240" w:lineRule="auto"/>
                            <w:ind w:left="0" w:firstLine="0"/>
                            <w:jc w:val="left"/>
                            <w:textDirection w:val="btLr"/>
                          </w:pPr>
                        </w:p>
                      </w:txbxContent>
                    </v:textbox>
                  </v:shape>
                  <v:shape id="Freeform: Shape 117523" o:spid="_x0000_s1167" style="position:absolute;left:19781;top:17866;width:7344;height:13181;visibility:visible;mso-wrap-style:square;v-text-anchor:middle" coordsize="734403,131804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" adj="-11796480,,5400" path="m143118,343v4501,-343,8907,-16,13702,1165c166548,3870,177203,9916,187732,16088l734403,362456r,215211l265049,276095v-254,241,-495,495,-749,749c365894,432641,466550,589061,567214,745472r167189,258595l734403,1318044,574148,1065135c388880,771360,203613,477586,16447,184998,10224,174406,5423,164995,3048,155280,,146377,1054,138338,4051,127988v2236,-9462,8166,-20003,16574,-30900c29032,86179,40996,74343,55829,59522,71463,43875,84735,30477,96393,21320,108039,12164,118567,6245,128854,3197,134023,1698,138617,686,143118,343xe" fillcolor="silver" stroked="f">
                    <v:fill opacity="32639f"/>
                    <v:stroke joinstyle="miter"/>
                    <v:formulas/>
                    <v:path arrowok="t" o:extrusionok="f" o:connecttype="custom" textboxrect="0,0,734403,1318044"/>
                    <v:textbox inset="2.53958mm,2.53958mm,2.53958mm,2.53958mm">
                      <w:txbxContent>
                        <w:p w14:paraId="3AC56CFB" w14:textId="77777777" w:rsidR="00CF54CB" w:rsidRDefault="00CF54CB">
                          <w:pPr>
                            <w:spacing w:after="0" w:line="240" w:lineRule="auto"/>
                            <w:ind w:left="0" w:firstLine="0"/>
                            <w:jc w:val="left"/>
                            <w:textDirection w:val="btLr"/>
                          </w:pPr>
                        </w:p>
                      </w:txbxContent>
                    </v:textbox>
                  </v:shape>
                  <v:shape id="Freeform: Shape 117524" o:spid="_x0000_s1168" style="position:absolute;left:27125;top:21491;width:12837;height:16529;visibility:visible;mso-wrap-style:square;v-text-anchor:middle" coordsize="1283754,165291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" adj="-11796480,,5400" path="m,l333496,211301v293773,185268,587546,370536,880167,557670c1235215,783296,1250671,794142,1262202,804175v10782,10783,16751,21374,19190,31026c1283754,844917,1280516,855140,1272794,865364v-8420,10769,-19126,23863,-34773,39497c1222451,920444,1210615,932395,1200455,940065v-10909,8408,-19939,12840,-27978,13640c1164882,956448,1158265,955953,1151293,953337v-6972,-2616,-15265,-6299,-24612,-11278c973976,843304,820077,746479,667360,647724,534149,780934,400876,914208,267665,1047418v98374,149848,194894,300940,293269,450787c566738,1506866,570344,1515096,572960,1522068v3747,8230,3556,15520,2744,23559c575399,1555647,570967,1564689,564058,1574100v-7735,10084,-17704,22428,-31839,36576c518135,1624748,505054,1635467,494957,1643188v-12090,7239,-21679,9728,-31280,7354c453961,1648179,443370,1642070,433337,1630666v-10783,-10769,-21628,-26225,-35891,-47841l,955588,,641610,135763,851597c247167,740193,358635,628725,470103,517257,313963,416006,157185,315740,398,215467l,215211,,xe" fillcolor="silver" stroked="f">
                    <v:fill opacity="32639f"/>
                    <v:stroke joinstyle="miter"/>
                    <v:formulas/>
                    <v:path arrowok="t" o:extrusionok="f" o:connecttype="custom" textboxrect="0,0,1283754,1652916"/>
                    <v:textbox inset="2.53958mm,2.53958mm,2.53958mm,2.53958mm">
                      <w:txbxContent>
                        <w:p w14:paraId="73C4FF1B" w14:textId="77777777" w:rsidR="00CF54CB" w:rsidRDefault="00CF54CB">
                          <w:pPr>
                            <w:spacing w:after="0" w:line="240" w:lineRule="auto"/>
                            <w:ind w:left="0" w:firstLine="0"/>
                            <w:jc w:val="left"/>
                            <w:textDirection w:val="btLr"/>
                          </w:pPr>
                        </w:p>
                      </w:txbxContent>
                    </v:textbox>
                  </v:shape>
                  <v:shape id="Freeform: Shape 117525" o:spid="_x0000_s1169" style="position:absolute;left:26427;top:7972;width:16304;height:20191;visibility:visible;mso-wrap-style:square;v-text-anchor:middle" coordsize="1630426,20191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" adj="-11796480,,5400" path="m464122,v6540,686,14325,2362,23672,7353c497269,12332,509041,19621,520573,29655v12700,11214,26594,23609,42177,39192c578269,84366,590664,98260,600697,109779v10034,11531,17323,23305,21121,31597c626796,150711,628485,158509,629171,165049v-64,7290,-1867,11468,-5614,15202c506171,297637,388785,415023,271399,532410v175463,175450,350914,350900,526301,526300c908672,947738,1019645,836765,1130542,725869v3746,-3747,7911,-5550,14020,-6795c1151103,719760,1158888,721436,1167054,725246v8293,3798,18885,9906,30404,19939c1208926,755142,1224064,768795,1240765,785495v15570,15570,26797,28283,36817,39815c1287615,836829,1294905,848602,1298651,856831v5042,9411,6719,17196,7405,23736c1306004,887857,1305370,893217,1301636,896963v-110909,110896,-221869,221869,-332842,332842c1183691,1444688,1398588,1659585,1613535,1874546v5982,5981,9969,11455,12586,18440c1629931,1901266,1630426,1907756,1627683,1915350v-1499,8853,-5169,17133,-10909,27725c1609738,1952485,1600517,1964081,1587932,1976666v-11900,11900,-23495,21120,-32842,28093c1544498,2010499,1535468,2014919,1526616,2016417v-7594,2743,-14135,2299,-22364,-1562c1497279,2012239,1491730,2008314,1485748,2002333,1008050,1524635,530403,1046988,52705,569290,21615,538201,5537,511416,2553,487858,,466243,5423,449098,16510,438010,160681,293840,304800,149721,448920,5601,452653,1867,456832,64,464122,xe" fillcolor="silver" stroked="f">
                    <v:fill opacity="32639f"/>
                    <v:stroke joinstyle="miter"/>
                    <v:formulas/>
                    <v:path arrowok="t" o:extrusionok="f" o:connecttype="custom" textboxrect="0,0,1630426,2019160"/>
                    <v:textbox inset="2.53958mm,2.53958mm,2.53958mm,2.53958mm">
                      <w:txbxContent>
                        <w:p w14:paraId="1020CA64" w14:textId="77777777" w:rsidR="00CF54CB" w:rsidRDefault="00CF54CB">
                          <w:pPr>
                            <w:spacing w:after="0" w:line="240" w:lineRule="auto"/>
                            <w:ind w:left="0" w:firstLine="0"/>
                            <w:jc w:val="left"/>
                            <w:textDirection w:val="btLr"/>
                          </w:pPr>
                        </w:p>
                      </w:txbxContent>
                    </v:textbox>
                  </v:shape>
                  <v:shape id="Freeform: Shape 117526" o:spid="_x0000_s1170" style="position:absolute;left:32132;width:19381;height:19382;visibility:visible;mso-wrap-style:square;v-text-anchor:middle" coordsize="1938096,193822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" adj="-11796480,,5400" path="m690855,v6540,686,14325,2362,23673,7353c723938,12395,735025,20371,746557,30404v12649,11277,26594,23609,42177,39192c804253,85115,816585,99073,826681,110528v10033,11532,18009,22619,21870,30848c853529,150724,855218,158509,855904,165049v-64,7290,-2616,12218,-6363,15951c759384,271158,669290,361251,579133,451409v447357,447357,894778,894778,1342136,1342136c1927251,1799526,1932419,1806321,1935036,1813293v2616,6985,3060,13526,317,21120c1933855,1843265,1930184,1851559,1924444,1862150v-6973,9348,-16193,20930,-28842,33579c1883702,1907629,1872107,1916849,1862760,1923834v-10592,5728,-19621,10147,-28473,11646c1826692,1938223,1820202,1937728,1813167,1935163v-6973,-2617,-13704,-7849,-19686,-13831c1346124,1473975,898703,1026554,451345,579196,361188,669354,271031,759511,180873,849668v-3682,3683,-8597,6236,-15201,5614c158382,855345,151333,852919,141986,847928v-8217,-3861,-19304,-11836,-30772,-21933c98933,816712,85039,804316,69533,788797,53950,773227,41554,759333,31090,745871,20993,734403,13018,723316,7976,713905,2985,704558,559,697522,622,690232,,683628,2553,678701,6223,675030,229159,452095,452031,229222,674903,6350,678637,2616,683565,63,690855,xe" fillcolor="silver" stroked="f">
                    <v:fill opacity="32639f"/>
                    <v:stroke joinstyle="miter"/>
                    <v:formulas/>
                    <v:path arrowok="t" o:extrusionok="f" o:connecttype="custom" textboxrect="0,0,1938096,1938223"/>
                    <v:textbox inset="2.53958mm,2.53958mm,2.53958mm,2.53958mm">
                      <w:txbxContent>
                        <w:p w14:paraId="2511FDA4" w14:textId="77777777" w:rsidR="00CF54CB" w:rsidRDefault="00CF54CB">
                          <w:pPr>
                            <w:spacing w:after="0" w:line="240" w:lineRule="auto"/>
                            <w:ind w:left="0" w:firstLine="0"/>
                            <w:jc w:val="left"/>
                            <w:textDirection w:val="btLr"/>
                          </w:pPr>
                        </w:p>
                      </w:txbxContent>
                    </v:textbox>
                  </v:shape>
                </v:group>
              </v:group>
            </w:pict>
          </mc:Fallback>
        </mc:AlternateContent>
      </w:r>
    </w:p>
    <w:p w14:paraId="1A4C09F7" w14:textId="77777777" w:rsidR="00CF54CB" w:rsidRDefault="00344004">
      <w:pPr>
        <w:spacing w:after="272" w:line="242" w:lineRule="auto"/>
        <w:ind w:left="-11" w:right="59" w:firstLine="710"/>
        <w:jc w:val="left"/>
      </w:pPr>
      <w:r>
        <w:t>The Pennsylvania CD statute</w:t>
      </w:r>
      <w:r>
        <w:rPr>
          <w:rFonts w:ascii="ZWAdobeF" w:eastAsia="ZWAdobeF" w:hAnsi="ZWAdobeF" w:cs="ZWAdobeF"/>
          <w:sz w:val="2"/>
          <w:szCs w:val="2"/>
        </w:rPr>
        <w:t>17F</w:t>
      </w:r>
      <w:r>
        <w:rPr>
          <w:vertAlign w:val="superscript"/>
        </w:rPr>
        <w:footnoteReference w:id="20"/>
      </w:r>
      <w:r>
        <w:t xml:space="preserve"> was enacted in 1990 and is </w:t>
      </w:r>
      <w:sdt>
        <w:sdtPr>
          <w:tag w:val="goog_rdk_110"/>
          <w:id w:val="1680549970"/>
        </w:sdtPr>
        <w:sdtEndPr/>
        <w:sdtContent>
          <w:del w:id="179" w:author="Daveline, Dan" w:date="2021-12-16T12:02:00Z">
            <w:r>
              <w:delText>the subject of</w:delText>
            </w:r>
          </w:del>
        </w:sdtContent>
      </w:sdt>
      <w:sdt>
        <w:sdtPr>
          <w:tag w:val="goog_rdk_111"/>
          <w:id w:val="549658364"/>
        </w:sdtPr>
        <w:sdtEndPr/>
        <w:sdtContent>
          <w:ins w:id="180" w:author="Daveline, Dan" w:date="2021-12-16T12:02:00Z">
            <w:r>
              <w:t>discussed in</w:t>
            </w:r>
          </w:ins>
        </w:sdtContent>
      </w:sdt>
      <w:r>
        <w:t xml:space="preserve"> the NAIC 1997 white paper on Liability</w:t>
      </w:r>
      <w:sdt>
        <w:sdtPr>
          <w:tag w:val="goog_rdk_112"/>
          <w:id w:val="-322890054"/>
        </w:sdtPr>
        <w:sdtEndPr/>
        <w:sdtContent>
          <w:ins w:id="181" w:author="Daveline, Dan" w:date="2021-12-16T12:03:00Z">
            <w:r>
              <w:t>-</w:t>
            </w:r>
          </w:ins>
        </w:sdtContent>
      </w:sdt>
      <w:sdt>
        <w:sdtPr>
          <w:tag w:val="goog_rdk_113"/>
          <w:id w:val="792715464"/>
        </w:sdtPr>
        <w:sdtEndPr/>
        <w:sdtContent>
          <w:del w:id="182" w:author="Daveline, Dan" w:date="2021-12-16T12:03:00Z">
            <w:r>
              <w:delText xml:space="preserve"> </w:delText>
            </w:r>
          </w:del>
        </w:sdtContent>
      </w:sdt>
      <w:r>
        <w:t>Based Restructuring</w:t>
      </w:r>
      <w:sdt>
        <w:sdtPr>
          <w:tag w:val="goog_rdk_114"/>
          <w:id w:val="-819182851"/>
        </w:sdtPr>
        <w:sdtEndPr/>
        <w:sdtContent>
          <w:ins w:id="183" w:author="Daveline, Dan" w:date="2021-12-16T12:03:00Z">
            <w:r>
              <w:t>, attached to this paper as an appendix</w:t>
            </w:r>
          </w:ins>
        </w:sdtContent>
      </w:sdt>
      <w:r>
        <w:t>. The statute upon which the transaction discussed in the 1997 white paper is based is not specific to insurance. The law is brief with only four paragraphs—requiring the plan to be submitted in writing, reasonable notice and opportunity for a hearing, investigations and supplemental studies and approval through an order from the Department and subject to judicial review. The associated procedural regulations essentially are those that exist under the state</w:t>
      </w:r>
      <w:sdt>
        <w:sdtPr>
          <w:tag w:val="goog_rdk_115"/>
          <w:id w:val="1143386495"/>
        </w:sdtPr>
        <w:sdtEndPr/>
        <w:sdtContent>
          <w:ins w:id="184" w:author="Daveline, Dan" w:date="2021-12-16T12:04:00Z">
            <w:r>
              <w:t>’</w:t>
            </w:r>
          </w:ins>
        </w:sdtContent>
      </w:sdt>
      <w:r>
        <w:t xml:space="preserve">s equivalent of the NAIC Insurance Holding Company System Regulatory Act (Model 440).  </w:t>
      </w:r>
    </w:p>
    <w:p w14:paraId="722719CD" w14:textId="77777777" w:rsidR="00CF54CB" w:rsidRDefault="00344004">
      <w:pPr>
        <w:spacing w:after="272" w:line="242" w:lineRule="auto"/>
        <w:ind w:left="-11" w:right="59" w:firstLine="710"/>
        <w:jc w:val="left"/>
      </w:pPr>
      <w:r>
        <w:t xml:space="preserve">While the Rhode Island, Oklahoma and Arkansas laws have approval processes that are similar to UK Part VII transfers, there are differences between the three statutes. Rhode Island permits transfers of mature (at least 60 months) closed commercial property and casualty books of business or non-life reinsurance but no other lines of business. Oklahoma does not have similar restrictions and specifically allows property and casualty, life, and health lines of business. Oklahoma and Arkansas do not require the book of business to be closed. </w:t>
      </w:r>
      <w:r>
        <w:rPr>
          <w:b/>
        </w:rPr>
        <w:t xml:space="preserve"> </w:t>
      </w:r>
    </w:p>
    <w:p w14:paraId="6115BBD7" w14:textId="25624430" w:rsidR="00CF54CB" w:rsidRDefault="00344004">
      <w:pPr>
        <w:spacing w:after="301" w:line="242" w:lineRule="auto"/>
        <w:ind w:left="-11" w:right="59" w:firstLine="710"/>
        <w:jc w:val="left"/>
      </w:pPr>
      <w:r>
        <w:t xml:space="preserve">While the CD laws enacted to date all require regulatory review of the effect on policyholders, balance sheet considerations and other operational requirements, the most significant differences that exist in CD laws are not among themselves, but rather in comparison to the IBT statutes. This is because </w:t>
      </w:r>
      <w:ins w:id="185" w:author="Daveline, Dan" w:date="2021-12-20T13:58:00Z">
        <w:r w:rsidR="006C2BF7">
          <w:t>with the ex</w:t>
        </w:r>
        <w:r w:rsidR="00126C5C">
          <w:t xml:space="preserve">ception of Colorado and Iowa, </w:t>
        </w:r>
      </w:ins>
      <w:r>
        <w:t xml:space="preserve">the CD statutes do not require approval by a court or the same level of notification to policyholders. In addition, </w:t>
      </w:r>
      <w:r>
        <w:lastRenderedPageBreak/>
        <w:t xml:space="preserve">while CD states reserve the right to hire their own external expert—similar to a Form A (Change in Control), these states may perform their review based upon their own internal experts.  </w:t>
      </w:r>
    </w:p>
    <w:p w14:paraId="19D41660" w14:textId="77777777" w:rsidR="00CF54CB" w:rsidRDefault="00344004" w:rsidP="00B078CA">
      <w:pPr>
        <w:pStyle w:val="Heading2"/>
      </w:pPr>
      <w:r>
        <w:t>B.</w:t>
      </w:r>
      <w:r>
        <w:tab/>
        <w:t>Transactions Completed to Date</w:t>
      </w:r>
    </w:p>
    <w:p w14:paraId="786B3098" w14:textId="77777777" w:rsidR="00CF54CB" w:rsidRDefault="00344004">
      <w:pPr>
        <w:spacing w:after="312" w:line="242" w:lineRule="auto"/>
        <w:ind w:left="-11" w:right="59" w:firstLine="710"/>
        <w:jc w:val="left"/>
      </w:pPr>
      <w:r>
        <w:t xml:space="preserve">One of the earliest transactions completed under these types of laws occurred in Pennsylvania in </w:t>
      </w:r>
      <w:sdt>
        <w:sdtPr>
          <w:tag w:val="goog_rdk_116"/>
          <w:id w:val="-869595644"/>
        </w:sdtPr>
        <w:sdtEndPr/>
        <w:sdtContent>
          <w:ins w:id="186" w:author="Daveline, Dan" w:date="2021-12-16T12:11:00Z">
            <w:r>
              <w:t>1995, when the Pennsylvania Insurance Department approved a division of the Cigna Corporation, which is commonly referred to as the “Brandywine transaction,” after the name of one of the resulting insurers</w:t>
            </w:r>
          </w:ins>
        </w:sdtContent>
      </w:sdt>
      <w:sdt>
        <w:sdtPr>
          <w:tag w:val="goog_rdk_117"/>
          <w:id w:val="601850793"/>
        </w:sdtPr>
        <w:sdtEndPr/>
        <w:sdtContent>
          <w:del w:id="187" w:author="Daveline, Dan" w:date="2021-12-16T12:11:00Z">
            <w:r>
              <w:delText>announced that it had approved a transaction that transferred a book of business from one entity to another</w:delText>
            </w:r>
          </w:del>
        </w:sdtContent>
      </w:sdt>
      <w:r>
        <w:t xml:space="preserve">. This transaction is discussed </w:t>
      </w:r>
      <w:sdt>
        <w:sdtPr>
          <w:tag w:val="goog_rdk_118"/>
          <w:id w:val="1014032295"/>
        </w:sdtPr>
        <w:sdtEndPr/>
        <w:sdtContent>
          <w:ins w:id="188" w:author="Daveline, Dan" w:date="2021-12-16T12:12:00Z">
            <w:r>
              <w:t xml:space="preserve">in more detail </w:t>
            </w:r>
          </w:ins>
        </w:sdtContent>
      </w:sdt>
      <w:r>
        <w:t xml:space="preserve">within </w:t>
      </w:r>
      <w:sdt>
        <w:sdtPr>
          <w:tag w:val="goog_rdk_119"/>
          <w:id w:val="1556973824"/>
        </w:sdtPr>
        <w:sdtEndPr/>
        <w:sdtContent>
          <w:del w:id="189" w:author="Daveline, Dan" w:date="2021-12-16T12:13:00Z">
            <w:r>
              <w:delText xml:space="preserve">Attachment 1, which is </w:delText>
            </w:r>
          </w:del>
        </w:sdtContent>
      </w:sdt>
      <w:sdt>
        <w:sdtPr>
          <w:tag w:val="goog_rdk_120"/>
          <w:id w:val="577562055"/>
        </w:sdtPr>
        <w:sdtEndPr/>
        <w:sdtContent>
          <w:ins w:id="190" w:author="Daveline, Dan" w:date="2021-12-16T12:13:00Z">
            <w:r>
              <w:t xml:space="preserve">Appendix 1 of </w:t>
            </w:r>
          </w:ins>
        </w:sdtContent>
      </w:sdt>
      <w:r>
        <w:t>the 1997 Liability-Based Restructuring White Paper</w:t>
      </w:r>
      <w:sdt>
        <w:sdtPr>
          <w:tag w:val="goog_rdk_121"/>
          <w:id w:val="-2123913325"/>
        </w:sdtPr>
        <w:sdtEndPr/>
        <w:sdtContent>
          <w:ins w:id="191" w:author="Daveline, Dan" w:date="2021-12-16T12:26:00Z">
            <w:r>
              <w:t>, but having been approved, ultimately resulted in the proposed business within the transaction to be transferred to another insurance group.</w:t>
            </w:r>
          </w:ins>
        </w:sdtContent>
      </w:sdt>
      <w:sdt>
        <w:sdtPr>
          <w:tag w:val="goog_rdk_122"/>
          <w:id w:val="449508370"/>
        </w:sdtPr>
        <w:sdtEndPr/>
        <w:sdtContent>
          <w:del w:id="192" w:author="Daveline, Dan" w:date="2021-12-16T12:26:00Z">
            <w:r>
              <w:delText>, and is commonly referred to as “the Brandywine” transaction, but within the 1997 White Paper is discussed within Appendix 1 and relates to Cigna, where more information is available. During the Working Group’s discussions in 2019, the Pennsylvania Insurance Department, which is captured in the following paragraph.</w:delText>
            </w:r>
          </w:del>
        </w:sdtContent>
      </w:sdt>
      <w:r>
        <w:t xml:space="preserve"> </w:t>
      </w:r>
    </w:p>
    <w:p w14:paraId="4334419D" w14:textId="77777777" w:rsidR="00CF54CB" w:rsidRDefault="00344004">
      <w:pPr>
        <w:spacing w:after="272" w:line="242" w:lineRule="auto"/>
        <w:ind w:left="-11" w:right="59" w:firstLine="710"/>
        <w:jc w:val="left"/>
      </w:pPr>
      <w:r>
        <w:t xml:space="preserve">The Brandywine transaction was subject to an insurance department review, which included an actuarial review, a review of the financial information by a consultant and participation by other states that had an interest to understand how the plan would be restructured. There were four actuarial firms that opined on the transaction as well as two opinions from investment banks, one contracted by the insurer and another contracted by the Department. Issues regarding guaranty coverage were not addressed, but it did require Pennsylvania policyholders to be covered by the Pennsylvania fund. Confidentiality was applied to any examination document prepared in the process, actuarial reports, and questions and comments, but insurer responses were made available to the public. The transaction was a large commercial transaction and </w:t>
      </w:r>
      <w:sdt>
        <w:sdtPr>
          <w:tag w:val="goog_rdk_123"/>
          <w:id w:val="-1007668559"/>
        </w:sdtPr>
        <w:sdtEndPr/>
        <w:sdtContent>
          <w:ins w:id="193" w:author="Daveline, Dan" w:date="2021-12-16T12:16:00Z">
            <w:r>
              <w:t xml:space="preserve">therefore had less direct impact on individual </w:t>
            </w:r>
          </w:ins>
        </w:sdtContent>
      </w:sdt>
      <w:sdt>
        <w:sdtPr>
          <w:tag w:val="goog_rdk_124"/>
          <w:id w:val="19982313"/>
        </w:sdtPr>
        <w:sdtEndPr/>
        <w:sdtContent>
          <w:del w:id="194" w:author="Daveline, Dan" w:date="2021-12-16T12:16:00Z">
            <w:r>
              <w:delText xml:space="preserve">immaterial to the </w:delText>
            </w:r>
          </w:del>
        </w:sdtContent>
      </w:sdt>
      <w:r>
        <w:t xml:space="preserve">policyholders, therefore reducing some of the concerns that may have otherwise existed.   </w:t>
      </w:r>
      <w:r>
        <w:rPr>
          <w:noProof/>
        </w:rPr>
        <mc:AlternateContent>
          <mc:Choice Requires="wpg">
            <w:drawing>
              <wp:anchor distT="0" distB="0" distL="0" distR="0" simplePos="0" relativeHeight="251659264" behindDoc="1" locked="0" layoutInCell="1" hidden="0" allowOverlap="1" wp14:anchorId="4C0D88C6" wp14:editId="49A3CF23">
                <wp:simplePos x="0" y="0"/>
                <wp:positionH relativeFrom="column">
                  <wp:posOffset>0</wp:posOffset>
                </wp:positionH>
                <wp:positionV relativeFrom="paragraph">
                  <wp:posOffset>-165099</wp:posOffset>
                </wp:positionV>
                <wp:extent cx="5564092" cy="5590397"/>
                <wp:effectExtent l="0" t="0" r="0" b="0"/>
                <wp:wrapNone/>
                <wp:docPr id="117527" name="Group 117527" descr="P157#y1"/>
                <wp:cNvGraphicFramePr/>
                <a:graphic xmlns:a="http://schemas.openxmlformats.org/drawingml/2006/main">
                  <a:graphicData uri="http://schemas.microsoft.com/office/word/2010/wordprocessingGroup">
                    <wpg:wgp>
                      <wpg:cNvGrpSpPr/>
                      <wpg:grpSpPr>
                        <a:xfrm>
                          <a:off x="0" y="0"/>
                          <a:ext cx="5564092" cy="5590397"/>
                          <a:chOff x="2563954" y="984802"/>
                          <a:chExt cx="5564092" cy="5590397"/>
                        </a:xfrm>
                      </wpg:grpSpPr>
                      <wpg:grpSp>
                        <wpg:cNvPr id="117528" name="Group 117528"/>
                        <wpg:cNvGrpSpPr/>
                        <wpg:grpSpPr>
                          <a:xfrm>
                            <a:off x="2563954" y="984802"/>
                            <a:ext cx="5564092" cy="5590397"/>
                            <a:chOff x="0" y="0"/>
                            <a:chExt cx="5564092" cy="5590397"/>
                          </a:xfrm>
                        </wpg:grpSpPr>
                        <wps:wsp>
                          <wps:cNvPr id="117529" name="Rectangle 117529"/>
                          <wps:cNvSpPr/>
                          <wps:spPr>
                            <a:xfrm>
                              <a:off x="0" y="0"/>
                              <a:ext cx="5564075" cy="5590375"/>
                            </a:xfrm>
                            <a:prstGeom prst="rect">
                              <a:avLst/>
                            </a:prstGeom>
                            <a:noFill/>
                            <a:ln>
                              <a:noFill/>
                            </a:ln>
                          </wps:spPr>
                          <wps:txbx>
                            <w:txbxContent>
                              <w:p w14:paraId="2699346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30" name="Freeform: Shape 117530"/>
                          <wps:cNvSpPr/>
                          <wps:spPr>
                            <a:xfrm>
                              <a:off x="412784" y="3484466"/>
                              <a:ext cx="1000596" cy="1472664"/>
                            </a:xfrm>
                            <a:custGeom>
                              <a:avLst/>
                              <a:gdLst/>
                              <a:ahLst/>
                              <a:cxnLst/>
                              <a:rect l="l" t="t" r="r" b="b"/>
                              <a:pathLst>
                                <a:path w="1000596" h="1472664" extrusionOk="0">
                                  <a:moveTo>
                                    <a:pt x="639526" y="592"/>
                                  </a:moveTo>
                                  <a:cubicBezTo>
                                    <a:pt x="688638" y="1184"/>
                                    <a:pt x="739197" y="7756"/>
                                    <a:pt x="791032" y="20837"/>
                                  </a:cubicBezTo>
                                  <a:cubicBezTo>
                                    <a:pt x="843153" y="34890"/>
                                    <a:pt x="896506" y="53877"/>
                                    <a:pt x="950816" y="78416"/>
                                  </a:cubicBezTo>
                                  <a:lnTo>
                                    <a:pt x="1000596" y="103292"/>
                                  </a:lnTo>
                                  <a:lnTo>
                                    <a:pt x="1000596" y="330497"/>
                                  </a:lnTo>
                                  <a:lnTo>
                                    <a:pt x="954591" y="304878"/>
                                  </a:lnTo>
                                  <a:cubicBezTo>
                                    <a:pt x="913406" y="283927"/>
                                    <a:pt x="872750" y="267167"/>
                                    <a:pt x="832777" y="254238"/>
                                  </a:cubicBezTo>
                                  <a:cubicBezTo>
                                    <a:pt x="772874" y="234893"/>
                                    <a:pt x="715315" y="227570"/>
                                    <a:pt x="659761" y="230085"/>
                                  </a:cubicBezTo>
                                  <a:cubicBezTo>
                                    <a:pt x="641243" y="230923"/>
                                    <a:pt x="622948" y="232854"/>
                                    <a:pt x="604863" y="235798"/>
                                  </a:cubicBezTo>
                                  <a:cubicBezTo>
                                    <a:pt x="532460" y="247507"/>
                                    <a:pt x="463931" y="288134"/>
                                    <a:pt x="397827" y="354238"/>
                                  </a:cubicBezTo>
                                  <a:cubicBezTo>
                                    <a:pt x="354521" y="397545"/>
                                    <a:pt x="311150" y="440915"/>
                                    <a:pt x="267792" y="484273"/>
                                  </a:cubicBezTo>
                                  <a:lnTo>
                                    <a:pt x="1000596" y="1217085"/>
                                  </a:lnTo>
                                  <a:lnTo>
                                    <a:pt x="1000596" y="1472664"/>
                                  </a:lnTo>
                                  <a:lnTo>
                                    <a:pt x="52705" y="524773"/>
                                  </a:lnTo>
                                  <a:cubicBezTo>
                                    <a:pt x="21615" y="493684"/>
                                    <a:pt x="5537" y="466887"/>
                                    <a:pt x="2553" y="443341"/>
                                  </a:cubicBezTo>
                                  <a:cubicBezTo>
                                    <a:pt x="0" y="421725"/>
                                    <a:pt x="5410" y="404580"/>
                                    <a:pt x="16574" y="393430"/>
                                  </a:cubicBezTo>
                                  <a:cubicBezTo>
                                    <a:pt x="89090" y="320913"/>
                                    <a:pt x="161684" y="248320"/>
                                    <a:pt x="234201" y="175790"/>
                                  </a:cubicBezTo>
                                  <a:cubicBezTo>
                                    <a:pt x="317449" y="92554"/>
                                    <a:pt x="404609" y="37906"/>
                                    <a:pt x="496697" y="16227"/>
                                  </a:cubicBezTo>
                                  <a:cubicBezTo>
                                    <a:pt x="542747" y="5388"/>
                                    <a:pt x="590414" y="0"/>
                                    <a:pt x="639526" y="592"/>
                                  </a:cubicBezTo>
                                  <a:close/>
                                </a:path>
                              </a:pathLst>
                            </a:custGeom>
                            <a:solidFill>
                              <a:srgbClr val="C0C0C0">
                                <a:alpha val="49803"/>
                              </a:srgbClr>
                            </a:solidFill>
                            <a:ln>
                              <a:noFill/>
                            </a:ln>
                          </wps:spPr>
                          <wps:txbx>
                            <w:txbxContent>
                              <w:p w14:paraId="780A75CE"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31" name="Freeform: Shape 117531"/>
                          <wps:cNvSpPr/>
                          <wps:spPr>
                            <a:xfrm>
                              <a:off x="1413380" y="3587758"/>
                              <a:ext cx="959243" cy="1854524"/>
                            </a:xfrm>
                            <a:custGeom>
                              <a:avLst/>
                              <a:gdLst/>
                              <a:ahLst/>
                              <a:cxnLst/>
                              <a:rect l="l" t="t" r="r" b="b"/>
                              <a:pathLst>
                                <a:path w="959243" h="1854524" extrusionOk="0">
                                  <a:moveTo>
                                    <a:pt x="0" y="0"/>
                                  </a:moveTo>
                                  <a:lnTo>
                                    <a:pt x="32368" y="16175"/>
                                  </a:lnTo>
                                  <a:cubicBezTo>
                                    <a:pt x="59967" y="31299"/>
                                    <a:pt x="87772" y="47889"/>
                                    <a:pt x="115747" y="66021"/>
                                  </a:cubicBezTo>
                                  <a:cubicBezTo>
                                    <a:pt x="227583" y="138487"/>
                                    <a:pt x="342785" y="233623"/>
                                    <a:pt x="458863" y="349701"/>
                                  </a:cubicBezTo>
                                  <a:cubicBezTo>
                                    <a:pt x="592822" y="483660"/>
                                    <a:pt x="699172" y="611575"/>
                                    <a:pt x="777366" y="732136"/>
                                  </a:cubicBezTo>
                                  <a:cubicBezTo>
                                    <a:pt x="856817" y="853815"/>
                                    <a:pt x="907401" y="967340"/>
                                    <a:pt x="933322" y="1073766"/>
                                  </a:cubicBezTo>
                                  <a:cubicBezTo>
                                    <a:pt x="959243" y="1180179"/>
                                    <a:pt x="957185" y="1280928"/>
                                    <a:pt x="930833" y="1372953"/>
                                  </a:cubicBezTo>
                                  <a:cubicBezTo>
                                    <a:pt x="904467" y="1464863"/>
                                    <a:pt x="849832" y="1552022"/>
                                    <a:pt x="767396" y="1634458"/>
                                  </a:cubicBezTo>
                                  <a:cubicBezTo>
                                    <a:pt x="699553" y="1702302"/>
                                    <a:pt x="631697" y="1770158"/>
                                    <a:pt x="563841" y="1838013"/>
                                  </a:cubicBezTo>
                                  <a:cubicBezTo>
                                    <a:pt x="552690" y="1849165"/>
                                    <a:pt x="535494" y="1854524"/>
                                    <a:pt x="512749" y="1850841"/>
                                  </a:cubicBezTo>
                                  <a:cubicBezTo>
                                    <a:pt x="490384" y="1849038"/>
                                    <a:pt x="463587" y="1832959"/>
                                    <a:pt x="432497" y="1801870"/>
                                  </a:cubicBezTo>
                                  <a:lnTo>
                                    <a:pt x="0" y="1369372"/>
                                  </a:lnTo>
                                  <a:lnTo>
                                    <a:pt x="0" y="1113793"/>
                                  </a:lnTo>
                                  <a:lnTo>
                                    <a:pt x="471753" y="1585551"/>
                                  </a:lnTo>
                                  <a:cubicBezTo>
                                    <a:pt x="515619" y="1541685"/>
                                    <a:pt x="559485" y="1497819"/>
                                    <a:pt x="603287" y="1454017"/>
                                  </a:cubicBezTo>
                                  <a:cubicBezTo>
                                    <a:pt x="664971" y="1392333"/>
                                    <a:pt x="704849" y="1329277"/>
                                    <a:pt x="721486" y="1261675"/>
                                  </a:cubicBezTo>
                                  <a:cubicBezTo>
                                    <a:pt x="738123" y="1194073"/>
                                    <a:pt x="737247" y="1122051"/>
                                    <a:pt x="713320" y="1042550"/>
                                  </a:cubicBezTo>
                                  <a:cubicBezTo>
                                    <a:pt x="689520" y="963047"/>
                                    <a:pt x="648651" y="877691"/>
                                    <a:pt x="584656" y="786035"/>
                                  </a:cubicBezTo>
                                  <a:cubicBezTo>
                                    <a:pt x="521918" y="695623"/>
                                    <a:pt x="438047" y="597808"/>
                                    <a:pt x="332751" y="492512"/>
                                  </a:cubicBezTo>
                                  <a:cubicBezTo>
                                    <a:pt x="249020" y="408768"/>
                                    <a:pt x="164400" y="337991"/>
                                    <a:pt x="78980" y="277361"/>
                                  </a:cubicBezTo>
                                  <a:cubicBezTo>
                                    <a:pt x="57936" y="262518"/>
                                    <a:pt x="36986" y="248812"/>
                                    <a:pt x="16149" y="236197"/>
                                  </a:cubicBezTo>
                                  <a:lnTo>
                                    <a:pt x="0" y="227205"/>
                                  </a:lnTo>
                                  <a:lnTo>
                                    <a:pt x="0" y="0"/>
                                  </a:lnTo>
                                  <a:close/>
                                </a:path>
                              </a:pathLst>
                            </a:custGeom>
                            <a:solidFill>
                              <a:srgbClr val="C0C0C0">
                                <a:alpha val="49803"/>
                              </a:srgbClr>
                            </a:solidFill>
                            <a:ln>
                              <a:noFill/>
                            </a:ln>
                          </wps:spPr>
                          <wps:txbx>
                            <w:txbxContent>
                              <w:p w14:paraId="41758862"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32" name="Freeform: Shape 117532"/>
                          <wps:cNvSpPr/>
                          <wps:spPr>
                            <a:xfrm>
                              <a:off x="1348938" y="2590207"/>
                              <a:ext cx="628690" cy="1058861"/>
                            </a:xfrm>
                            <a:custGeom>
                              <a:avLst/>
                              <a:gdLst/>
                              <a:ahLst/>
                              <a:cxnLst/>
                              <a:rect l="l" t="t" r="r" b="b"/>
                              <a:pathLst>
                                <a:path w="628690" h="1058861" extrusionOk="0">
                                  <a:moveTo>
                                    <a:pt x="559321" y="2040"/>
                                  </a:moveTo>
                                  <a:cubicBezTo>
                                    <a:pt x="572297" y="3060"/>
                                    <a:pt x="585367" y="4730"/>
                                    <a:pt x="598565" y="7135"/>
                                  </a:cubicBezTo>
                                  <a:lnTo>
                                    <a:pt x="628690" y="14286"/>
                                  </a:lnTo>
                                  <a:lnTo>
                                    <a:pt x="628690" y="238084"/>
                                  </a:lnTo>
                                  <a:lnTo>
                                    <a:pt x="623625" y="236432"/>
                                  </a:lnTo>
                                  <a:cubicBezTo>
                                    <a:pt x="609005" y="233143"/>
                                    <a:pt x="594429" y="231336"/>
                                    <a:pt x="579896" y="230970"/>
                                  </a:cubicBezTo>
                                  <a:cubicBezTo>
                                    <a:pt x="550831" y="230238"/>
                                    <a:pt x="521938" y="235271"/>
                                    <a:pt x="493217" y="245742"/>
                                  </a:cubicBezTo>
                                  <a:cubicBezTo>
                                    <a:pt x="474523" y="252219"/>
                                    <a:pt x="457632" y="262252"/>
                                    <a:pt x="439636" y="275396"/>
                                  </a:cubicBezTo>
                                  <a:cubicBezTo>
                                    <a:pt x="421627" y="288541"/>
                                    <a:pt x="399631" y="308175"/>
                                    <a:pt x="374332" y="333461"/>
                                  </a:cubicBezTo>
                                  <a:cubicBezTo>
                                    <a:pt x="338442" y="369351"/>
                                    <a:pt x="302489" y="405304"/>
                                    <a:pt x="266611" y="441194"/>
                                  </a:cubicBezTo>
                                  <a:lnTo>
                                    <a:pt x="628690" y="803273"/>
                                  </a:lnTo>
                                  <a:lnTo>
                                    <a:pt x="628690" y="1058861"/>
                                  </a:lnTo>
                                  <a:lnTo>
                                    <a:pt x="52705" y="482876"/>
                                  </a:lnTo>
                                  <a:cubicBezTo>
                                    <a:pt x="21615" y="451786"/>
                                    <a:pt x="5537" y="424990"/>
                                    <a:pt x="2553" y="401444"/>
                                  </a:cubicBezTo>
                                  <a:cubicBezTo>
                                    <a:pt x="0" y="379828"/>
                                    <a:pt x="5359" y="362747"/>
                                    <a:pt x="16510" y="351596"/>
                                  </a:cubicBezTo>
                                  <a:cubicBezTo>
                                    <a:pt x="84607" y="283499"/>
                                    <a:pt x="152705" y="215401"/>
                                    <a:pt x="220815" y="147291"/>
                                  </a:cubicBezTo>
                                  <a:cubicBezTo>
                                    <a:pt x="245364" y="122742"/>
                                    <a:pt x="266611" y="103870"/>
                                    <a:pt x="284112" y="88731"/>
                                  </a:cubicBezTo>
                                  <a:cubicBezTo>
                                    <a:pt x="302247" y="75574"/>
                                    <a:pt x="319316" y="62989"/>
                                    <a:pt x="334454" y="52841"/>
                                  </a:cubicBezTo>
                                  <a:cubicBezTo>
                                    <a:pt x="382499" y="26730"/>
                                    <a:pt x="430479" y="8785"/>
                                    <a:pt x="482308" y="3058"/>
                                  </a:cubicBezTo>
                                  <a:cubicBezTo>
                                    <a:pt x="507791" y="562"/>
                                    <a:pt x="533368" y="0"/>
                                    <a:pt x="559321" y="2040"/>
                                  </a:cubicBezTo>
                                  <a:close/>
                                </a:path>
                              </a:pathLst>
                            </a:custGeom>
                            <a:solidFill>
                              <a:srgbClr val="C0C0C0">
                                <a:alpha val="49803"/>
                              </a:srgbClr>
                            </a:solidFill>
                            <a:ln>
                              <a:noFill/>
                            </a:ln>
                          </wps:spPr>
                          <wps:txbx>
                            <w:txbxContent>
                              <w:p w14:paraId="2AB489C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33" name="Freeform: Shape 117533"/>
                          <wps:cNvSpPr/>
                          <wps:spPr>
                            <a:xfrm>
                              <a:off x="1977628" y="2604493"/>
                              <a:ext cx="1516569" cy="1918460"/>
                            </a:xfrm>
                            <a:custGeom>
                              <a:avLst/>
                              <a:gdLst/>
                              <a:ahLst/>
                              <a:cxnLst/>
                              <a:rect l="l" t="t" r="r" b="b"/>
                              <a:pathLst>
                                <a:path w="1516569" h="1918460" extrusionOk="0">
                                  <a:moveTo>
                                    <a:pt x="0" y="0"/>
                                  </a:moveTo>
                                  <a:lnTo>
                                    <a:pt x="9892" y="2348"/>
                                  </a:lnTo>
                                  <a:cubicBezTo>
                                    <a:pt x="63714" y="18172"/>
                                    <a:pt x="117118" y="40918"/>
                                    <a:pt x="170890" y="75742"/>
                                  </a:cubicBezTo>
                                  <a:cubicBezTo>
                                    <a:pt x="224661" y="110577"/>
                                    <a:pt x="278370" y="154939"/>
                                    <a:pt x="332192" y="208774"/>
                                  </a:cubicBezTo>
                                  <a:cubicBezTo>
                                    <a:pt x="383602" y="260171"/>
                                    <a:pt x="425652" y="311453"/>
                                    <a:pt x="458303" y="360171"/>
                                  </a:cubicBezTo>
                                  <a:cubicBezTo>
                                    <a:pt x="491450" y="410767"/>
                                    <a:pt x="514133" y="459611"/>
                                    <a:pt x="529271" y="506906"/>
                                  </a:cubicBezTo>
                                  <a:cubicBezTo>
                                    <a:pt x="545590" y="555382"/>
                                    <a:pt x="552944" y="602359"/>
                                    <a:pt x="553134" y="648156"/>
                                  </a:cubicBezTo>
                                  <a:cubicBezTo>
                                    <a:pt x="553261" y="693889"/>
                                    <a:pt x="547521" y="739367"/>
                                    <a:pt x="535189" y="783233"/>
                                  </a:cubicBezTo>
                                  <a:cubicBezTo>
                                    <a:pt x="561542" y="778687"/>
                                    <a:pt x="590764" y="777632"/>
                                    <a:pt x="620114" y="782052"/>
                                  </a:cubicBezTo>
                                  <a:cubicBezTo>
                                    <a:pt x="650645" y="787653"/>
                                    <a:pt x="683792" y="794765"/>
                                    <a:pt x="718742" y="807909"/>
                                  </a:cubicBezTo>
                                  <a:cubicBezTo>
                                    <a:pt x="753692" y="820927"/>
                                    <a:pt x="791831" y="837500"/>
                                    <a:pt x="832445" y="859179"/>
                                  </a:cubicBezTo>
                                  <a:cubicBezTo>
                                    <a:pt x="873073" y="880871"/>
                                    <a:pt x="918437" y="904670"/>
                                    <a:pt x="967472" y="934757"/>
                                  </a:cubicBezTo>
                                  <a:cubicBezTo>
                                    <a:pt x="1109470" y="1020304"/>
                                    <a:pt x="1252587" y="1103857"/>
                                    <a:pt x="1394522" y="1189468"/>
                                  </a:cubicBezTo>
                                  <a:cubicBezTo>
                                    <a:pt x="1429904" y="1211655"/>
                                    <a:pt x="1454771" y="1227289"/>
                                    <a:pt x="1467725" y="1235886"/>
                                  </a:cubicBezTo>
                                  <a:cubicBezTo>
                                    <a:pt x="1481872" y="1245666"/>
                                    <a:pt x="1492274" y="1254454"/>
                                    <a:pt x="1498256" y="1260436"/>
                                  </a:cubicBezTo>
                                  <a:cubicBezTo>
                                    <a:pt x="1504237" y="1266417"/>
                                    <a:pt x="1509406" y="1273212"/>
                                    <a:pt x="1512772" y="1279435"/>
                                  </a:cubicBezTo>
                                  <a:cubicBezTo>
                                    <a:pt x="1516137" y="1285670"/>
                                    <a:pt x="1516569" y="1292211"/>
                                    <a:pt x="1515083" y="1301063"/>
                                  </a:cubicBezTo>
                                  <a:cubicBezTo>
                                    <a:pt x="1513521" y="1309851"/>
                                    <a:pt x="1509101" y="1318881"/>
                                    <a:pt x="1501431" y="1329041"/>
                                  </a:cubicBezTo>
                                  <a:cubicBezTo>
                                    <a:pt x="1493709" y="1339125"/>
                                    <a:pt x="1482990" y="1352218"/>
                                    <a:pt x="1468157" y="1367039"/>
                                  </a:cubicBezTo>
                                  <a:cubicBezTo>
                                    <a:pt x="1455507" y="1379689"/>
                                    <a:pt x="1443925" y="1388909"/>
                                    <a:pt x="1434578" y="1395894"/>
                                  </a:cubicBezTo>
                                  <a:cubicBezTo>
                                    <a:pt x="1425167" y="1402802"/>
                                    <a:pt x="1416137" y="1407235"/>
                                    <a:pt x="1406104" y="1407540"/>
                                  </a:cubicBezTo>
                                  <a:cubicBezTo>
                                    <a:pt x="1397316" y="1409102"/>
                                    <a:pt x="1388782" y="1408162"/>
                                    <a:pt x="1380615" y="1404365"/>
                                  </a:cubicBezTo>
                                  <a:cubicBezTo>
                                    <a:pt x="1371713" y="1401304"/>
                                    <a:pt x="1361057" y="1395271"/>
                                    <a:pt x="1349284" y="1387854"/>
                                  </a:cubicBezTo>
                                  <a:cubicBezTo>
                                    <a:pt x="1198625" y="1295018"/>
                                    <a:pt x="1046656" y="1204238"/>
                                    <a:pt x="896009" y="1111401"/>
                                  </a:cubicBezTo>
                                  <a:cubicBezTo>
                                    <a:pt x="843913" y="1079753"/>
                                    <a:pt x="794942" y="1052334"/>
                                    <a:pt x="749209" y="1028533"/>
                                  </a:cubicBezTo>
                                  <a:cubicBezTo>
                                    <a:pt x="703604" y="1004734"/>
                                    <a:pt x="660055" y="988846"/>
                                    <a:pt x="619428" y="979003"/>
                                  </a:cubicBezTo>
                                  <a:cubicBezTo>
                                    <a:pt x="578737" y="969097"/>
                                    <a:pt x="541730" y="968475"/>
                                    <a:pt x="506589" y="974571"/>
                                  </a:cubicBezTo>
                                  <a:cubicBezTo>
                                    <a:pt x="472565" y="981925"/>
                                    <a:pt x="440104" y="1000314"/>
                                    <a:pt x="411135" y="1029283"/>
                                  </a:cubicBezTo>
                                  <a:cubicBezTo>
                                    <a:pt x="382662" y="1057756"/>
                                    <a:pt x="354189" y="1086229"/>
                                    <a:pt x="325715" y="1114703"/>
                                  </a:cubicBezTo>
                                  <a:cubicBezTo>
                                    <a:pt x="545463" y="1334464"/>
                                    <a:pt x="765161" y="1554149"/>
                                    <a:pt x="984845" y="1773846"/>
                                  </a:cubicBezTo>
                                  <a:cubicBezTo>
                                    <a:pt x="990827" y="1779827"/>
                                    <a:pt x="996059" y="1786546"/>
                                    <a:pt x="998625" y="1793594"/>
                                  </a:cubicBezTo>
                                  <a:cubicBezTo>
                                    <a:pt x="1001241" y="1800566"/>
                                    <a:pt x="1000987" y="1807793"/>
                                    <a:pt x="998929" y="1814714"/>
                                  </a:cubicBezTo>
                                  <a:cubicBezTo>
                                    <a:pt x="997495" y="1823503"/>
                                    <a:pt x="993761" y="1831846"/>
                                    <a:pt x="988020" y="1842439"/>
                                  </a:cubicBezTo>
                                  <a:cubicBezTo>
                                    <a:pt x="981048" y="1851785"/>
                                    <a:pt x="971828" y="1863381"/>
                                    <a:pt x="959242" y="1875966"/>
                                  </a:cubicBezTo>
                                  <a:cubicBezTo>
                                    <a:pt x="946593" y="1888616"/>
                                    <a:pt x="935747" y="1897087"/>
                                    <a:pt x="926400" y="1904059"/>
                                  </a:cubicBezTo>
                                  <a:cubicBezTo>
                                    <a:pt x="915808" y="1909799"/>
                                    <a:pt x="906778" y="1914219"/>
                                    <a:pt x="897927" y="1915717"/>
                                  </a:cubicBezTo>
                                  <a:cubicBezTo>
                                    <a:pt x="890332" y="1918460"/>
                                    <a:pt x="883791" y="1918016"/>
                                    <a:pt x="876807" y="1915400"/>
                                  </a:cubicBezTo>
                                  <a:cubicBezTo>
                                    <a:pt x="869834" y="1912784"/>
                                    <a:pt x="863040" y="1907615"/>
                                    <a:pt x="857058" y="1901633"/>
                                  </a:cubicBezTo>
                                  <a:lnTo>
                                    <a:pt x="0" y="1044575"/>
                                  </a:lnTo>
                                  <a:lnTo>
                                    <a:pt x="0" y="788988"/>
                                  </a:lnTo>
                                  <a:lnTo>
                                    <a:pt x="159485" y="948473"/>
                                  </a:lnTo>
                                  <a:cubicBezTo>
                                    <a:pt x="201103" y="906855"/>
                                    <a:pt x="242721" y="865237"/>
                                    <a:pt x="284275" y="823670"/>
                                  </a:cubicBezTo>
                                  <a:cubicBezTo>
                                    <a:pt x="317740" y="790218"/>
                                    <a:pt x="340600" y="753388"/>
                                    <a:pt x="351572" y="715631"/>
                                  </a:cubicBezTo>
                                  <a:cubicBezTo>
                                    <a:pt x="362660" y="677874"/>
                                    <a:pt x="365530" y="639863"/>
                                    <a:pt x="357491" y="599680"/>
                                  </a:cubicBezTo>
                                  <a:cubicBezTo>
                                    <a:pt x="350760" y="560678"/>
                                    <a:pt x="335748" y="521118"/>
                                    <a:pt x="311453" y="480744"/>
                                  </a:cubicBezTo>
                                  <a:cubicBezTo>
                                    <a:pt x="286396" y="441108"/>
                                    <a:pt x="255497" y="402601"/>
                                    <a:pt x="218426" y="365530"/>
                                  </a:cubicBezTo>
                                  <a:cubicBezTo>
                                    <a:pt x="157428" y="304532"/>
                                    <a:pt x="97737" y="261669"/>
                                    <a:pt x="38924" y="236498"/>
                                  </a:cubicBezTo>
                                  <a:lnTo>
                                    <a:pt x="0" y="223799"/>
                                  </a:lnTo>
                                  <a:lnTo>
                                    <a:pt x="0" y="0"/>
                                  </a:lnTo>
                                  <a:close/>
                                </a:path>
                              </a:pathLst>
                            </a:custGeom>
                            <a:solidFill>
                              <a:srgbClr val="C0C0C0">
                                <a:alpha val="49803"/>
                              </a:srgbClr>
                            </a:solidFill>
                            <a:ln>
                              <a:noFill/>
                            </a:ln>
                          </wps:spPr>
                          <wps:txbx>
                            <w:txbxContent>
                              <w:p w14:paraId="64363ECE"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34" name="Freeform: Shape 117534"/>
                          <wps:cNvSpPr/>
                          <wps:spPr>
                            <a:xfrm>
                              <a:off x="2390889" y="1786690"/>
                              <a:ext cx="734403" cy="1318044"/>
                            </a:xfrm>
                            <a:custGeom>
                              <a:avLst/>
                              <a:gdLst/>
                              <a:ahLst/>
                              <a:cxnLst/>
                              <a:rect l="l" t="t" r="r" b="b"/>
                              <a:pathLst>
                                <a:path w="734403" h="1318044" extrusionOk="0">
                                  <a:moveTo>
                                    <a:pt x="143118" y="343"/>
                                  </a:moveTo>
                                  <a:cubicBezTo>
                                    <a:pt x="147619" y="0"/>
                                    <a:pt x="152025" y="327"/>
                                    <a:pt x="156820" y="1508"/>
                                  </a:cubicBezTo>
                                  <a:cubicBezTo>
                                    <a:pt x="166548" y="3870"/>
                                    <a:pt x="177203" y="9916"/>
                                    <a:pt x="187732" y="16088"/>
                                  </a:cubicBezTo>
                                  <a:lnTo>
                                    <a:pt x="734403" y="362456"/>
                                  </a:lnTo>
                                  <a:lnTo>
                                    <a:pt x="734403" y="577667"/>
                                  </a:lnTo>
                                  <a:lnTo>
                                    <a:pt x="265049" y="276095"/>
                                  </a:lnTo>
                                  <a:cubicBezTo>
                                    <a:pt x="264795" y="276336"/>
                                    <a:pt x="264554" y="276590"/>
                                    <a:pt x="264300" y="276844"/>
                                  </a:cubicBezTo>
                                  <a:cubicBezTo>
                                    <a:pt x="365894" y="432641"/>
                                    <a:pt x="466550" y="589061"/>
                                    <a:pt x="567214" y="745472"/>
                                  </a:cubicBezTo>
                                  <a:lnTo>
                                    <a:pt x="734403" y="1004067"/>
                                  </a:lnTo>
                                  <a:lnTo>
                                    <a:pt x="734403" y="1318044"/>
                                  </a:lnTo>
                                  <a:lnTo>
                                    <a:pt x="574148" y="1065135"/>
                                  </a:lnTo>
                                  <a:cubicBezTo>
                                    <a:pt x="388880" y="771360"/>
                                    <a:pt x="203613" y="477586"/>
                                    <a:pt x="16447" y="184998"/>
                                  </a:cubicBezTo>
                                  <a:cubicBezTo>
                                    <a:pt x="10224" y="174406"/>
                                    <a:pt x="5423" y="164995"/>
                                    <a:pt x="3048" y="155280"/>
                                  </a:cubicBezTo>
                                  <a:cubicBezTo>
                                    <a:pt x="0" y="146377"/>
                                    <a:pt x="1054" y="138338"/>
                                    <a:pt x="4051" y="127988"/>
                                  </a:cubicBezTo>
                                  <a:cubicBezTo>
                                    <a:pt x="6287" y="118526"/>
                                    <a:pt x="12217" y="107985"/>
                                    <a:pt x="20625" y="97088"/>
                                  </a:cubicBezTo>
                                  <a:cubicBezTo>
                                    <a:pt x="29032" y="86179"/>
                                    <a:pt x="40996" y="74343"/>
                                    <a:pt x="55829" y="59522"/>
                                  </a:cubicBezTo>
                                  <a:cubicBezTo>
                                    <a:pt x="71463" y="43875"/>
                                    <a:pt x="84735" y="30477"/>
                                    <a:pt x="96393" y="21320"/>
                                  </a:cubicBezTo>
                                  <a:cubicBezTo>
                                    <a:pt x="108039" y="12164"/>
                                    <a:pt x="118567" y="6245"/>
                                    <a:pt x="128854" y="3197"/>
                                  </a:cubicBezTo>
                                  <a:cubicBezTo>
                                    <a:pt x="134023" y="1698"/>
                                    <a:pt x="138617" y="686"/>
                                    <a:pt x="143118" y="343"/>
                                  </a:cubicBezTo>
                                  <a:close/>
                                </a:path>
                              </a:pathLst>
                            </a:custGeom>
                            <a:solidFill>
                              <a:srgbClr val="C0C0C0">
                                <a:alpha val="49803"/>
                              </a:srgbClr>
                            </a:solidFill>
                            <a:ln>
                              <a:noFill/>
                            </a:ln>
                          </wps:spPr>
                          <wps:txbx>
                            <w:txbxContent>
                              <w:p w14:paraId="76E59FC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35" name="Freeform: Shape 117535"/>
                          <wps:cNvSpPr/>
                          <wps:spPr>
                            <a:xfrm>
                              <a:off x="3125292" y="2149147"/>
                              <a:ext cx="1283754" cy="1652916"/>
                            </a:xfrm>
                            <a:custGeom>
                              <a:avLst/>
                              <a:gdLst/>
                              <a:ahLst/>
                              <a:cxnLst/>
                              <a:rect l="l" t="t" r="r" b="b"/>
                              <a:pathLst>
                                <a:path w="1283754" h="1652916" extrusionOk="0">
                                  <a:moveTo>
                                    <a:pt x="0" y="0"/>
                                  </a:moveTo>
                                  <a:lnTo>
                                    <a:pt x="333496" y="211301"/>
                                  </a:lnTo>
                                  <a:cubicBezTo>
                                    <a:pt x="627269" y="396569"/>
                                    <a:pt x="921042" y="581837"/>
                                    <a:pt x="1213663" y="768971"/>
                                  </a:cubicBezTo>
                                  <a:cubicBezTo>
                                    <a:pt x="1235215" y="783296"/>
                                    <a:pt x="1250671" y="794142"/>
                                    <a:pt x="1262202" y="804175"/>
                                  </a:cubicBezTo>
                                  <a:cubicBezTo>
                                    <a:pt x="1272984" y="814958"/>
                                    <a:pt x="1278953" y="825549"/>
                                    <a:pt x="1281392" y="835201"/>
                                  </a:cubicBezTo>
                                  <a:cubicBezTo>
                                    <a:pt x="1283754" y="844917"/>
                                    <a:pt x="1280516" y="855140"/>
                                    <a:pt x="1272794" y="865364"/>
                                  </a:cubicBezTo>
                                  <a:cubicBezTo>
                                    <a:pt x="1264374" y="876133"/>
                                    <a:pt x="1253668" y="889227"/>
                                    <a:pt x="1238021" y="904861"/>
                                  </a:cubicBezTo>
                                  <a:cubicBezTo>
                                    <a:pt x="1222451" y="920444"/>
                                    <a:pt x="1210615" y="932395"/>
                                    <a:pt x="1200455" y="940065"/>
                                  </a:cubicBezTo>
                                  <a:cubicBezTo>
                                    <a:pt x="1189546" y="948473"/>
                                    <a:pt x="1180516" y="952905"/>
                                    <a:pt x="1172477" y="953705"/>
                                  </a:cubicBezTo>
                                  <a:cubicBezTo>
                                    <a:pt x="1164882" y="956448"/>
                                    <a:pt x="1158265" y="955953"/>
                                    <a:pt x="1151293" y="953337"/>
                                  </a:cubicBezTo>
                                  <a:cubicBezTo>
                                    <a:pt x="1144321" y="950721"/>
                                    <a:pt x="1136028" y="947038"/>
                                    <a:pt x="1126681" y="942059"/>
                                  </a:cubicBezTo>
                                  <a:cubicBezTo>
                                    <a:pt x="973976" y="843304"/>
                                    <a:pt x="820077" y="746479"/>
                                    <a:pt x="667360" y="647724"/>
                                  </a:cubicBezTo>
                                  <a:cubicBezTo>
                                    <a:pt x="534149" y="780934"/>
                                    <a:pt x="400876" y="914208"/>
                                    <a:pt x="267665" y="1047418"/>
                                  </a:cubicBezTo>
                                  <a:cubicBezTo>
                                    <a:pt x="366039" y="1197266"/>
                                    <a:pt x="462559" y="1348358"/>
                                    <a:pt x="560934" y="1498205"/>
                                  </a:cubicBezTo>
                                  <a:cubicBezTo>
                                    <a:pt x="566738" y="1506866"/>
                                    <a:pt x="570344" y="1515096"/>
                                    <a:pt x="572960" y="1522068"/>
                                  </a:cubicBezTo>
                                  <a:cubicBezTo>
                                    <a:pt x="576707" y="1530298"/>
                                    <a:pt x="576516" y="1537588"/>
                                    <a:pt x="575704" y="1545627"/>
                                  </a:cubicBezTo>
                                  <a:cubicBezTo>
                                    <a:pt x="575399" y="1555647"/>
                                    <a:pt x="570967" y="1564689"/>
                                    <a:pt x="564058" y="1574100"/>
                                  </a:cubicBezTo>
                                  <a:cubicBezTo>
                                    <a:pt x="556323" y="1584184"/>
                                    <a:pt x="546354" y="1596528"/>
                                    <a:pt x="532219" y="1610676"/>
                                  </a:cubicBezTo>
                                  <a:cubicBezTo>
                                    <a:pt x="518135" y="1624748"/>
                                    <a:pt x="505054" y="1635467"/>
                                    <a:pt x="494957" y="1643188"/>
                                  </a:cubicBezTo>
                                  <a:cubicBezTo>
                                    <a:pt x="482867" y="1650427"/>
                                    <a:pt x="473278" y="1652916"/>
                                    <a:pt x="463677" y="1650542"/>
                                  </a:cubicBezTo>
                                  <a:cubicBezTo>
                                    <a:pt x="453961" y="1648179"/>
                                    <a:pt x="443370" y="1642070"/>
                                    <a:pt x="433337" y="1630666"/>
                                  </a:cubicBezTo>
                                  <a:cubicBezTo>
                                    <a:pt x="422554" y="1619897"/>
                                    <a:pt x="411709" y="1604441"/>
                                    <a:pt x="397446" y="1582825"/>
                                  </a:cubicBezTo>
                                  <a:lnTo>
                                    <a:pt x="0" y="955588"/>
                                  </a:lnTo>
                                  <a:lnTo>
                                    <a:pt x="0" y="641610"/>
                                  </a:lnTo>
                                  <a:lnTo>
                                    <a:pt x="135763" y="851597"/>
                                  </a:lnTo>
                                  <a:cubicBezTo>
                                    <a:pt x="247167" y="740193"/>
                                    <a:pt x="358635" y="628725"/>
                                    <a:pt x="470103" y="517257"/>
                                  </a:cubicBezTo>
                                  <a:cubicBezTo>
                                    <a:pt x="313963" y="416006"/>
                                    <a:pt x="157185" y="315740"/>
                                    <a:pt x="398" y="215467"/>
                                  </a:cubicBezTo>
                                  <a:lnTo>
                                    <a:pt x="0" y="215211"/>
                                  </a:lnTo>
                                  <a:lnTo>
                                    <a:pt x="0" y="0"/>
                                  </a:lnTo>
                                  <a:close/>
                                </a:path>
                              </a:pathLst>
                            </a:custGeom>
                            <a:solidFill>
                              <a:srgbClr val="C0C0C0">
                                <a:alpha val="49803"/>
                              </a:srgbClr>
                            </a:solidFill>
                            <a:ln>
                              <a:noFill/>
                            </a:ln>
                          </wps:spPr>
                          <wps:txbx>
                            <w:txbxContent>
                              <w:p w14:paraId="64C996A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36" name="Freeform: Shape 117536"/>
                          <wps:cNvSpPr/>
                          <wps:spPr>
                            <a:xfrm>
                              <a:off x="3055515" y="797215"/>
                              <a:ext cx="1630426" cy="2019160"/>
                            </a:xfrm>
                            <a:custGeom>
                              <a:avLst/>
                              <a:gdLst/>
                              <a:ahLst/>
                              <a:cxnLst/>
                              <a:rect l="l" t="t" r="r" b="b"/>
                              <a:pathLst>
                                <a:path w="1630426" h="2019160" extrusionOk="0">
                                  <a:moveTo>
                                    <a:pt x="464122" y="0"/>
                                  </a:moveTo>
                                  <a:cubicBezTo>
                                    <a:pt x="470662" y="686"/>
                                    <a:pt x="478447" y="2362"/>
                                    <a:pt x="487794" y="7353"/>
                                  </a:cubicBezTo>
                                  <a:cubicBezTo>
                                    <a:pt x="497269" y="12332"/>
                                    <a:pt x="509041" y="19621"/>
                                    <a:pt x="520573" y="29655"/>
                                  </a:cubicBezTo>
                                  <a:cubicBezTo>
                                    <a:pt x="533273" y="40869"/>
                                    <a:pt x="547167" y="53264"/>
                                    <a:pt x="562750" y="68847"/>
                                  </a:cubicBezTo>
                                  <a:cubicBezTo>
                                    <a:pt x="578269" y="84366"/>
                                    <a:pt x="590664" y="98260"/>
                                    <a:pt x="600697" y="109779"/>
                                  </a:cubicBezTo>
                                  <a:cubicBezTo>
                                    <a:pt x="610731" y="121310"/>
                                    <a:pt x="618020" y="133084"/>
                                    <a:pt x="621818" y="141376"/>
                                  </a:cubicBezTo>
                                  <a:cubicBezTo>
                                    <a:pt x="626796" y="150711"/>
                                    <a:pt x="628485" y="158509"/>
                                    <a:pt x="629171" y="165049"/>
                                  </a:cubicBezTo>
                                  <a:cubicBezTo>
                                    <a:pt x="629107" y="172339"/>
                                    <a:pt x="627304" y="176517"/>
                                    <a:pt x="623557" y="180251"/>
                                  </a:cubicBezTo>
                                  <a:cubicBezTo>
                                    <a:pt x="506171" y="297637"/>
                                    <a:pt x="388785" y="415023"/>
                                    <a:pt x="271399" y="532410"/>
                                  </a:cubicBezTo>
                                  <a:cubicBezTo>
                                    <a:pt x="446862" y="707860"/>
                                    <a:pt x="622313" y="883310"/>
                                    <a:pt x="797700" y="1058710"/>
                                  </a:cubicBezTo>
                                  <a:cubicBezTo>
                                    <a:pt x="908672" y="947738"/>
                                    <a:pt x="1019645" y="836765"/>
                                    <a:pt x="1130542" y="725869"/>
                                  </a:cubicBezTo>
                                  <a:cubicBezTo>
                                    <a:pt x="1134288" y="722122"/>
                                    <a:pt x="1138453" y="720319"/>
                                    <a:pt x="1144562" y="719074"/>
                                  </a:cubicBezTo>
                                  <a:cubicBezTo>
                                    <a:pt x="1151103" y="719760"/>
                                    <a:pt x="1158888" y="721436"/>
                                    <a:pt x="1167054" y="725246"/>
                                  </a:cubicBezTo>
                                  <a:cubicBezTo>
                                    <a:pt x="1175347" y="729044"/>
                                    <a:pt x="1185939" y="735152"/>
                                    <a:pt x="1197458" y="745185"/>
                                  </a:cubicBezTo>
                                  <a:cubicBezTo>
                                    <a:pt x="1208926" y="755142"/>
                                    <a:pt x="1224064" y="768795"/>
                                    <a:pt x="1240765" y="785495"/>
                                  </a:cubicBezTo>
                                  <a:cubicBezTo>
                                    <a:pt x="1256335" y="801065"/>
                                    <a:pt x="1267562" y="813778"/>
                                    <a:pt x="1277582" y="825310"/>
                                  </a:cubicBezTo>
                                  <a:cubicBezTo>
                                    <a:pt x="1287615" y="836829"/>
                                    <a:pt x="1294905" y="848602"/>
                                    <a:pt x="1298651" y="856831"/>
                                  </a:cubicBezTo>
                                  <a:cubicBezTo>
                                    <a:pt x="1303693" y="866242"/>
                                    <a:pt x="1305370" y="874027"/>
                                    <a:pt x="1306056" y="880567"/>
                                  </a:cubicBezTo>
                                  <a:cubicBezTo>
                                    <a:pt x="1306004" y="887857"/>
                                    <a:pt x="1305370" y="893217"/>
                                    <a:pt x="1301636" y="896963"/>
                                  </a:cubicBezTo>
                                  <a:cubicBezTo>
                                    <a:pt x="1190727" y="1007859"/>
                                    <a:pt x="1079767" y="1118832"/>
                                    <a:pt x="968794" y="1229805"/>
                                  </a:cubicBezTo>
                                  <a:cubicBezTo>
                                    <a:pt x="1183691" y="1444688"/>
                                    <a:pt x="1398588" y="1659585"/>
                                    <a:pt x="1613535" y="1874546"/>
                                  </a:cubicBezTo>
                                  <a:cubicBezTo>
                                    <a:pt x="1619517" y="1880527"/>
                                    <a:pt x="1623504" y="1886001"/>
                                    <a:pt x="1626121" y="1892986"/>
                                  </a:cubicBezTo>
                                  <a:cubicBezTo>
                                    <a:pt x="1629931" y="1901266"/>
                                    <a:pt x="1630426" y="1907756"/>
                                    <a:pt x="1627683" y="1915350"/>
                                  </a:cubicBezTo>
                                  <a:cubicBezTo>
                                    <a:pt x="1626184" y="1924203"/>
                                    <a:pt x="1622514" y="1932483"/>
                                    <a:pt x="1616774" y="1943075"/>
                                  </a:cubicBezTo>
                                  <a:cubicBezTo>
                                    <a:pt x="1609738" y="1952485"/>
                                    <a:pt x="1600517" y="1964081"/>
                                    <a:pt x="1587932" y="1976666"/>
                                  </a:cubicBezTo>
                                  <a:cubicBezTo>
                                    <a:pt x="1576032" y="1988566"/>
                                    <a:pt x="1564437" y="1997786"/>
                                    <a:pt x="1555090" y="2004759"/>
                                  </a:cubicBezTo>
                                  <a:cubicBezTo>
                                    <a:pt x="1544498" y="2010499"/>
                                    <a:pt x="1535468" y="2014919"/>
                                    <a:pt x="1526616" y="2016417"/>
                                  </a:cubicBezTo>
                                  <a:cubicBezTo>
                                    <a:pt x="1519022" y="2019160"/>
                                    <a:pt x="1512481" y="2018716"/>
                                    <a:pt x="1504252" y="2014855"/>
                                  </a:cubicBezTo>
                                  <a:cubicBezTo>
                                    <a:pt x="1497279" y="2012239"/>
                                    <a:pt x="1491730" y="2008314"/>
                                    <a:pt x="1485748" y="2002333"/>
                                  </a:cubicBezTo>
                                  <a:cubicBezTo>
                                    <a:pt x="1008050" y="1524635"/>
                                    <a:pt x="530403" y="1046988"/>
                                    <a:pt x="52705" y="569290"/>
                                  </a:cubicBezTo>
                                  <a:cubicBezTo>
                                    <a:pt x="21615" y="538201"/>
                                    <a:pt x="5537" y="511416"/>
                                    <a:pt x="2553" y="487858"/>
                                  </a:cubicBezTo>
                                  <a:cubicBezTo>
                                    <a:pt x="0" y="466243"/>
                                    <a:pt x="5423" y="449098"/>
                                    <a:pt x="16510" y="438010"/>
                                  </a:cubicBezTo>
                                  <a:cubicBezTo>
                                    <a:pt x="160681" y="293840"/>
                                    <a:pt x="304800" y="149721"/>
                                    <a:pt x="448920" y="5601"/>
                                  </a:cubicBezTo>
                                  <a:cubicBezTo>
                                    <a:pt x="452653" y="1867"/>
                                    <a:pt x="456832" y="64"/>
                                    <a:pt x="464122" y="0"/>
                                  </a:cubicBezTo>
                                  <a:close/>
                                </a:path>
                              </a:pathLst>
                            </a:custGeom>
                            <a:solidFill>
                              <a:srgbClr val="C0C0C0">
                                <a:alpha val="49803"/>
                              </a:srgbClr>
                            </a:solidFill>
                            <a:ln>
                              <a:noFill/>
                            </a:ln>
                          </wps:spPr>
                          <wps:txbx>
                            <w:txbxContent>
                              <w:p w14:paraId="646FAA7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37" name="Freeform: Shape 117537"/>
                          <wps:cNvSpPr/>
                          <wps:spPr>
                            <a:xfrm>
                              <a:off x="3625996" y="0"/>
                              <a:ext cx="1938096" cy="1938223"/>
                            </a:xfrm>
                            <a:custGeom>
                              <a:avLst/>
                              <a:gdLst/>
                              <a:ahLst/>
                              <a:cxnLst/>
                              <a:rect l="l" t="t" r="r" b="b"/>
                              <a:pathLst>
                                <a:path w="1938096" h="1938223" extrusionOk="0">
                                  <a:moveTo>
                                    <a:pt x="690855" y="0"/>
                                  </a:moveTo>
                                  <a:cubicBezTo>
                                    <a:pt x="697395" y="686"/>
                                    <a:pt x="705180" y="2362"/>
                                    <a:pt x="714528" y="7353"/>
                                  </a:cubicBezTo>
                                  <a:cubicBezTo>
                                    <a:pt x="723938" y="12395"/>
                                    <a:pt x="735025" y="20371"/>
                                    <a:pt x="746557" y="30404"/>
                                  </a:cubicBezTo>
                                  <a:cubicBezTo>
                                    <a:pt x="759206" y="41681"/>
                                    <a:pt x="773151" y="54013"/>
                                    <a:pt x="788734" y="69596"/>
                                  </a:cubicBezTo>
                                  <a:cubicBezTo>
                                    <a:pt x="804253" y="85115"/>
                                    <a:pt x="816585" y="99073"/>
                                    <a:pt x="826681" y="110528"/>
                                  </a:cubicBezTo>
                                  <a:cubicBezTo>
                                    <a:pt x="836714" y="122060"/>
                                    <a:pt x="844690" y="133147"/>
                                    <a:pt x="848551" y="141376"/>
                                  </a:cubicBezTo>
                                  <a:cubicBezTo>
                                    <a:pt x="853529" y="150724"/>
                                    <a:pt x="855218" y="158509"/>
                                    <a:pt x="855904" y="165049"/>
                                  </a:cubicBezTo>
                                  <a:cubicBezTo>
                                    <a:pt x="855840" y="172339"/>
                                    <a:pt x="853288" y="177267"/>
                                    <a:pt x="849541" y="181000"/>
                                  </a:cubicBezTo>
                                  <a:cubicBezTo>
                                    <a:pt x="759384" y="271158"/>
                                    <a:pt x="669290" y="361251"/>
                                    <a:pt x="579133" y="451409"/>
                                  </a:cubicBezTo>
                                  <a:cubicBezTo>
                                    <a:pt x="1026490" y="898766"/>
                                    <a:pt x="1473911" y="1346187"/>
                                    <a:pt x="1921269" y="1793545"/>
                                  </a:cubicBezTo>
                                  <a:cubicBezTo>
                                    <a:pt x="1927251" y="1799526"/>
                                    <a:pt x="1932419" y="1806321"/>
                                    <a:pt x="1935036" y="1813293"/>
                                  </a:cubicBezTo>
                                  <a:cubicBezTo>
                                    <a:pt x="1937652" y="1820278"/>
                                    <a:pt x="1938096" y="1826819"/>
                                    <a:pt x="1935353" y="1834413"/>
                                  </a:cubicBezTo>
                                  <a:cubicBezTo>
                                    <a:pt x="1933855" y="1843265"/>
                                    <a:pt x="1930184" y="1851559"/>
                                    <a:pt x="1924444" y="1862150"/>
                                  </a:cubicBezTo>
                                  <a:cubicBezTo>
                                    <a:pt x="1917471" y="1871498"/>
                                    <a:pt x="1908251" y="1883080"/>
                                    <a:pt x="1895602" y="1895729"/>
                                  </a:cubicBezTo>
                                  <a:cubicBezTo>
                                    <a:pt x="1883702" y="1907629"/>
                                    <a:pt x="1872107" y="1916849"/>
                                    <a:pt x="1862760" y="1923834"/>
                                  </a:cubicBezTo>
                                  <a:cubicBezTo>
                                    <a:pt x="1852168" y="1929562"/>
                                    <a:pt x="1843139" y="1933981"/>
                                    <a:pt x="1834287" y="1935480"/>
                                  </a:cubicBezTo>
                                  <a:cubicBezTo>
                                    <a:pt x="1826692" y="1938223"/>
                                    <a:pt x="1820202" y="1937728"/>
                                    <a:pt x="1813167" y="1935163"/>
                                  </a:cubicBezTo>
                                  <a:cubicBezTo>
                                    <a:pt x="1806194" y="1932546"/>
                                    <a:pt x="1799463" y="1927314"/>
                                    <a:pt x="1793481" y="1921332"/>
                                  </a:cubicBezTo>
                                  <a:cubicBezTo>
                                    <a:pt x="1346124" y="1473975"/>
                                    <a:pt x="898703" y="1026554"/>
                                    <a:pt x="451345" y="579196"/>
                                  </a:cubicBezTo>
                                  <a:cubicBezTo>
                                    <a:pt x="361188" y="669354"/>
                                    <a:pt x="271031" y="759511"/>
                                    <a:pt x="180873" y="849668"/>
                                  </a:cubicBezTo>
                                  <a:cubicBezTo>
                                    <a:pt x="177191" y="853351"/>
                                    <a:pt x="172276" y="855904"/>
                                    <a:pt x="165672" y="855282"/>
                                  </a:cubicBezTo>
                                  <a:cubicBezTo>
                                    <a:pt x="158382" y="855345"/>
                                    <a:pt x="151333" y="852919"/>
                                    <a:pt x="141986" y="847928"/>
                                  </a:cubicBezTo>
                                  <a:cubicBezTo>
                                    <a:pt x="133769" y="844067"/>
                                    <a:pt x="122682" y="836092"/>
                                    <a:pt x="111214" y="825995"/>
                                  </a:cubicBezTo>
                                  <a:cubicBezTo>
                                    <a:pt x="98933" y="816712"/>
                                    <a:pt x="85039" y="804316"/>
                                    <a:pt x="69533" y="788797"/>
                                  </a:cubicBezTo>
                                  <a:cubicBezTo>
                                    <a:pt x="53950" y="773227"/>
                                    <a:pt x="41554" y="759333"/>
                                    <a:pt x="31090" y="745871"/>
                                  </a:cubicBezTo>
                                  <a:cubicBezTo>
                                    <a:pt x="20993" y="734403"/>
                                    <a:pt x="13018" y="723316"/>
                                    <a:pt x="7976" y="713905"/>
                                  </a:cubicBezTo>
                                  <a:cubicBezTo>
                                    <a:pt x="2985" y="704558"/>
                                    <a:pt x="559" y="697522"/>
                                    <a:pt x="622" y="690232"/>
                                  </a:cubicBezTo>
                                  <a:cubicBezTo>
                                    <a:pt x="0" y="683628"/>
                                    <a:pt x="2553" y="678701"/>
                                    <a:pt x="6223" y="675030"/>
                                  </a:cubicBezTo>
                                  <a:cubicBezTo>
                                    <a:pt x="229159" y="452095"/>
                                    <a:pt x="452031" y="229222"/>
                                    <a:pt x="674903" y="6350"/>
                                  </a:cubicBezTo>
                                  <a:cubicBezTo>
                                    <a:pt x="678637" y="2616"/>
                                    <a:pt x="683565" y="63"/>
                                    <a:pt x="690855" y="0"/>
                                  </a:cubicBezTo>
                                  <a:close/>
                                </a:path>
                              </a:pathLst>
                            </a:custGeom>
                            <a:solidFill>
                              <a:srgbClr val="C0C0C0">
                                <a:alpha val="49803"/>
                              </a:srgbClr>
                            </a:solidFill>
                            <a:ln>
                              <a:noFill/>
                            </a:ln>
                          </wps:spPr>
                          <wps:txbx>
                            <w:txbxContent>
                              <w:p w14:paraId="4275622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38" name="Freeform: Shape 117538"/>
                          <wps:cNvSpPr/>
                          <wps:spPr>
                            <a:xfrm>
                              <a:off x="0" y="5581253"/>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anchor>
            </w:drawing>
          </mc:Choice>
          <mc:Fallback>
            <w:pict>
              <v:group w14:anchorId="4C0D88C6" id="Group 117527" o:spid="_x0000_s1171" alt="P157#y1" style="position:absolute;left:0;text-align:left;margin-left:0;margin-top:-13pt;width:438.1pt;height:440.2pt;z-index:-251657216;mso-wrap-distance-left:0;mso-wrap-distance-right:0;mso-position-horizontal-relative:text;mso-position-vertical-relative:text" coordorigin="25639,9848" coordsize="55640,55903"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">
                <v:group id="Group 117528" o:spid="_x0000_s1172" style="position:absolute;left:25639;top:9848;width:55641;height:55903" coordsize="55640,55903"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">
                  <v:rect id="Rectangle 117529" o:spid="_x0000_s1173" style="position:absolute;width:55640;height:5590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" filled="f" stroked="f">
                    <v:textbox inset="2.53958mm,2.53958mm,2.53958mm,2.53958mm">
                      <w:txbxContent>
                        <w:p w14:paraId="2699346C" w14:textId="77777777" w:rsidR="00CF54CB" w:rsidRDefault="00CF54CB">
                          <w:pPr>
                            <w:spacing w:after="0" w:line="240" w:lineRule="auto"/>
                            <w:ind w:left="0" w:firstLine="0"/>
                            <w:jc w:val="left"/>
                            <w:textDirection w:val="btLr"/>
                          </w:pPr>
                        </w:p>
                      </w:txbxContent>
                    </v:textbox>
                  </v:rect>
                  <v:shape id="Freeform: Shape 117530" o:spid="_x0000_s1174" style="position:absolute;left:4127;top:34844;width:10006;height:14727;visibility:visible;mso-wrap-style:square;v-text-anchor:middle" coordsize="1000596,147266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" adj="-11796480,,5400" path="m639526,592v49112,592,99671,7164,151506,20245c843153,34890,896506,53877,950816,78416r49780,24876l1000596,330497,954591,304878c913406,283927,872750,267167,832777,254238,772874,234893,715315,227570,659761,230085v-18518,838,-36813,2769,-54898,5713c532460,247507,463931,288134,397827,354238v-43306,43307,-86677,86677,-130035,130035l1000596,1217085r,255579l52705,524773c21615,493684,5537,466887,2553,443341,,421725,5410,404580,16574,393430,89090,320913,161684,248320,234201,175790,317449,92554,404609,37906,496697,16227,542747,5388,590414,,639526,592xe" fillcolor="silver" stroked="f">
                    <v:fill opacity="32639f"/>
                    <v:stroke joinstyle="miter"/>
                    <v:formulas/>
                    <v:path arrowok="t" o:extrusionok="f" o:connecttype="custom" textboxrect="0,0,1000596,1472664"/>
                    <v:textbox inset="2.53958mm,2.53958mm,2.53958mm,2.53958mm">
                      <w:txbxContent>
                        <w:p w14:paraId="780A75CE" w14:textId="77777777" w:rsidR="00CF54CB" w:rsidRDefault="00CF54CB">
                          <w:pPr>
                            <w:spacing w:after="0" w:line="240" w:lineRule="auto"/>
                            <w:ind w:left="0" w:firstLine="0"/>
                            <w:jc w:val="left"/>
                            <w:textDirection w:val="btLr"/>
                          </w:pPr>
                        </w:p>
                      </w:txbxContent>
                    </v:textbox>
                  </v:shape>
                  <v:shape id="Freeform: Shape 117531" o:spid="_x0000_s1175" style="position:absolute;left:14133;top:35877;width:9593;height:18545;visibility:visible;mso-wrap-style:square;v-text-anchor:middle" coordsize="959243,185452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" adj="-11796480,,5400" path="m,l32368,16175v27599,15124,55404,31714,83379,49846c227583,138487,342785,233623,458863,349701,592822,483660,699172,611575,777366,732136v79451,121679,130035,235204,155956,341630c959243,1180179,957185,1280928,930833,1372953v-26366,91910,-81001,179069,-163437,261505c699553,1702302,631697,1770158,563841,1838013v-11151,11152,-28347,16511,-51092,12828c490384,1849038,463587,1832959,432497,1801870l,1369372,,1113793r471753,471758c515619,1541685,559485,1497819,603287,1454017v61684,-61684,101562,-124740,118199,-192342c738123,1194073,737247,1122051,713320,1042550,689520,963047,648651,877691,584656,786035,521918,695623,438047,597808,332751,492512,249020,408768,164400,337991,78980,277361,57936,262518,36986,248812,16149,236197l,227205,,xe" fillcolor="silver" stroked="f">
                    <v:fill opacity="32639f"/>
                    <v:stroke joinstyle="miter"/>
                    <v:formulas/>
                    <v:path arrowok="t" o:extrusionok="f" o:connecttype="custom" textboxrect="0,0,959243,1854524"/>
                    <v:textbox inset="2.53958mm,2.53958mm,2.53958mm,2.53958mm">
                      <w:txbxContent>
                        <w:p w14:paraId="41758862" w14:textId="77777777" w:rsidR="00CF54CB" w:rsidRDefault="00CF54CB">
                          <w:pPr>
                            <w:spacing w:after="0" w:line="240" w:lineRule="auto"/>
                            <w:ind w:left="0" w:firstLine="0"/>
                            <w:jc w:val="left"/>
                            <w:textDirection w:val="btLr"/>
                          </w:pPr>
                        </w:p>
                      </w:txbxContent>
                    </v:textbox>
                  </v:shape>
                  <v:shape id="Freeform: Shape 117532" o:spid="_x0000_s1176" style="position:absolute;left:13489;top:25902;width:6287;height:10588;visibility:visible;mso-wrap-style:square;v-text-anchor:middle" coordsize="628690,1058861"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" adj="-11796480,,5400" path="m559321,2040v12976,1020,26046,2690,39244,5095l628690,14286r,223798l623625,236432v-14620,-3289,-29196,-5096,-43729,-5462c550831,230238,521938,235271,493217,245742v-18694,6477,-35585,16510,-53581,29654c421627,288541,399631,308175,374332,333461v-35890,35890,-71843,71843,-107721,107733l628690,803273r,255588l52705,482876c21615,451786,5537,424990,2553,401444,,379828,5359,362747,16510,351596,84607,283499,152705,215401,220815,147291v24549,-24549,45796,-43421,63297,-58560c302247,75574,319316,62989,334454,52841,382499,26730,430479,8785,482308,3058,507791,562,533368,,559321,2040xe" fillcolor="silver" stroked="f">
                    <v:fill opacity="32639f"/>
                    <v:stroke joinstyle="miter"/>
                    <v:formulas/>
                    <v:path arrowok="t" o:extrusionok="f" o:connecttype="custom" textboxrect="0,0,628690,1058861"/>
                    <v:textbox inset="2.53958mm,2.53958mm,2.53958mm,2.53958mm">
                      <w:txbxContent>
                        <w:p w14:paraId="2AB489CA" w14:textId="77777777" w:rsidR="00CF54CB" w:rsidRDefault="00CF54CB">
                          <w:pPr>
                            <w:spacing w:after="0" w:line="240" w:lineRule="auto"/>
                            <w:ind w:left="0" w:firstLine="0"/>
                            <w:jc w:val="left"/>
                            <w:textDirection w:val="btLr"/>
                          </w:pPr>
                        </w:p>
                      </w:txbxContent>
                    </v:textbox>
                  </v:shape>
                  <v:shape id="Freeform: Shape 117533" o:spid="_x0000_s1177" style="position:absolute;left:19776;top:26044;width:15165;height:19185;visibility:visible;mso-wrap-style:square;v-text-anchor:middle" coordsize="1516569,19184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" adj="-11796480,,5400" path="m,l9892,2348c63714,18172,117118,40918,170890,75742v53771,34835,107480,79197,161302,133032c383602,260171,425652,311453,458303,360171v33147,50596,55830,99440,70968,146735c545590,555382,552944,602359,553134,648156v127,45733,-5613,91211,-17945,135077c561542,778687,590764,777632,620114,782052v30531,5601,63678,12713,98628,25857c753692,820927,791831,837500,832445,859179v40628,21692,85992,45491,135027,75578c1109470,1020304,1252587,1103857,1394522,1189468v35382,22187,60249,37821,73203,46418c1481872,1245666,1492274,1254454,1498256,1260436v5981,5981,11150,12776,14516,18999c1516137,1285670,1516569,1292211,1515083,1301063v-1562,8788,-5982,17818,-13652,27978c1493709,1339125,1482990,1352218,1468157,1367039v-12650,12650,-24232,21870,-33579,28855c1425167,1402802,1416137,1407235,1406104,1407540v-8788,1562,-17322,622,-25489,-3175c1371713,1401304,1361057,1395271,1349284,1387854,1198625,1295018,1046656,1204238,896009,1111401v-52096,-31648,-101067,-59067,-146800,-82868c703604,1004734,660055,988846,619428,979003v-40691,-9906,-77698,-10528,-112839,-4432c472565,981925,440104,1000314,411135,1029283v-28473,28473,-56946,56946,-85420,85420c545463,1334464,765161,1554149,984845,1773846v5982,5981,11214,12700,13780,19748c1001241,1800566,1000987,1807793,998929,1814714v-1434,8789,-5168,17132,-10909,27725c981048,1851785,971828,1863381,959242,1875966v-12649,12650,-23495,21121,-32842,28093c915808,1909799,906778,1914219,897927,1915717v-7595,2743,-14136,2299,-21120,-317c869834,1912784,863040,1907615,857058,1901633l,1044575,,788988,159485,948473v41618,-41618,83236,-83236,124790,-124803c317740,790218,340600,753388,351572,715631v11088,-37757,13958,-75768,5919,-115951c350760,560678,335748,521118,311453,480744,286396,441108,255497,402601,218426,365530,157428,304532,97737,261669,38924,236498l,223799,,xe" fillcolor="silver" stroked="f">
                    <v:fill opacity="32639f"/>
                    <v:stroke joinstyle="miter"/>
                    <v:formulas/>
                    <v:path arrowok="t" o:extrusionok="f" o:connecttype="custom" textboxrect="0,0,1516569,1918460"/>
                    <v:textbox inset="2.53958mm,2.53958mm,2.53958mm,2.53958mm">
                      <w:txbxContent>
                        <w:p w14:paraId="64363ECE" w14:textId="77777777" w:rsidR="00CF54CB" w:rsidRDefault="00CF54CB">
                          <w:pPr>
                            <w:spacing w:after="0" w:line="240" w:lineRule="auto"/>
                            <w:ind w:left="0" w:firstLine="0"/>
                            <w:jc w:val="left"/>
                            <w:textDirection w:val="btLr"/>
                          </w:pPr>
                        </w:p>
                      </w:txbxContent>
                    </v:textbox>
                  </v:shape>
                  <v:shape id="Freeform: Shape 117534" o:spid="_x0000_s1178" style="position:absolute;left:23908;top:17866;width:7344;height:13181;visibility:visible;mso-wrap-style:square;v-text-anchor:middle" coordsize="734403,131804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" adj="-11796480,,5400" path="m143118,343v4501,-343,8907,-16,13702,1165c166548,3870,177203,9916,187732,16088l734403,362456r,215211l265049,276095v-254,241,-495,495,-749,749c365894,432641,466550,589061,567214,745472r167189,258595l734403,1318044,574148,1065135c388880,771360,203613,477586,16447,184998,10224,174406,5423,164995,3048,155280,,146377,1054,138338,4051,127988v2236,-9462,8166,-20003,16574,-30900c29032,86179,40996,74343,55829,59522,71463,43875,84735,30477,96393,21320,108039,12164,118567,6245,128854,3197,134023,1698,138617,686,143118,343xe" fillcolor="silver" stroked="f">
                    <v:fill opacity="32639f"/>
                    <v:stroke joinstyle="miter"/>
                    <v:formulas/>
                    <v:path arrowok="t" o:extrusionok="f" o:connecttype="custom" textboxrect="0,0,734403,1318044"/>
                    <v:textbox inset="2.53958mm,2.53958mm,2.53958mm,2.53958mm">
                      <w:txbxContent>
                        <w:p w14:paraId="76E59FCA" w14:textId="77777777" w:rsidR="00CF54CB" w:rsidRDefault="00CF54CB">
                          <w:pPr>
                            <w:spacing w:after="0" w:line="240" w:lineRule="auto"/>
                            <w:ind w:left="0" w:firstLine="0"/>
                            <w:jc w:val="left"/>
                            <w:textDirection w:val="btLr"/>
                          </w:pPr>
                        </w:p>
                      </w:txbxContent>
                    </v:textbox>
                  </v:shape>
                  <v:shape id="Freeform: Shape 117535" o:spid="_x0000_s1179" style="position:absolute;left:31252;top:21491;width:12838;height:16529;visibility:visible;mso-wrap-style:square;v-text-anchor:middle" coordsize="1283754,165291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" adj="-11796480,,5400" path="m,l333496,211301v293773,185268,587546,370536,880167,557670c1235215,783296,1250671,794142,1262202,804175v10782,10783,16751,21374,19190,31026c1283754,844917,1280516,855140,1272794,865364v-8420,10769,-19126,23863,-34773,39497c1222451,920444,1210615,932395,1200455,940065v-10909,8408,-19939,12840,-27978,13640c1164882,956448,1158265,955953,1151293,953337v-6972,-2616,-15265,-6299,-24612,-11278c973976,843304,820077,746479,667360,647724,534149,780934,400876,914208,267665,1047418v98374,149848,194894,300940,293269,450787c566738,1506866,570344,1515096,572960,1522068v3747,8230,3556,15520,2744,23559c575399,1555647,570967,1564689,564058,1574100v-7735,10084,-17704,22428,-31839,36576c518135,1624748,505054,1635467,494957,1643188v-12090,7239,-21679,9728,-31280,7354c453961,1648179,443370,1642070,433337,1630666v-10783,-10769,-21628,-26225,-35891,-47841l,955588,,641610,135763,851597c247167,740193,358635,628725,470103,517257,313963,416006,157185,315740,398,215467l,215211,,xe" fillcolor="silver" stroked="f">
                    <v:fill opacity="32639f"/>
                    <v:stroke joinstyle="miter"/>
                    <v:formulas/>
                    <v:path arrowok="t" o:extrusionok="f" o:connecttype="custom" textboxrect="0,0,1283754,1652916"/>
                    <v:textbox inset="2.53958mm,2.53958mm,2.53958mm,2.53958mm">
                      <w:txbxContent>
                        <w:p w14:paraId="64C996A3" w14:textId="77777777" w:rsidR="00CF54CB" w:rsidRDefault="00CF54CB">
                          <w:pPr>
                            <w:spacing w:after="0" w:line="240" w:lineRule="auto"/>
                            <w:ind w:left="0" w:firstLine="0"/>
                            <w:jc w:val="left"/>
                            <w:textDirection w:val="btLr"/>
                          </w:pPr>
                        </w:p>
                      </w:txbxContent>
                    </v:textbox>
                  </v:shape>
                  <v:shape id="Freeform: Shape 117536" o:spid="_x0000_s1180" style="position:absolute;left:30555;top:7972;width:16304;height:20191;visibility:visible;mso-wrap-style:square;v-text-anchor:middle" coordsize="1630426,20191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" adj="-11796480,,5400" path="m464122,v6540,686,14325,2362,23672,7353c497269,12332,509041,19621,520573,29655v12700,11214,26594,23609,42177,39192c578269,84366,590664,98260,600697,109779v10034,11531,17323,23305,21121,31597c626796,150711,628485,158509,629171,165049v-64,7290,-1867,11468,-5614,15202c506171,297637,388785,415023,271399,532410v175463,175450,350914,350900,526301,526300c908672,947738,1019645,836765,1130542,725869v3746,-3747,7911,-5550,14020,-6795c1151103,719760,1158888,721436,1167054,725246v8293,3798,18885,9906,30404,19939c1208926,755142,1224064,768795,1240765,785495v15570,15570,26797,28283,36817,39815c1287615,836829,1294905,848602,1298651,856831v5042,9411,6719,17196,7405,23736c1306004,887857,1305370,893217,1301636,896963v-110909,110896,-221869,221869,-332842,332842c1183691,1444688,1398588,1659585,1613535,1874546v5982,5981,9969,11455,12586,18440c1629931,1901266,1630426,1907756,1627683,1915350v-1499,8853,-5169,17133,-10909,27725c1609738,1952485,1600517,1964081,1587932,1976666v-11900,11900,-23495,21120,-32842,28093c1544498,2010499,1535468,2014919,1526616,2016417v-7594,2743,-14135,2299,-22364,-1562c1497279,2012239,1491730,2008314,1485748,2002333,1008050,1524635,530403,1046988,52705,569290,21615,538201,5537,511416,2553,487858,,466243,5423,449098,16510,438010,160681,293840,304800,149721,448920,5601,452653,1867,456832,64,464122,xe" fillcolor="silver" stroked="f">
                    <v:fill opacity="32639f"/>
                    <v:stroke joinstyle="miter"/>
                    <v:formulas/>
                    <v:path arrowok="t" o:extrusionok="f" o:connecttype="custom" textboxrect="0,0,1630426,2019160"/>
                    <v:textbox inset="2.53958mm,2.53958mm,2.53958mm,2.53958mm">
                      <w:txbxContent>
                        <w:p w14:paraId="646FAA7C" w14:textId="77777777" w:rsidR="00CF54CB" w:rsidRDefault="00CF54CB">
                          <w:pPr>
                            <w:spacing w:after="0" w:line="240" w:lineRule="auto"/>
                            <w:ind w:left="0" w:firstLine="0"/>
                            <w:jc w:val="left"/>
                            <w:textDirection w:val="btLr"/>
                          </w:pPr>
                        </w:p>
                      </w:txbxContent>
                    </v:textbox>
                  </v:shape>
                  <v:shape id="Freeform: Shape 117537" o:spid="_x0000_s1181" style="position:absolute;left:36259;width:19381;height:19382;visibility:visible;mso-wrap-style:square;v-text-anchor:middle" coordsize="1938096,193822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" adj="-11796480,,5400" path="m690855,v6540,686,14325,2362,23673,7353c723938,12395,735025,20371,746557,30404v12649,11277,26594,23609,42177,39192c804253,85115,816585,99073,826681,110528v10033,11532,18009,22619,21870,30848c853529,150724,855218,158509,855904,165049v-64,7290,-2616,12218,-6363,15951c759384,271158,669290,361251,579133,451409v447357,447357,894778,894778,1342136,1342136c1927251,1799526,1932419,1806321,1935036,1813293v2616,6985,3060,13526,317,21120c1933855,1843265,1930184,1851559,1924444,1862150v-6973,9348,-16193,20930,-28842,33579c1883702,1907629,1872107,1916849,1862760,1923834v-10592,5728,-19621,10147,-28473,11646c1826692,1938223,1820202,1937728,1813167,1935163v-6973,-2617,-13704,-7849,-19686,-13831c1346124,1473975,898703,1026554,451345,579196,361188,669354,271031,759511,180873,849668v-3682,3683,-8597,6236,-15201,5614c158382,855345,151333,852919,141986,847928v-8217,-3861,-19304,-11836,-30772,-21933c98933,816712,85039,804316,69533,788797,53950,773227,41554,759333,31090,745871,20993,734403,13018,723316,7976,713905,2985,704558,559,697522,622,690232,,683628,2553,678701,6223,675030,229159,452095,452031,229222,674903,6350,678637,2616,683565,63,690855,xe" fillcolor="silver" stroked="f">
                    <v:fill opacity="32639f"/>
                    <v:stroke joinstyle="miter"/>
                    <v:formulas/>
                    <v:path arrowok="t" o:extrusionok="f" o:connecttype="custom" textboxrect="0,0,1938096,1938223"/>
                    <v:textbox inset="2.53958mm,2.53958mm,2.53958mm,2.53958mm">
                      <w:txbxContent>
                        <w:p w14:paraId="42756221" w14:textId="77777777" w:rsidR="00CF54CB" w:rsidRDefault="00CF54CB">
                          <w:pPr>
                            <w:spacing w:after="0" w:line="240" w:lineRule="auto"/>
                            <w:ind w:left="0" w:firstLine="0"/>
                            <w:jc w:val="left"/>
                            <w:textDirection w:val="btLr"/>
                          </w:pPr>
                        </w:p>
                      </w:txbxContent>
                    </v:textbox>
                  </v:shape>
                  <v:shape id="Freeform: Shape 117538" o:spid="_x0000_s1182" style="position:absolute;top:55812;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" path="m,l1828800,r,9144l,9144,,e" fillcolor="black" stroked="f">
                    <v:path arrowok="t" o:extrusionok="f"/>
                  </v:shape>
                </v:group>
              </v:group>
            </w:pict>
          </mc:Fallback>
        </mc:AlternateContent>
      </w:r>
    </w:p>
    <w:p w14:paraId="46C5EA65" w14:textId="77777777" w:rsidR="00CF54CB" w:rsidRDefault="00344004">
      <w:pPr>
        <w:spacing w:after="303" w:line="242" w:lineRule="auto"/>
        <w:ind w:left="-11" w:right="59" w:firstLine="710"/>
        <w:jc w:val="left"/>
      </w:pPr>
      <w:r>
        <w:t>In 2011, GTE Re</w:t>
      </w:r>
      <w:r>
        <w:rPr>
          <w:rFonts w:ascii="ZWAdobeF" w:eastAsia="ZWAdobeF" w:hAnsi="ZWAdobeF" w:cs="ZWAdobeF"/>
          <w:sz w:val="2"/>
          <w:szCs w:val="2"/>
        </w:rPr>
        <w:t>18F</w:t>
      </w:r>
      <w:r>
        <w:rPr>
          <w:vertAlign w:val="superscript"/>
        </w:rPr>
        <w:footnoteReference w:id="21"/>
      </w:r>
      <w:r>
        <w:t xml:space="preserve"> completed a commutation plan in Rhode Island.  The plan was approved by the Rhode Island court and the insured was ordered dissolved after all insureds had been paid full value for their policies.  The GTE Re Plan was objected to, on a theoretical basis, and the Providence County Superior Court issued a decision</w:t>
      </w:r>
      <w:r>
        <w:rPr>
          <w:rFonts w:ascii="ZWAdobeF" w:eastAsia="ZWAdobeF" w:hAnsi="ZWAdobeF" w:cs="ZWAdobeF"/>
          <w:sz w:val="2"/>
          <w:szCs w:val="2"/>
        </w:rPr>
        <w:t>19F</w:t>
      </w:r>
      <w:r>
        <w:rPr>
          <w:vertAlign w:val="superscript"/>
        </w:rPr>
        <w:footnoteReference w:id="22"/>
      </w:r>
      <w:r>
        <w:t xml:space="preserve"> on a contract clause issue.  </w:t>
      </w:r>
    </w:p>
    <w:p w14:paraId="31BDEDAC" w14:textId="77777777" w:rsidR="00CF54CB" w:rsidRDefault="00344004">
      <w:pPr>
        <w:spacing w:after="272" w:line="242" w:lineRule="auto"/>
        <w:ind w:left="-11" w:right="59" w:firstLine="710"/>
        <w:jc w:val="left"/>
      </w:pPr>
      <w:r>
        <w:t>In 2020, the District Court of Oklahoma County approved Providence Washington Insurance Company’s (“PWIC”) IBT plan.</w:t>
      </w:r>
      <w:r>
        <w:rPr>
          <w:rFonts w:ascii="ZWAdobeF" w:eastAsia="ZWAdobeF" w:hAnsi="ZWAdobeF" w:cs="ZWAdobeF"/>
          <w:sz w:val="2"/>
          <w:szCs w:val="2"/>
        </w:rPr>
        <w:t>20F</w:t>
      </w:r>
      <w:r>
        <w:rPr>
          <w:vertAlign w:val="superscript"/>
        </w:rPr>
        <w:footnoteReference w:id="23"/>
      </w:r>
      <w:r>
        <w:t xml:space="preserve"> The plan transferred all the insurance and reinsurance business underwritten by PWIC, a Rhode Island domestic insurer, to Yosemite Insurance Company. Later in 2020, the Oklahoma Insurance Commissioner issued an order </w:t>
      </w:r>
      <w:r>
        <w:lastRenderedPageBreak/>
        <w:t>authorizing Sentry Insurance a Mutual Company (“Sentry”), a Wisconsin-based insurer, to submit its IBT Plan to the District Court of Oklahoma County for approval.</w:t>
      </w:r>
      <w:r>
        <w:rPr>
          <w:vertAlign w:val="superscript"/>
        </w:rPr>
        <w:t>26</w:t>
      </w:r>
      <w:r>
        <w:t xml:space="preserve"> This IBT transfers a block of reinsurance business underwritten by Sentry to National Legacy Insurance Company, an insurer domiciled in Oklahoma and a subsidiary of Randall &amp; Quilter Investment Holdings Ltd (NLIC). The Sentry transfer was approved by the Court in August of 2021. </w:t>
      </w:r>
    </w:p>
    <w:p w14:paraId="5E53B62D" w14:textId="77777777" w:rsidR="00CF54CB" w:rsidRDefault="00344004">
      <w:pPr>
        <w:spacing w:after="6" w:line="242" w:lineRule="auto"/>
        <w:ind w:left="-11" w:right="59" w:firstLine="710"/>
        <w:jc w:val="left"/>
      </w:pPr>
      <w:r>
        <w:t xml:space="preserve">Illinois completed a transaction under their CD statute in early 2020. The transaction was a transfer of risks with distinct characteristics into a single insurer within a holding company structure. All the transfers originated and ended within the same holding company. The Illinois Department of Insurance has indicated that it will issue a detailed regulation as experience develops with CD plans proposed and completed under the statute.   </w:t>
      </w:r>
    </w:p>
    <w:p w14:paraId="4C80BC41" w14:textId="77777777" w:rsidR="00CF54CB" w:rsidRDefault="00344004">
      <w:pPr>
        <w:spacing w:after="256" w:line="259" w:lineRule="auto"/>
        <w:ind w:left="-24" w:firstLine="0"/>
        <w:jc w:val="left"/>
      </w:pPr>
      <w:r>
        <w:rPr>
          <w:rFonts w:ascii="Calibri" w:eastAsia="Calibri" w:hAnsi="Calibri" w:cs="Calibri"/>
          <w:noProof/>
          <w:sz w:val="22"/>
          <w:szCs w:val="22"/>
        </w:rPr>
        <mc:AlternateContent>
          <mc:Choice Requires="wpg">
            <w:drawing>
              <wp:inline distT="0" distB="0" distL="0" distR="0" wp14:anchorId="75F229C5" wp14:editId="2C4E55E5">
                <wp:extent cx="6041149" cy="6096"/>
                <wp:effectExtent l="0" t="0" r="0" b="0"/>
                <wp:docPr id="117539" name="Group 117539" descr="P161#y1"/>
                <wp:cNvGraphicFramePr/>
                <a:graphic xmlns:a="http://schemas.openxmlformats.org/drawingml/2006/main">
                  <a:graphicData uri="http://schemas.microsoft.com/office/word/2010/wordprocessingGroup">
                    <wpg:wgp>
                      <wpg:cNvGrpSpPr/>
                      <wpg:grpSpPr>
                        <a:xfrm>
                          <a:off x="0" y="0"/>
                          <a:ext cx="6041149" cy="6096"/>
                          <a:chOff x="2325426" y="3776952"/>
                          <a:chExt cx="6041149" cy="9144"/>
                        </a:xfrm>
                      </wpg:grpSpPr>
                      <wpg:grpSp>
                        <wpg:cNvPr id="117540" name="Group 117540"/>
                        <wpg:cNvGrpSpPr/>
                        <wpg:grpSpPr>
                          <a:xfrm>
                            <a:off x="2325426" y="3776952"/>
                            <a:ext cx="6041149" cy="9144"/>
                            <a:chOff x="0" y="0"/>
                            <a:chExt cx="6041149" cy="9144"/>
                          </a:xfrm>
                        </wpg:grpSpPr>
                        <wps:wsp>
                          <wps:cNvPr id="117541" name="Rectangle 117541"/>
                          <wps:cNvSpPr/>
                          <wps:spPr>
                            <a:xfrm>
                              <a:off x="0" y="0"/>
                              <a:ext cx="6041125" cy="6075"/>
                            </a:xfrm>
                            <a:prstGeom prst="rect">
                              <a:avLst/>
                            </a:prstGeom>
                            <a:noFill/>
                            <a:ln>
                              <a:noFill/>
                            </a:ln>
                          </wps:spPr>
                          <wps:txbx>
                            <w:txbxContent>
                              <w:p w14:paraId="08523E5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42" name="Freeform: Shape 117542"/>
                          <wps:cNvSpPr/>
                          <wps:spPr>
                            <a:xfrm>
                              <a:off x="0" y="0"/>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75F229C5" id="Group 117539" o:spid="_x0000_s1183" alt="P161#y1" style="width:475.7pt;height:.5pt;mso-position-horizontal-relative:char;mso-position-vertical-relative:line" coordorigin="23254,37769" coordsize="60411,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">
                <v:group id="Group 117540" o:spid="_x0000_s1184" style="position:absolute;left:23254;top:37769;width:60411;height:91" coordsize="60411,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">
                  <v:rect id="Rectangle 117541" o:spid="_x0000_s1185" style="position:absolute;width:60411;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" filled="f" stroked="f">
                    <v:textbox inset="2.53958mm,2.53958mm,2.53958mm,2.53958mm">
                      <w:txbxContent>
                        <w:p w14:paraId="08523E53" w14:textId="77777777" w:rsidR="00CF54CB" w:rsidRDefault="00CF54CB">
                          <w:pPr>
                            <w:spacing w:after="0" w:line="240" w:lineRule="auto"/>
                            <w:ind w:left="0" w:firstLine="0"/>
                            <w:jc w:val="left"/>
                            <w:textDirection w:val="btLr"/>
                          </w:pPr>
                        </w:p>
                      </w:txbxContent>
                    </v:textbox>
                  </v:rect>
                  <v:shape id="Freeform: Shape 117542" o:spid="_x0000_s1186" style="position:absolute;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" path="m,l6041149,r,9144l,9144,,e" fillcolor="#4472c4" stroked="f">
                    <v:path arrowok="t" o:extrusionok="f"/>
                  </v:shape>
                </v:group>
                <w10:anchorlock/>
              </v:group>
            </w:pict>
          </mc:Fallback>
        </mc:AlternateContent>
      </w:r>
    </w:p>
    <w:p w14:paraId="01C2F6A3" w14:textId="77777777" w:rsidR="00CF54CB" w:rsidRDefault="00344004" w:rsidP="00B078CA">
      <w:pPr>
        <w:pStyle w:val="Heading1"/>
      </w:pPr>
      <w:r>
        <w:t xml:space="preserve">Section 4: Impact of IBTs and CDs to Personal Lines </w:t>
      </w:r>
    </w:p>
    <w:p w14:paraId="2F7C89B5" w14:textId="77777777" w:rsidR="00CF54CB" w:rsidRDefault="00344004">
      <w:pPr>
        <w:spacing w:after="328" w:line="259" w:lineRule="auto"/>
        <w:ind w:left="-24" w:firstLine="0"/>
        <w:jc w:val="left"/>
      </w:pPr>
      <w:r>
        <w:rPr>
          <w:rFonts w:ascii="Calibri" w:eastAsia="Calibri" w:hAnsi="Calibri" w:cs="Calibri"/>
          <w:noProof/>
          <w:sz w:val="22"/>
          <w:szCs w:val="22"/>
        </w:rPr>
        <mc:AlternateContent>
          <mc:Choice Requires="wpg">
            <w:drawing>
              <wp:inline distT="0" distB="0" distL="0" distR="0" wp14:anchorId="418E72A9" wp14:editId="54420669">
                <wp:extent cx="6041149" cy="6096"/>
                <wp:effectExtent l="0" t="0" r="0" b="0"/>
                <wp:docPr id="117543" name="Group 117543" descr="P163#y1"/>
                <wp:cNvGraphicFramePr/>
                <a:graphic xmlns:a="http://schemas.openxmlformats.org/drawingml/2006/main">
                  <a:graphicData uri="http://schemas.microsoft.com/office/word/2010/wordprocessingGroup">
                    <wpg:wgp>
                      <wpg:cNvGrpSpPr/>
                      <wpg:grpSpPr>
                        <a:xfrm>
                          <a:off x="0" y="0"/>
                          <a:ext cx="6041149" cy="6096"/>
                          <a:chOff x="2325426" y="3776952"/>
                          <a:chExt cx="6041149" cy="9144"/>
                        </a:xfrm>
                      </wpg:grpSpPr>
                      <wpg:grpSp>
                        <wpg:cNvPr id="117544" name="Group 117544"/>
                        <wpg:cNvGrpSpPr/>
                        <wpg:grpSpPr>
                          <a:xfrm>
                            <a:off x="2325426" y="3776952"/>
                            <a:ext cx="6041149" cy="9144"/>
                            <a:chOff x="0" y="0"/>
                            <a:chExt cx="6041149" cy="9144"/>
                          </a:xfrm>
                        </wpg:grpSpPr>
                        <wps:wsp>
                          <wps:cNvPr id="117545" name="Rectangle 117545"/>
                          <wps:cNvSpPr/>
                          <wps:spPr>
                            <a:xfrm>
                              <a:off x="0" y="0"/>
                              <a:ext cx="6041125" cy="6075"/>
                            </a:xfrm>
                            <a:prstGeom prst="rect">
                              <a:avLst/>
                            </a:prstGeom>
                            <a:noFill/>
                            <a:ln>
                              <a:noFill/>
                            </a:ln>
                          </wps:spPr>
                          <wps:txbx>
                            <w:txbxContent>
                              <w:p w14:paraId="2F980542"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46" name="Freeform: Shape 117546"/>
                          <wps:cNvSpPr/>
                          <wps:spPr>
                            <a:xfrm>
                              <a:off x="0" y="0"/>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418E72A9" id="Group 117543" o:spid="_x0000_s1187" alt="P163#y1" style="width:475.7pt;height:.5pt;mso-position-horizontal-relative:char;mso-position-vertical-relative:line" coordorigin="23254,37769" coordsize="60411,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">
                <v:group id="Group 117544" o:spid="_x0000_s1188" style="position:absolute;left:23254;top:37769;width:60411;height:91" coordsize="60411,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">
                  <v:rect id="Rectangle 117545" o:spid="_x0000_s1189" style="position:absolute;width:60411;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" filled="f" stroked="f">
                    <v:textbox inset="2.53958mm,2.53958mm,2.53958mm,2.53958mm">
                      <w:txbxContent>
                        <w:p w14:paraId="2F980542" w14:textId="77777777" w:rsidR="00CF54CB" w:rsidRDefault="00CF54CB">
                          <w:pPr>
                            <w:spacing w:after="0" w:line="240" w:lineRule="auto"/>
                            <w:ind w:left="0" w:firstLine="0"/>
                            <w:jc w:val="left"/>
                            <w:textDirection w:val="btLr"/>
                          </w:pPr>
                        </w:p>
                      </w:txbxContent>
                    </v:textbox>
                  </v:rect>
                  <v:shape id="Freeform: Shape 117546" o:spid="_x0000_s1190" style="position:absolute;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" path="m,l6041149,r,9144l,9144,,e" fillcolor="#4472c4" stroked="f">
                    <v:path arrowok="t" o:extrusionok="f"/>
                  </v:shape>
                </v:group>
                <w10:anchorlock/>
              </v:group>
            </w:pict>
          </mc:Fallback>
        </mc:AlternateContent>
      </w:r>
    </w:p>
    <w:p w14:paraId="57BBAAF7" w14:textId="77777777" w:rsidR="00CF54CB" w:rsidRDefault="00344004" w:rsidP="00B078CA">
      <w:pPr>
        <w:pStyle w:val="Heading2"/>
      </w:pPr>
      <w:r>
        <w:t>A.</w:t>
      </w:r>
      <w:r>
        <w:tab/>
        <w:t>Guarant</w:t>
      </w:r>
      <w:sdt>
        <w:sdtPr>
          <w:tag w:val="goog_rdk_125"/>
          <w:id w:val="1313221106"/>
        </w:sdtPr>
        <w:sdtEndPr/>
        <w:sdtContent>
          <w:ins w:id="195" w:author="Daveline, Dan" w:date="2021-12-16T12:36:00Z">
            <w:r>
              <w:t>y</w:t>
            </w:r>
          </w:ins>
        </w:sdtContent>
      </w:sdt>
      <w:sdt>
        <w:sdtPr>
          <w:tag w:val="goog_rdk_126"/>
          <w:id w:val="1710766984"/>
        </w:sdtPr>
        <w:sdtEndPr/>
        <w:sdtContent>
          <w:del w:id="196" w:author="Daveline, Dan" w:date="2021-12-16T12:36:00Z">
            <w:r>
              <w:delText>ee</w:delText>
            </w:r>
          </w:del>
        </w:sdtContent>
      </w:sdt>
      <w:r>
        <w:t xml:space="preserve"> Association Issues</w:t>
      </w:r>
    </w:p>
    <w:p w14:paraId="295EA45B" w14:textId="77777777" w:rsidR="00AA5992" w:rsidRDefault="00DE74AE">
      <w:pPr>
        <w:spacing w:after="272" w:line="242" w:lineRule="auto"/>
        <w:ind w:left="-11" w:right="59" w:firstLine="710"/>
        <w:jc w:val="left"/>
        <w:rPr>
          <w:ins w:id="197" w:author="Daveline, Dan" w:date="2021-12-20T14:55:00Z"/>
        </w:rPr>
      </w:pPr>
      <w:sdt>
        <w:sdtPr>
          <w:tag w:val="goog_rdk_128"/>
          <w:id w:val="623586368"/>
        </w:sdtPr>
        <w:sdtEndPr/>
        <w:sdtContent>
          <w:del w:id="198" w:author="Daveline, Dan" w:date="2021-12-16T12:37:00Z">
            <w:r w:rsidR="00344004">
              <w:delText xml:space="preserve">An important issue for corporate restructuring is the availability of guaranty association coverage in the event of the insolvency of the restructured insurer. </w:delText>
            </w:r>
          </w:del>
        </w:sdtContent>
      </w:sdt>
      <w:r w:rsidR="00344004">
        <w:t xml:space="preserve">In order to </w:t>
      </w:r>
      <w:sdt>
        <w:sdtPr>
          <w:tag w:val="goog_rdk_129"/>
          <w:id w:val="-749580731"/>
        </w:sdtPr>
        <w:sdtEndPr/>
        <w:sdtContent>
          <w:del w:id="199" w:author="Daveline, Dan" w:date="2021-12-16T12:37:00Z">
            <w:r w:rsidR="00344004">
              <w:delText xml:space="preserve">uphold the stated declaration that </w:delText>
            </w:r>
          </w:del>
        </w:sdtContent>
      </w:sdt>
      <w:sdt>
        <w:sdtPr>
          <w:tag w:val="goog_rdk_130"/>
          <w:id w:val="-185141406"/>
        </w:sdtPr>
        <w:sdtEndPr/>
        <w:sdtContent>
          <w:ins w:id="200" w:author="Daveline, Dan" w:date="2021-12-16T12:37:00Z">
            <w:r w:rsidR="00344004">
              <w:t xml:space="preserve">prevent </w:t>
            </w:r>
          </w:ins>
        </w:sdtContent>
      </w:sdt>
      <w:r w:rsidR="00344004">
        <w:t xml:space="preserve">restructuring </w:t>
      </w:r>
      <w:sdt>
        <w:sdtPr>
          <w:tag w:val="goog_rdk_131"/>
          <w:id w:val="-510300071"/>
        </w:sdtPr>
        <w:sdtEndPr/>
        <w:sdtContent>
          <w:del w:id="201" w:author="Daveline, Dan" w:date="2021-12-16T12:37:00Z">
            <w:r w:rsidR="00344004">
              <w:delText xml:space="preserve">should not </w:delText>
            </w:r>
          </w:del>
        </w:sdtContent>
      </w:sdt>
      <w:sdt>
        <w:sdtPr>
          <w:tag w:val="goog_rdk_132"/>
          <w:id w:val="1541777629"/>
        </w:sdtPr>
        <w:sdtEndPr/>
        <w:sdtContent>
          <w:ins w:id="202" w:author="Daveline, Dan" w:date="2021-12-16T12:37:00Z">
            <w:r w:rsidR="00344004">
              <w:t xml:space="preserve">from </w:t>
            </w:r>
          </w:ins>
        </w:sdtContent>
      </w:sdt>
      <w:r w:rsidR="00344004">
        <w:t>materially adversely affect</w:t>
      </w:r>
      <w:sdt>
        <w:sdtPr>
          <w:tag w:val="goog_rdk_133"/>
          <w:id w:val="2015877593"/>
        </w:sdtPr>
        <w:sdtEndPr/>
        <w:sdtContent>
          <w:ins w:id="203" w:author="Daveline, Dan" w:date="2021-12-16T12:38:00Z">
            <w:r w:rsidR="00344004">
              <w:t>ing</w:t>
            </w:r>
          </w:ins>
        </w:sdtContent>
      </w:sdt>
      <w:r w:rsidR="00344004">
        <w:t xml:space="preserve"> consumers, </w:t>
      </w:r>
      <w:sdt>
        <w:sdtPr>
          <w:tag w:val="goog_rdk_134"/>
          <w:id w:val="-895278154"/>
        </w:sdtPr>
        <w:sdtEndPr/>
        <w:sdtContent>
          <w:ins w:id="204" w:author="Daveline, Dan" w:date="2021-12-16T12:38:00Z">
            <w:r w:rsidR="00344004">
              <w:t xml:space="preserve">it is essential to ensure that </w:t>
            </w:r>
          </w:ins>
        </w:sdtContent>
      </w:sdt>
      <w:r w:rsidR="00344004">
        <w:t xml:space="preserve">guaranty association coverage </w:t>
      </w:r>
      <w:sdt>
        <w:sdtPr>
          <w:tag w:val="goog_rdk_135"/>
          <w:id w:val="1567991918"/>
        </w:sdtPr>
        <w:sdtEndPr/>
        <w:sdtContent>
          <w:del w:id="205" w:author="Daveline, Dan" w:date="2021-12-16T12:38:00Z">
            <w:r w:rsidR="00344004">
              <w:delText>should</w:delText>
            </w:r>
          </w:del>
        </w:sdtContent>
      </w:sdt>
      <w:sdt>
        <w:sdtPr>
          <w:tag w:val="goog_rdk_136"/>
          <w:id w:val="-329367843"/>
        </w:sdtPr>
        <w:sdtEndPr/>
        <w:sdtContent>
          <w:ins w:id="206" w:author="Daveline, Dan" w:date="2021-12-16T12:38:00Z">
            <w:r w:rsidR="00344004">
              <w:t>is</w:t>
            </w:r>
          </w:ins>
        </w:sdtContent>
      </w:sdt>
      <w:r w:rsidR="00344004">
        <w:t xml:space="preserve"> not </w:t>
      </w:r>
      <w:sdt>
        <w:sdtPr>
          <w:tag w:val="goog_rdk_137"/>
          <w:id w:val="-212192794"/>
        </w:sdtPr>
        <w:sdtEndPr/>
        <w:sdtContent>
          <w:del w:id="207" w:author="Daveline, Dan" w:date="2021-12-16T12:38:00Z">
            <w:r w:rsidR="00344004">
              <w:delText xml:space="preserve">be </w:delText>
            </w:r>
          </w:del>
        </w:sdtContent>
      </w:sdt>
      <w:r w:rsidR="00344004">
        <w:t xml:space="preserve">reduced or eliminated </w:t>
      </w:r>
      <w:ins w:id="208" w:author="Daveline, Dan" w:date="2021-12-20T14:51:00Z">
        <w:r w:rsidR="000B5F67">
          <w:t xml:space="preserve">or otherwise changed </w:t>
        </w:r>
      </w:ins>
      <w:r w:rsidR="00344004">
        <w:t>by the restructuring. Each state guaranty association is a separate entity governed by the laws of that state, and those statutes will determine</w:t>
      </w:r>
      <w:del w:id="209" w:author="Daveline, Dan" w:date="2021-12-20T14:52:00Z">
        <w:r w:rsidR="00344004" w:rsidDel="005E287D">
          <w:delText xml:space="preserve"> association coverage. Although most states pattern their laws after the NAIC model law, there could potentially be different results concerning guaranty association coverage depending on where the insured resides.</w:delText>
        </w:r>
      </w:del>
      <w:ins w:id="210" w:author="Daveline, Dan" w:date="2021-12-20T14:52:00Z">
        <w:r w:rsidR="006605FC">
          <w:t xml:space="preserve"> Guaranty association coverage. It is possible that</w:t>
        </w:r>
        <w:r w:rsidR="006163A7">
          <w:t xml:space="preserve"> a corporate res</w:t>
        </w:r>
      </w:ins>
      <w:ins w:id="211" w:author="Daveline, Dan" w:date="2021-12-20T14:53:00Z">
        <w:r w:rsidR="006163A7">
          <w:t>tructuring could result in the reduction, elimination or change</w:t>
        </w:r>
        <w:r w:rsidR="00E54AF8">
          <w:t xml:space="preserve"> in guaranty association coverage provided to a policyholder in the event of the restructured </w:t>
        </w:r>
      </w:ins>
      <w:ins w:id="212" w:author="Daveline, Dan" w:date="2021-12-20T14:54:00Z">
        <w:r w:rsidR="003E52CD">
          <w:t>insurer’s insolvency if steps are not taken to prevent that result. The potential coverage issues are different</w:t>
        </w:r>
        <w:r w:rsidR="0059214E">
          <w:t xml:space="preserve"> for life and health guaranty association </w:t>
        </w:r>
      </w:ins>
      <w:ins w:id="213" w:author="Daveline, Dan" w:date="2021-12-20T14:55:00Z">
        <w:r w:rsidR="0059214E">
          <w:t xml:space="preserve">coverage and property and casualty </w:t>
        </w:r>
        <w:r w:rsidR="00AA5992">
          <w:t>guaranty fund coverage. We address them separately below:</w:t>
        </w:r>
      </w:ins>
    </w:p>
    <w:p w14:paraId="559A97C7" w14:textId="21815398" w:rsidR="00CF54CB" w:rsidRPr="00AA5992" w:rsidRDefault="00AA5992">
      <w:pPr>
        <w:spacing w:after="272" w:line="242" w:lineRule="auto"/>
        <w:ind w:left="-11" w:right="59" w:firstLine="710"/>
        <w:jc w:val="left"/>
        <w:rPr>
          <w:b/>
          <w:bCs/>
          <w:rPrChange w:id="214" w:author="Daveline, Dan" w:date="2021-12-20T14:56:00Z">
            <w:rPr/>
          </w:rPrChange>
        </w:rPr>
      </w:pPr>
      <w:ins w:id="215" w:author="Daveline, Dan" w:date="2021-12-20T14:55:00Z">
        <w:r w:rsidRPr="00AA5992">
          <w:rPr>
            <w:b/>
            <w:bCs/>
            <w:rPrChange w:id="216" w:author="Daveline, Dan" w:date="2021-12-20T14:56:00Z">
              <w:rPr/>
            </w:rPrChange>
          </w:rPr>
          <w:t xml:space="preserve">Transactions Involving Life or Health Insurance </w:t>
        </w:r>
      </w:ins>
      <w:ins w:id="217" w:author="Daveline, Dan" w:date="2021-12-20T14:52:00Z">
        <w:r w:rsidR="006605FC" w:rsidRPr="00AA5992">
          <w:rPr>
            <w:b/>
            <w:bCs/>
            <w:rPrChange w:id="218" w:author="Daveline, Dan" w:date="2021-12-20T14:56:00Z">
              <w:rPr/>
            </w:rPrChange>
          </w:rPr>
          <w:t xml:space="preserve"> </w:t>
        </w:r>
      </w:ins>
      <w:r w:rsidR="00344004" w:rsidRPr="00AA5992">
        <w:rPr>
          <w:b/>
          <w:bCs/>
          <w:rPrChange w:id="219" w:author="Daveline, Dan" w:date="2021-12-20T14:56:00Z">
            <w:rPr/>
          </w:rPrChange>
        </w:rPr>
        <w:t xml:space="preserve">   </w:t>
      </w:r>
      <w:r w:rsidR="00344004" w:rsidRPr="00AA5992">
        <w:rPr>
          <w:b/>
          <w:bCs/>
          <w:noProof/>
          <w:rPrChange w:id="220" w:author="Daveline, Dan" w:date="2021-12-20T14:56:00Z">
            <w:rPr>
              <w:noProof/>
            </w:rPr>
          </w:rPrChange>
        </w:rPr>
        <mc:AlternateContent>
          <mc:Choice Requires="wpg">
            <w:drawing>
              <wp:anchor distT="0" distB="0" distL="0" distR="0" simplePos="0" relativeHeight="251663360" behindDoc="1" locked="0" layoutInCell="1" hidden="0" allowOverlap="1" wp14:anchorId="54EE3B98" wp14:editId="03FCCA48">
                <wp:simplePos x="0" y="0"/>
                <wp:positionH relativeFrom="column">
                  <wp:posOffset>406400</wp:posOffset>
                </wp:positionH>
                <wp:positionV relativeFrom="paragraph">
                  <wp:posOffset>-152399</wp:posOffset>
                </wp:positionV>
                <wp:extent cx="5151308" cy="5442282"/>
                <wp:effectExtent l="0" t="0" r="0" b="0"/>
                <wp:wrapNone/>
                <wp:docPr id="117547" name="Group 117547" descr="P165#y1"/>
                <wp:cNvGraphicFramePr/>
                <a:graphic xmlns:a="http://schemas.openxmlformats.org/drawingml/2006/main">
                  <a:graphicData uri="http://schemas.microsoft.com/office/word/2010/wordprocessingGroup">
                    <wpg:wgp>
                      <wpg:cNvGrpSpPr/>
                      <wpg:grpSpPr>
                        <a:xfrm>
                          <a:off x="0" y="0"/>
                          <a:ext cx="5151308" cy="5442282"/>
                          <a:chOff x="2770346" y="1058859"/>
                          <a:chExt cx="5151308" cy="5442282"/>
                        </a:xfrm>
                      </wpg:grpSpPr>
                      <wpg:grpSp>
                        <wpg:cNvPr id="117548" name="Group 117548"/>
                        <wpg:cNvGrpSpPr/>
                        <wpg:grpSpPr>
                          <a:xfrm>
                            <a:off x="2770346" y="1058859"/>
                            <a:ext cx="5151308" cy="5442282"/>
                            <a:chOff x="0" y="0"/>
                            <a:chExt cx="5151308" cy="5442282"/>
                          </a:xfrm>
                        </wpg:grpSpPr>
                        <wps:wsp>
                          <wps:cNvPr id="117549" name="Rectangle 117549"/>
                          <wps:cNvSpPr/>
                          <wps:spPr>
                            <a:xfrm>
                              <a:off x="0" y="0"/>
                              <a:ext cx="5151300" cy="5442275"/>
                            </a:xfrm>
                            <a:prstGeom prst="rect">
                              <a:avLst/>
                            </a:prstGeom>
                            <a:noFill/>
                            <a:ln>
                              <a:noFill/>
                            </a:ln>
                          </wps:spPr>
                          <wps:txbx>
                            <w:txbxContent>
                              <w:p w14:paraId="25CC2DA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50" name="Freeform: Shape 117550"/>
                          <wps:cNvSpPr/>
                          <wps:spPr>
                            <a:xfrm>
                              <a:off x="0" y="3484466"/>
                              <a:ext cx="1000596" cy="1472664"/>
                            </a:xfrm>
                            <a:custGeom>
                              <a:avLst/>
                              <a:gdLst/>
                              <a:ahLst/>
                              <a:cxnLst/>
                              <a:rect l="l" t="t" r="r" b="b"/>
                              <a:pathLst>
                                <a:path w="1000596" h="1472664" extrusionOk="0">
                                  <a:moveTo>
                                    <a:pt x="639526" y="592"/>
                                  </a:moveTo>
                                  <a:cubicBezTo>
                                    <a:pt x="688638" y="1184"/>
                                    <a:pt x="739197" y="7756"/>
                                    <a:pt x="791032" y="20837"/>
                                  </a:cubicBezTo>
                                  <a:cubicBezTo>
                                    <a:pt x="843153" y="34890"/>
                                    <a:pt x="896506" y="53877"/>
                                    <a:pt x="950816" y="78416"/>
                                  </a:cubicBezTo>
                                  <a:lnTo>
                                    <a:pt x="1000596" y="103292"/>
                                  </a:lnTo>
                                  <a:lnTo>
                                    <a:pt x="1000596" y="330497"/>
                                  </a:lnTo>
                                  <a:lnTo>
                                    <a:pt x="954591" y="304878"/>
                                  </a:lnTo>
                                  <a:cubicBezTo>
                                    <a:pt x="913406" y="283927"/>
                                    <a:pt x="872750" y="267167"/>
                                    <a:pt x="832777" y="254238"/>
                                  </a:cubicBezTo>
                                  <a:cubicBezTo>
                                    <a:pt x="772874" y="234893"/>
                                    <a:pt x="715315" y="227570"/>
                                    <a:pt x="659761" y="230085"/>
                                  </a:cubicBezTo>
                                  <a:cubicBezTo>
                                    <a:pt x="641243" y="230923"/>
                                    <a:pt x="622948" y="232854"/>
                                    <a:pt x="604863" y="235798"/>
                                  </a:cubicBezTo>
                                  <a:cubicBezTo>
                                    <a:pt x="532460" y="247507"/>
                                    <a:pt x="463931" y="288134"/>
                                    <a:pt x="397827" y="354238"/>
                                  </a:cubicBezTo>
                                  <a:cubicBezTo>
                                    <a:pt x="354521" y="397545"/>
                                    <a:pt x="311150" y="440915"/>
                                    <a:pt x="267792" y="484273"/>
                                  </a:cubicBezTo>
                                  <a:lnTo>
                                    <a:pt x="1000596" y="1217085"/>
                                  </a:lnTo>
                                  <a:lnTo>
                                    <a:pt x="1000596" y="1472664"/>
                                  </a:lnTo>
                                  <a:lnTo>
                                    <a:pt x="52705" y="524773"/>
                                  </a:lnTo>
                                  <a:cubicBezTo>
                                    <a:pt x="21615" y="493684"/>
                                    <a:pt x="5537" y="466887"/>
                                    <a:pt x="2553" y="443341"/>
                                  </a:cubicBezTo>
                                  <a:cubicBezTo>
                                    <a:pt x="0" y="421725"/>
                                    <a:pt x="5410" y="404580"/>
                                    <a:pt x="16574" y="393430"/>
                                  </a:cubicBezTo>
                                  <a:cubicBezTo>
                                    <a:pt x="89090" y="320913"/>
                                    <a:pt x="161684" y="248320"/>
                                    <a:pt x="234201" y="175790"/>
                                  </a:cubicBezTo>
                                  <a:cubicBezTo>
                                    <a:pt x="317449" y="92554"/>
                                    <a:pt x="404609" y="37906"/>
                                    <a:pt x="496697" y="16227"/>
                                  </a:cubicBezTo>
                                  <a:cubicBezTo>
                                    <a:pt x="542747" y="5388"/>
                                    <a:pt x="590414" y="0"/>
                                    <a:pt x="639526" y="592"/>
                                  </a:cubicBezTo>
                                  <a:close/>
                                </a:path>
                              </a:pathLst>
                            </a:custGeom>
                            <a:solidFill>
                              <a:srgbClr val="C0C0C0">
                                <a:alpha val="49803"/>
                              </a:srgbClr>
                            </a:solidFill>
                            <a:ln>
                              <a:noFill/>
                            </a:ln>
                          </wps:spPr>
                          <wps:txbx>
                            <w:txbxContent>
                              <w:p w14:paraId="071A9E2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51" name="Freeform: Shape 117551"/>
                          <wps:cNvSpPr/>
                          <wps:spPr>
                            <a:xfrm>
                              <a:off x="1000596" y="3587758"/>
                              <a:ext cx="959243" cy="1854524"/>
                            </a:xfrm>
                            <a:custGeom>
                              <a:avLst/>
                              <a:gdLst/>
                              <a:ahLst/>
                              <a:cxnLst/>
                              <a:rect l="l" t="t" r="r" b="b"/>
                              <a:pathLst>
                                <a:path w="959243" h="1854524" extrusionOk="0">
                                  <a:moveTo>
                                    <a:pt x="0" y="0"/>
                                  </a:moveTo>
                                  <a:lnTo>
                                    <a:pt x="32368" y="16175"/>
                                  </a:lnTo>
                                  <a:cubicBezTo>
                                    <a:pt x="59967" y="31299"/>
                                    <a:pt x="87772" y="47889"/>
                                    <a:pt x="115747" y="66021"/>
                                  </a:cubicBezTo>
                                  <a:cubicBezTo>
                                    <a:pt x="227583" y="138487"/>
                                    <a:pt x="342785" y="233623"/>
                                    <a:pt x="458863" y="349701"/>
                                  </a:cubicBezTo>
                                  <a:cubicBezTo>
                                    <a:pt x="592822" y="483660"/>
                                    <a:pt x="699172" y="611575"/>
                                    <a:pt x="777366" y="732136"/>
                                  </a:cubicBezTo>
                                  <a:cubicBezTo>
                                    <a:pt x="856817" y="853815"/>
                                    <a:pt x="907401" y="967340"/>
                                    <a:pt x="933322" y="1073766"/>
                                  </a:cubicBezTo>
                                  <a:cubicBezTo>
                                    <a:pt x="959243" y="1180179"/>
                                    <a:pt x="957185" y="1280928"/>
                                    <a:pt x="930833" y="1372953"/>
                                  </a:cubicBezTo>
                                  <a:cubicBezTo>
                                    <a:pt x="904467" y="1464863"/>
                                    <a:pt x="849832" y="1552022"/>
                                    <a:pt x="767396" y="1634458"/>
                                  </a:cubicBezTo>
                                  <a:cubicBezTo>
                                    <a:pt x="699553" y="1702302"/>
                                    <a:pt x="631697" y="1770158"/>
                                    <a:pt x="563841" y="1838013"/>
                                  </a:cubicBezTo>
                                  <a:cubicBezTo>
                                    <a:pt x="552690" y="1849165"/>
                                    <a:pt x="535494" y="1854524"/>
                                    <a:pt x="512749" y="1850841"/>
                                  </a:cubicBezTo>
                                  <a:cubicBezTo>
                                    <a:pt x="490384" y="1849038"/>
                                    <a:pt x="463587" y="1832959"/>
                                    <a:pt x="432497" y="1801870"/>
                                  </a:cubicBezTo>
                                  <a:lnTo>
                                    <a:pt x="0" y="1369372"/>
                                  </a:lnTo>
                                  <a:lnTo>
                                    <a:pt x="0" y="1113793"/>
                                  </a:lnTo>
                                  <a:lnTo>
                                    <a:pt x="471753" y="1585551"/>
                                  </a:lnTo>
                                  <a:cubicBezTo>
                                    <a:pt x="515619" y="1541685"/>
                                    <a:pt x="559485" y="1497819"/>
                                    <a:pt x="603287" y="1454017"/>
                                  </a:cubicBezTo>
                                  <a:cubicBezTo>
                                    <a:pt x="664971" y="1392333"/>
                                    <a:pt x="704849" y="1329277"/>
                                    <a:pt x="721486" y="1261675"/>
                                  </a:cubicBezTo>
                                  <a:cubicBezTo>
                                    <a:pt x="738123" y="1194073"/>
                                    <a:pt x="737247" y="1122051"/>
                                    <a:pt x="713320" y="1042550"/>
                                  </a:cubicBezTo>
                                  <a:cubicBezTo>
                                    <a:pt x="689520" y="963047"/>
                                    <a:pt x="648651" y="877691"/>
                                    <a:pt x="584656" y="786035"/>
                                  </a:cubicBezTo>
                                  <a:cubicBezTo>
                                    <a:pt x="521918" y="695623"/>
                                    <a:pt x="438047" y="597808"/>
                                    <a:pt x="332751" y="492512"/>
                                  </a:cubicBezTo>
                                  <a:cubicBezTo>
                                    <a:pt x="249020" y="408768"/>
                                    <a:pt x="164400" y="337991"/>
                                    <a:pt x="78980" y="277361"/>
                                  </a:cubicBezTo>
                                  <a:cubicBezTo>
                                    <a:pt x="57936" y="262518"/>
                                    <a:pt x="36986" y="248812"/>
                                    <a:pt x="16149" y="236197"/>
                                  </a:cubicBezTo>
                                  <a:lnTo>
                                    <a:pt x="0" y="227205"/>
                                  </a:lnTo>
                                  <a:lnTo>
                                    <a:pt x="0" y="0"/>
                                  </a:lnTo>
                                  <a:close/>
                                </a:path>
                              </a:pathLst>
                            </a:custGeom>
                            <a:solidFill>
                              <a:srgbClr val="C0C0C0">
                                <a:alpha val="49803"/>
                              </a:srgbClr>
                            </a:solidFill>
                            <a:ln>
                              <a:noFill/>
                            </a:ln>
                          </wps:spPr>
                          <wps:txbx>
                            <w:txbxContent>
                              <w:p w14:paraId="2A27763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52" name="Freeform: Shape 117552"/>
                          <wps:cNvSpPr/>
                          <wps:spPr>
                            <a:xfrm>
                              <a:off x="936154" y="2590207"/>
                              <a:ext cx="628690" cy="1058861"/>
                            </a:xfrm>
                            <a:custGeom>
                              <a:avLst/>
                              <a:gdLst/>
                              <a:ahLst/>
                              <a:cxnLst/>
                              <a:rect l="l" t="t" r="r" b="b"/>
                              <a:pathLst>
                                <a:path w="628690" h="1058861" extrusionOk="0">
                                  <a:moveTo>
                                    <a:pt x="559321" y="2040"/>
                                  </a:moveTo>
                                  <a:cubicBezTo>
                                    <a:pt x="572297" y="3060"/>
                                    <a:pt x="585367" y="4730"/>
                                    <a:pt x="598565" y="7135"/>
                                  </a:cubicBezTo>
                                  <a:lnTo>
                                    <a:pt x="628690" y="14286"/>
                                  </a:lnTo>
                                  <a:lnTo>
                                    <a:pt x="628690" y="238084"/>
                                  </a:lnTo>
                                  <a:lnTo>
                                    <a:pt x="623625" y="236432"/>
                                  </a:lnTo>
                                  <a:cubicBezTo>
                                    <a:pt x="609005" y="233143"/>
                                    <a:pt x="594429" y="231336"/>
                                    <a:pt x="579896" y="230970"/>
                                  </a:cubicBezTo>
                                  <a:cubicBezTo>
                                    <a:pt x="550831" y="230238"/>
                                    <a:pt x="521938" y="235271"/>
                                    <a:pt x="493217" y="245742"/>
                                  </a:cubicBezTo>
                                  <a:cubicBezTo>
                                    <a:pt x="474523" y="252219"/>
                                    <a:pt x="457632" y="262252"/>
                                    <a:pt x="439636" y="275396"/>
                                  </a:cubicBezTo>
                                  <a:cubicBezTo>
                                    <a:pt x="421627" y="288541"/>
                                    <a:pt x="399631" y="308175"/>
                                    <a:pt x="374332" y="333461"/>
                                  </a:cubicBezTo>
                                  <a:cubicBezTo>
                                    <a:pt x="338442" y="369351"/>
                                    <a:pt x="302489" y="405304"/>
                                    <a:pt x="266611" y="441194"/>
                                  </a:cubicBezTo>
                                  <a:lnTo>
                                    <a:pt x="628690" y="803273"/>
                                  </a:lnTo>
                                  <a:lnTo>
                                    <a:pt x="628690" y="1058861"/>
                                  </a:lnTo>
                                  <a:lnTo>
                                    <a:pt x="52705" y="482876"/>
                                  </a:lnTo>
                                  <a:cubicBezTo>
                                    <a:pt x="21615" y="451786"/>
                                    <a:pt x="5537" y="424990"/>
                                    <a:pt x="2553" y="401444"/>
                                  </a:cubicBezTo>
                                  <a:cubicBezTo>
                                    <a:pt x="0" y="379828"/>
                                    <a:pt x="5359" y="362747"/>
                                    <a:pt x="16510" y="351596"/>
                                  </a:cubicBezTo>
                                  <a:cubicBezTo>
                                    <a:pt x="84607" y="283499"/>
                                    <a:pt x="152705" y="215401"/>
                                    <a:pt x="220815" y="147291"/>
                                  </a:cubicBezTo>
                                  <a:cubicBezTo>
                                    <a:pt x="245364" y="122742"/>
                                    <a:pt x="266611" y="103870"/>
                                    <a:pt x="284112" y="88731"/>
                                  </a:cubicBezTo>
                                  <a:cubicBezTo>
                                    <a:pt x="302247" y="75574"/>
                                    <a:pt x="319316" y="62989"/>
                                    <a:pt x="334454" y="52841"/>
                                  </a:cubicBezTo>
                                  <a:cubicBezTo>
                                    <a:pt x="382499" y="26730"/>
                                    <a:pt x="430479" y="8785"/>
                                    <a:pt x="482308" y="3058"/>
                                  </a:cubicBezTo>
                                  <a:cubicBezTo>
                                    <a:pt x="507791" y="562"/>
                                    <a:pt x="533368" y="0"/>
                                    <a:pt x="559321" y="2040"/>
                                  </a:cubicBezTo>
                                  <a:close/>
                                </a:path>
                              </a:pathLst>
                            </a:custGeom>
                            <a:solidFill>
                              <a:srgbClr val="C0C0C0">
                                <a:alpha val="49803"/>
                              </a:srgbClr>
                            </a:solidFill>
                            <a:ln>
                              <a:noFill/>
                            </a:ln>
                          </wps:spPr>
                          <wps:txbx>
                            <w:txbxContent>
                              <w:p w14:paraId="3E9CF360"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53" name="Freeform: Shape 117553"/>
                          <wps:cNvSpPr/>
                          <wps:spPr>
                            <a:xfrm>
                              <a:off x="1564843" y="2604493"/>
                              <a:ext cx="1516569" cy="1918460"/>
                            </a:xfrm>
                            <a:custGeom>
                              <a:avLst/>
                              <a:gdLst/>
                              <a:ahLst/>
                              <a:cxnLst/>
                              <a:rect l="l" t="t" r="r" b="b"/>
                              <a:pathLst>
                                <a:path w="1516569" h="1918460" extrusionOk="0">
                                  <a:moveTo>
                                    <a:pt x="0" y="0"/>
                                  </a:moveTo>
                                  <a:lnTo>
                                    <a:pt x="9892" y="2348"/>
                                  </a:lnTo>
                                  <a:cubicBezTo>
                                    <a:pt x="63714" y="18172"/>
                                    <a:pt x="117118" y="40918"/>
                                    <a:pt x="170890" y="75742"/>
                                  </a:cubicBezTo>
                                  <a:cubicBezTo>
                                    <a:pt x="224661" y="110577"/>
                                    <a:pt x="278370" y="154939"/>
                                    <a:pt x="332192" y="208774"/>
                                  </a:cubicBezTo>
                                  <a:cubicBezTo>
                                    <a:pt x="383602" y="260171"/>
                                    <a:pt x="425652" y="311453"/>
                                    <a:pt x="458303" y="360171"/>
                                  </a:cubicBezTo>
                                  <a:cubicBezTo>
                                    <a:pt x="491450" y="410767"/>
                                    <a:pt x="514133" y="459611"/>
                                    <a:pt x="529271" y="506906"/>
                                  </a:cubicBezTo>
                                  <a:cubicBezTo>
                                    <a:pt x="545590" y="555382"/>
                                    <a:pt x="552944" y="602359"/>
                                    <a:pt x="553134" y="648156"/>
                                  </a:cubicBezTo>
                                  <a:cubicBezTo>
                                    <a:pt x="553261" y="693889"/>
                                    <a:pt x="547521" y="739367"/>
                                    <a:pt x="535189" y="783233"/>
                                  </a:cubicBezTo>
                                  <a:cubicBezTo>
                                    <a:pt x="561542" y="778687"/>
                                    <a:pt x="590764" y="777632"/>
                                    <a:pt x="620114" y="782052"/>
                                  </a:cubicBezTo>
                                  <a:cubicBezTo>
                                    <a:pt x="650645" y="787653"/>
                                    <a:pt x="683792" y="794765"/>
                                    <a:pt x="718742" y="807909"/>
                                  </a:cubicBezTo>
                                  <a:cubicBezTo>
                                    <a:pt x="753692" y="820927"/>
                                    <a:pt x="791831" y="837500"/>
                                    <a:pt x="832445" y="859179"/>
                                  </a:cubicBezTo>
                                  <a:cubicBezTo>
                                    <a:pt x="873073" y="880871"/>
                                    <a:pt x="918437" y="904670"/>
                                    <a:pt x="967472" y="934757"/>
                                  </a:cubicBezTo>
                                  <a:cubicBezTo>
                                    <a:pt x="1109470" y="1020304"/>
                                    <a:pt x="1252587" y="1103857"/>
                                    <a:pt x="1394522" y="1189468"/>
                                  </a:cubicBezTo>
                                  <a:cubicBezTo>
                                    <a:pt x="1429904" y="1211655"/>
                                    <a:pt x="1454771" y="1227289"/>
                                    <a:pt x="1467725" y="1235886"/>
                                  </a:cubicBezTo>
                                  <a:cubicBezTo>
                                    <a:pt x="1481872" y="1245666"/>
                                    <a:pt x="1492274" y="1254454"/>
                                    <a:pt x="1498256" y="1260436"/>
                                  </a:cubicBezTo>
                                  <a:cubicBezTo>
                                    <a:pt x="1504237" y="1266417"/>
                                    <a:pt x="1509406" y="1273212"/>
                                    <a:pt x="1512772" y="1279435"/>
                                  </a:cubicBezTo>
                                  <a:cubicBezTo>
                                    <a:pt x="1516137" y="1285670"/>
                                    <a:pt x="1516569" y="1292211"/>
                                    <a:pt x="1515083" y="1301063"/>
                                  </a:cubicBezTo>
                                  <a:cubicBezTo>
                                    <a:pt x="1513521" y="1309851"/>
                                    <a:pt x="1509101" y="1318881"/>
                                    <a:pt x="1501431" y="1329041"/>
                                  </a:cubicBezTo>
                                  <a:cubicBezTo>
                                    <a:pt x="1493709" y="1339125"/>
                                    <a:pt x="1482990" y="1352218"/>
                                    <a:pt x="1468157" y="1367039"/>
                                  </a:cubicBezTo>
                                  <a:cubicBezTo>
                                    <a:pt x="1455507" y="1379689"/>
                                    <a:pt x="1443925" y="1388909"/>
                                    <a:pt x="1434578" y="1395894"/>
                                  </a:cubicBezTo>
                                  <a:cubicBezTo>
                                    <a:pt x="1425167" y="1402802"/>
                                    <a:pt x="1416137" y="1407235"/>
                                    <a:pt x="1406104" y="1407540"/>
                                  </a:cubicBezTo>
                                  <a:cubicBezTo>
                                    <a:pt x="1397316" y="1409102"/>
                                    <a:pt x="1388782" y="1408162"/>
                                    <a:pt x="1380615" y="1404365"/>
                                  </a:cubicBezTo>
                                  <a:cubicBezTo>
                                    <a:pt x="1371713" y="1401304"/>
                                    <a:pt x="1361057" y="1395271"/>
                                    <a:pt x="1349284" y="1387854"/>
                                  </a:cubicBezTo>
                                  <a:cubicBezTo>
                                    <a:pt x="1198625" y="1295018"/>
                                    <a:pt x="1046656" y="1204238"/>
                                    <a:pt x="896009" y="1111401"/>
                                  </a:cubicBezTo>
                                  <a:cubicBezTo>
                                    <a:pt x="843913" y="1079753"/>
                                    <a:pt x="794942" y="1052334"/>
                                    <a:pt x="749209" y="1028533"/>
                                  </a:cubicBezTo>
                                  <a:cubicBezTo>
                                    <a:pt x="703604" y="1004734"/>
                                    <a:pt x="660055" y="988846"/>
                                    <a:pt x="619428" y="979003"/>
                                  </a:cubicBezTo>
                                  <a:cubicBezTo>
                                    <a:pt x="578737" y="969097"/>
                                    <a:pt x="541730" y="968475"/>
                                    <a:pt x="506589" y="974571"/>
                                  </a:cubicBezTo>
                                  <a:cubicBezTo>
                                    <a:pt x="472565" y="981925"/>
                                    <a:pt x="440104" y="1000314"/>
                                    <a:pt x="411135" y="1029283"/>
                                  </a:cubicBezTo>
                                  <a:cubicBezTo>
                                    <a:pt x="382662" y="1057756"/>
                                    <a:pt x="354189" y="1086229"/>
                                    <a:pt x="325715" y="1114703"/>
                                  </a:cubicBezTo>
                                  <a:cubicBezTo>
                                    <a:pt x="545463" y="1334464"/>
                                    <a:pt x="765161" y="1554149"/>
                                    <a:pt x="984845" y="1773846"/>
                                  </a:cubicBezTo>
                                  <a:cubicBezTo>
                                    <a:pt x="990827" y="1779827"/>
                                    <a:pt x="996059" y="1786546"/>
                                    <a:pt x="998625" y="1793594"/>
                                  </a:cubicBezTo>
                                  <a:cubicBezTo>
                                    <a:pt x="1001241" y="1800566"/>
                                    <a:pt x="1000987" y="1807793"/>
                                    <a:pt x="998929" y="1814714"/>
                                  </a:cubicBezTo>
                                  <a:cubicBezTo>
                                    <a:pt x="997495" y="1823503"/>
                                    <a:pt x="993761" y="1831846"/>
                                    <a:pt x="988020" y="1842439"/>
                                  </a:cubicBezTo>
                                  <a:cubicBezTo>
                                    <a:pt x="981048" y="1851785"/>
                                    <a:pt x="971828" y="1863381"/>
                                    <a:pt x="959242" y="1875966"/>
                                  </a:cubicBezTo>
                                  <a:cubicBezTo>
                                    <a:pt x="946593" y="1888616"/>
                                    <a:pt x="935747" y="1897087"/>
                                    <a:pt x="926400" y="1904059"/>
                                  </a:cubicBezTo>
                                  <a:cubicBezTo>
                                    <a:pt x="915808" y="1909799"/>
                                    <a:pt x="906778" y="1914219"/>
                                    <a:pt x="897927" y="1915717"/>
                                  </a:cubicBezTo>
                                  <a:cubicBezTo>
                                    <a:pt x="890332" y="1918460"/>
                                    <a:pt x="883791" y="1918016"/>
                                    <a:pt x="876807" y="1915400"/>
                                  </a:cubicBezTo>
                                  <a:cubicBezTo>
                                    <a:pt x="869834" y="1912784"/>
                                    <a:pt x="863040" y="1907615"/>
                                    <a:pt x="857058" y="1901633"/>
                                  </a:cubicBezTo>
                                  <a:lnTo>
                                    <a:pt x="0" y="1044575"/>
                                  </a:lnTo>
                                  <a:lnTo>
                                    <a:pt x="0" y="788988"/>
                                  </a:lnTo>
                                  <a:lnTo>
                                    <a:pt x="159485" y="948473"/>
                                  </a:lnTo>
                                  <a:cubicBezTo>
                                    <a:pt x="201103" y="906855"/>
                                    <a:pt x="242721" y="865237"/>
                                    <a:pt x="284275" y="823670"/>
                                  </a:cubicBezTo>
                                  <a:cubicBezTo>
                                    <a:pt x="317740" y="790218"/>
                                    <a:pt x="340600" y="753388"/>
                                    <a:pt x="351572" y="715631"/>
                                  </a:cubicBezTo>
                                  <a:cubicBezTo>
                                    <a:pt x="362660" y="677874"/>
                                    <a:pt x="365530" y="639863"/>
                                    <a:pt x="357491" y="599680"/>
                                  </a:cubicBezTo>
                                  <a:cubicBezTo>
                                    <a:pt x="350760" y="560678"/>
                                    <a:pt x="335748" y="521118"/>
                                    <a:pt x="311453" y="480744"/>
                                  </a:cubicBezTo>
                                  <a:cubicBezTo>
                                    <a:pt x="286396" y="441108"/>
                                    <a:pt x="255497" y="402601"/>
                                    <a:pt x="218426" y="365530"/>
                                  </a:cubicBezTo>
                                  <a:cubicBezTo>
                                    <a:pt x="157428" y="304532"/>
                                    <a:pt x="97737" y="261669"/>
                                    <a:pt x="38924" y="236498"/>
                                  </a:cubicBezTo>
                                  <a:lnTo>
                                    <a:pt x="0" y="223799"/>
                                  </a:lnTo>
                                  <a:lnTo>
                                    <a:pt x="0" y="0"/>
                                  </a:lnTo>
                                  <a:close/>
                                </a:path>
                              </a:pathLst>
                            </a:custGeom>
                            <a:solidFill>
                              <a:srgbClr val="C0C0C0">
                                <a:alpha val="49803"/>
                              </a:srgbClr>
                            </a:solidFill>
                            <a:ln>
                              <a:noFill/>
                            </a:ln>
                          </wps:spPr>
                          <wps:txbx>
                            <w:txbxContent>
                              <w:p w14:paraId="55BC07F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54" name="Freeform: Shape 117554"/>
                          <wps:cNvSpPr/>
                          <wps:spPr>
                            <a:xfrm>
                              <a:off x="1978105" y="1786690"/>
                              <a:ext cx="734403" cy="1318044"/>
                            </a:xfrm>
                            <a:custGeom>
                              <a:avLst/>
                              <a:gdLst/>
                              <a:ahLst/>
                              <a:cxnLst/>
                              <a:rect l="l" t="t" r="r" b="b"/>
                              <a:pathLst>
                                <a:path w="734403" h="1318044" extrusionOk="0">
                                  <a:moveTo>
                                    <a:pt x="143118" y="343"/>
                                  </a:moveTo>
                                  <a:cubicBezTo>
                                    <a:pt x="147619" y="0"/>
                                    <a:pt x="152025" y="327"/>
                                    <a:pt x="156820" y="1508"/>
                                  </a:cubicBezTo>
                                  <a:cubicBezTo>
                                    <a:pt x="166548" y="3870"/>
                                    <a:pt x="177203" y="9916"/>
                                    <a:pt x="187732" y="16088"/>
                                  </a:cubicBezTo>
                                  <a:lnTo>
                                    <a:pt x="734403" y="362456"/>
                                  </a:lnTo>
                                  <a:lnTo>
                                    <a:pt x="734403" y="577667"/>
                                  </a:lnTo>
                                  <a:lnTo>
                                    <a:pt x="265049" y="276095"/>
                                  </a:lnTo>
                                  <a:cubicBezTo>
                                    <a:pt x="264795" y="276336"/>
                                    <a:pt x="264554" y="276590"/>
                                    <a:pt x="264300" y="276844"/>
                                  </a:cubicBezTo>
                                  <a:cubicBezTo>
                                    <a:pt x="365894" y="432641"/>
                                    <a:pt x="466550" y="589061"/>
                                    <a:pt x="567214" y="745472"/>
                                  </a:cubicBezTo>
                                  <a:lnTo>
                                    <a:pt x="734403" y="1004067"/>
                                  </a:lnTo>
                                  <a:lnTo>
                                    <a:pt x="734403" y="1318044"/>
                                  </a:lnTo>
                                  <a:lnTo>
                                    <a:pt x="574148" y="1065135"/>
                                  </a:lnTo>
                                  <a:cubicBezTo>
                                    <a:pt x="388880" y="771360"/>
                                    <a:pt x="203613" y="477586"/>
                                    <a:pt x="16447" y="184998"/>
                                  </a:cubicBezTo>
                                  <a:cubicBezTo>
                                    <a:pt x="10224" y="174406"/>
                                    <a:pt x="5423" y="164995"/>
                                    <a:pt x="3048" y="155280"/>
                                  </a:cubicBezTo>
                                  <a:cubicBezTo>
                                    <a:pt x="0" y="146377"/>
                                    <a:pt x="1054" y="138338"/>
                                    <a:pt x="4051" y="127988"/>
                                  </a:cubicBezTo>
                                  <a:cubicBezTo>
                                    <a:pt x="6287" y="118526"/>
                                    <a:pt x="12217" y="107985"/>
                                    <a:pt x="20625" y="97088"/>
                                  </a:cubicBezTo>
                                  <a:cubicBezTo>
                                    <a:pt x="29032" y="86179"/>
                                    <a:pt x="40996" y="74343"/>
                                    <a:pt x="55829" y="59522"/>
                                  </a:cubicBezTo>
                                  <a:cubicBezTo>
                                    <a:pt x="71463" y="43875"/>
                                    <a:pt x="84735" y="30477"/>
                                    <a:pt x="96393" y="21320"/>
                                  </a:cubicBezTo>
                                  <a:cubicBezTo>
                                    <a:pt x="108039" y="12164"/>
                                    <a:pt x="118567" y="6245"/>
                                    <a:pt x="128854" y="3197"/>
                                  </a:cubicBezTo>
                                  <a:cubicBezTo>
                                    <a:pt x="134023" y="1698"/>
                                    <a:pt x="138617" y="686"/>
                                    <a:pt x="143118" y="343"/>
                                  </a:cubicBezTo>
                                  <a:close/>
                                </a:path>
                              </a:pathLst>
                            </a:custGeom>
                            <a:solidFill>
                              <a:srgbClr val="C0C0C0">
                                <a:alpha val="49803"/>
                              </a:srgbClr>
                            </a:solidFill>
                            <a:ln>
                              <a:noFill/>
                            </a:ln>
                          </wps:spPr>
                          <wps:txbx>
                            <w:txbxContent>
                              <w:p w14:paraId="3848BADB"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55" name="Freeform: Shape 117555"/>
                          <wps:cNvSpPr/>
                          <wps:spPr>
                            <a:xfrm>
                              <a:off x="2712508" y="2149147"/>
                              <a:ext cx="1283754" cy="1652916"/>
                            </a:xfrm>
                            <a:custGeom>
                              <a:avLst/>
                              <a:gdLst/>
                              <a:ahLst/>
                              <a:cxnLst/>
                              <a:rect l="l" t="t" r="r" b="b"/>
                              <a:pathLst>
                                <a:path w="1283754" h="1652916" extrusionOk="0">
                                  <a:moveTo>
                                    <a:pt x="0" y="0"/>
                                  </a:moveTo>
                                  <a:lnTo>
                                    <a:pt x="333496" y="211301"/>
                                  </a:lnTo>
                                  <a:cubicBezTo>
                                    <a:pt x="627269" y="396569"/>
                                    <a:pt x="921042" y="581837"/>
                                    <a:pt x="1213663" y="768971"/>
                                  </a:cubicBezTo>
                                  <a:cubicBezTo>
                                    <a:pt x="1235215" y="783296"/>
                                    <a:pt x="1250671" y="794142"/>
                                    <a:pt x="1262202" y="804175"/>
                                  </a:cubicBezTo>
                                  <a:cubicBezTo>
                                    <a:pt x="1272984" y="814958"/>
                                    <a:pt x="1278953" y="825549"/>
                                    <a:pt x="1281392" y="835201"/>
                                  </a:cubicBezTo>
                                  <a:cubicBezTo>
                                    <a:pt x="1283754" y="844917"/>
                                    <a:pt x="1280516" y="855140"/>
                                    <a:pt x="1272794" y="865364"/>
                                  </a:cubicBezTo>
                                  <a:cubicBezTo>
                                    <a:pt x="1264374" y="876133"/>
                                    <a:pt x="1253668" y="889227"/>
                                    <a:pt x="1238021" y="904861"/>
                                  </a:cubicBezTo>
                                  <a:cubicBezTo>
                                    <a:pt x="1222451" y="920444"/>
                                    <a:pt x="1210615" y="932395"/>
                                    <a:pt x="1200455" y="940065"/>
                                  </a:cubicBezTo>
                                  <a:cubicBezTo>
                                    <a:pt x="1189546" y="948473"/>
                                    <a:pt x="1180516" y="952905"/>
                                    <a:pt x="1172477" y="953705"/>
                                  </a:cubicBezTo>
                                  <a:cubicBezTo>
                                    <a:pt x="1164882" y="956448"/>
                                    <a:pt x="1158265" y="955953"/>
                                    <a:pt x="1151293" y="953337"/>
                                  </a:cubicBezTo>
                                  <a:cubicBezTo>
                                    <a:pt x="1144321" y="950721"/>
                                    <a:pt x="1136028" y="947038"/>
                                    <a:pt x="1126681" y="942059"/>
                                  </a:cubicBezTo>
                                  <a:cubicBezTo>
                                    <a:pt x="973976" y="843304"/>
                                    <a:pt x="820077" y="746479"/>
                                    <a:pt x="667360" y="647724"/>
                                  </a:cubicBezTo>
                                  <a:cubicBezTo>
                                    <a:pt x="534149" y="780934"/>
                                    <a:pt x="400876" y="914208"/>
                                    <a:pt x="267665" y="1047418"/>
                                  </a:cubicBezTo>
                                  <a:cubicBezTo>
                                    <a:pt x="366039" y="1197266"/>
                                    <a:pt x="462559" y="1348358"/>
                                    <a:pt x="560934" y="1498205"/>
                                  </a:cubicBezTo>
                                  <a:cubicBezTo>
                                    <a:pt x="566738" y="1506866"/>
                                    <a:pt x="570344" y="1515096"/>
                                    <a:pt x="572960" y="1522068"/>
                                  </a:cubicBezTo>
                                  <a:cubicBezTo>
                                    <a:pt x="576707" y="1530298"/>
                                    <a:pt x="576516" y="1537588"/>
                                    <a:pt x="575704" y="1545627"/>
                                  </a:cubicBezTo>
                                  <a:cubicBezTo>
                                    <a:pt x="575399" y="1555647"/>
                                    <a:pt x="570967" y="1564689"/>
                                    <a:pt x="564058" y="1574100"/>
                                  </a:cubicBezTo>
                                  <a:cubicBezTo>
                                    <a:pt x="556323" y="1584184"/>
                                    <a:pt x="546354" y="1596528"/>
                                    <a:pt x="532219" y="1610676"/>
                                  </a:cubicBezTo>
                                  <a:cubicBezTo>
                                    <a:pt x="518135" y="1624748"/>
                                    <a:pt x="505054" y="1635467"/>
                                    <a:pt x="494957" y="1643188"/>
                                  </a:cubicBezTo>
                                  <a:cubicBezTo>
                                    <a:pt x="482867" y="1650427"/>
                                    <a:pt x="473278" y="1652916"/>
                                    <a:pt x="463677" y="1650542"/>
                                  </a:cubicBezTo>
                                  <a:cubicBezTo>
                                    <a:pt x="453961" y="1648179"/>
                                    <a:pt x="443370" y="1642070"/>
                                    <a:pt x="433337" y="1630666"/>
                                  </a:cubicBezTo>
                                  <a:cubicBezTo>
                                    <a:pt x="422554" y="1619897"/>
                                    <a:pt x="411709" y="1604441"/>
                                    <a:pt x="397446" y="1582825"/>
                                  </a:cubicBezTo>
                                  <a:lnTo>
                                    <a:pt x="0" y="955588"/>
                                  </a:lnTo>
                                  <a:lnTo>
                                    <a:pt x="0" y="641610"/>
                                  </a:lnTo>
                                  <a:lnTo>
                                    <a:pt x="135763" y="851597"/>
                                  </a:lnTo>
                                  <a:cubicBezTo>
                                    <a:pt x="247167" y="740193"/>
                                    <a:pt x="358635" y="628725"/>
                                    <a:pt x="470103" y="517257"/>
                                  </a:cubicBezTo>
                                  <a:cubicBezTo>
                                    <a:pt x="313963" y="416006"/>
                                    <a:pt x="157185" y="315740"/>
                                    <a:pt x="398" y="215467"/>
                                  </a:cubicBezTo>
                                  <a:lnTo>
                                    <a:pt x="0" y="215211"/>
                                  </a:lnTo>
                                  <a:lnTo>
                                    <a:pt x="0" y="0"/>
                                  </a:lnTo>
                                  <a:close/>
                                </a:path>
                              </a:pathLst>
                            </a:custGeom>
                            <a:solidFill>
                              <a:srgbClr val="C0C0C0">
                                <a:alpha val="49803"/>
                              </a:srgbClr>
                            </a:solidFill>
                            <a:ln>
                              <a:noFill/>
                            </a:ln>
                          </wps:spPr>
                          <wps:txbx>
                            <w:txbxContent>
                              <w:p w14:paraId="6C0DF1E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56" name="Freeform: Shape 117556"/>
                          <wps:cNvSpPr/>
                          <wps:spPr>
                            <a:xfrm>
                              <a:off x="2642730" y="797215"/>
                              <a:ext cx="1630426" cy="2019160"/>
                            </a:xfrm>
                            <a:custGeom>
                              <a:avLst/>
                              <a:gdLst/>
                              <a:ahLst/>
                              <a:cxnLst/>
                              <a:rect l="l" t="t" r="r" b="b"/>
                              <a:pathLst>
                                <a:path w="1630426" h="2019160" extrusionOk="0">
                                  <a:moveTo>
                                    <a:pt x="464122" y="0"/>
                                  </a:moveTo>
                                  <a:cubicBezTo>
                                    <a:pt x="470662" y="686"/>
                                    <a:pt x="478447" y="2362"/>
                                    <a:pt x="487794" y="7353"/>
                                  </a:cubicBezTo>
                                  <a:cubicBezTo>
                                    <a:pt x="497269" y="12332"/>
                                    <a:pt x="509041" y="19621"/>
                                    <a:pt x="520573" y="29655"/>
                                  </a:cubicBezTo>
                                  <a:cubicBezTo>
                                    <a:pt x="533273" y="40869"/>
                                    <a:pt x="547167" y="53264"/>
                                    <a:pt x="562750" y="68847"/>
                                  </a:cubicBezTo>
                                  <a:cubicBezTo>
                                    <a:pt x="578269" y="84366"/>
                                    <a:pt x="590664" y="98260"/>
                                    <a:pt x="600697" y="109779"/>
                                  </a:cubicBezTo>
                                  <a:cubicBezTo>
                                    <a:pt x="610731" y="121310"/>
                                    <a:pt x="618020" y="133084"/>
                                    <a:pt x="621818" y="141376"/>
                                  </a:cubicBezTo>
                                  <a:cubicBezTo>
                                    <a:pt x="626796" y="150711"/>
                                    <a:pt x="628485" y="158509"/>
                                    <a:pt x="629171" y="165049"/>
                                  </a:cubicBezTo>
                                  <a:cubicBezTo>
                                    <a:pt x="629107" y="172339"/>
                                    <a:pt x="627304" y="176517"/>
                                    <a:pt x="623557" y="180251"/>
                                  </a:cubicBezTo>
                                  <a:cubicBezTo>
                                    <a:pt x="506171" y="297637"/>
                                    <a:pt x="388785" y="415023"/>
                                    <a:pt x="271399" y="532410"/>
                                  </a:cubicBezTo>
                                  <a:cubicBezTo>
                                    <a:pt x="446862" y="707860"/>
                                    <a:pt x="622313" y="883310"/>
                                    <a:pt x="797700" y="1058710"/>
                                  </a:cubicBezTo>
                                  <a:cubicBezTo>
                                    <a:pt x="908672" y="947738"/>
                                    <a:pt x="1019645" y="836765"/>
                                    <a:pt x="1130542" y="725869"/>
                                  </a:cubicBezTo>
                                  <a:cubicBezTo>
                                    <a:pt x="1134288" y="722122"/>
                                    <a:pt x="1138453" y="720319"/>
                                    <a:pt x="1144562" y="719074"/>
                                  </a:cubicBezTo>
                                  <a:cubicBezTo>
                                    <a:pt x="1151103" y="719760"/>
                                    <a:pt x="1158888" y="721436"/>
                                    <a:pt x="1167054" y="725246"/>
                                  </a:cubicBezTo>
                                  <a:cubicBezTo>
                                    <a:pt x="1175347" y="729044"/>
                                    <a:pt x="1185939" y="735152"/>
                                    <a:pt x="1197458" y="745185"/>
                                  </a:cubicBezTo>
                                  <a:cubicBezTo>
                                    <a:pt x="1208926" y="755142"/>
                                    <a:pt x="1224064" y="768795"/>
                                    <a:pt x="1240765" y="785495"/>
                                  </a:cubicBezTo>
                                  <a:cubicBezTo>
                                    <a:pt x="1256335" y="801065"/>
                                    <a:pt x="1267562" y="813778"/>
                                    <a:pt x="1277582" y="825310"/>
                                  </a:cubicBezTo>
                                  <a:cubicBezTo>
                                    <a:pt x="1287615" y="836829"/>
                                    <a:pt x="1294905" y="848602"/>
                                    <a:pt x="1298651" y="856831"/>
                                  </a:cubicBezTo>
                                  <a:cubicBezTo>
                                    <a:pt x="1303693" y="866242"/>
                                    <a:pt x="1305370" y="874027"/>
                                    <a:pt x="1306056" y="880567"/>
                                  </a:cubicBezTo>
                                  <a:cubicBezTo>
                                    <a:pt x="1306004" y="887857"/>
                                    <a:pt x="1305370" y="893217"/>
                                    <a:pt x="1301636" y="896963"/>
                                  </a:cubicBezTo>
                                  <a:cubicBezTo>
                                    <a:pt x="1190727" y="1007859"/>
                                    <a:pt x="1079767" y="1118832"/>
                                    <a:pt x="968794" y="1229805"/>
                                  </a:cubicBezTo>
                                  <a:cubicBezTo>
                                    <a:pt x="1183691" y="1444688"/>
                                    <a:pt x="1398588" y="1659585"/>
                                    <a:pt x="1613535" y="1874546"/>
                                  </a:cubicBezTo>
                                  <a:cubicBezTo>
                                    <a:pt x="1619517" y="1880527"/>
                                    <a:pt x="1623504" y="1886001"/>
                                    <a:pt x="1626121" y="1892986"/>
                                  </a:cubicBezTo>
                                  <a:cubicBezTo>
                                    <a:pt x="1629931" y="1901266"/>
                                    <a:pt x="1630426" y="1907756"/>
                                    <a:pt x="1627683" y="1915350"/>
                                  </a:cubicBezTo>
                                  <a:cubicBezTo>
                                    <a:pt x="1626184" y="1924203"/>
                                    <a:pt x="1622514" y="1932483"/>
                                    <a:pt x="1616774" y="1943075"/>
                                  </a:cubicBezTo>
                                  <a:cubicBezTo>
                                    <a:pt x="1609738" y="1952485"/>
                                    <a:pt x="1600517" y="1964081"/>
                                    <a:pt x="1587932" y="1976666"/>
                                  </a:cubicBezTo>
                                  <a:cubicBezTo>
                                    <a:pt x="1576032" y="1988566"/>
                                    <a:pt x="1564437" y="1997786"/>
                                    <a:pt x="1555090" y="2004759"/>
                                  </a:cubicBezTo>
                                  <a:cubicBezTo>
                                    <a:pt x="1544498" y="2010499"/>
                                    <a:pt x="1535468" y="2014919"/>
                                    <a:pt x="1526616" y="2016417"/>
                                  </a:cubicBezTo>
                                  <a:cubicBezTo>
                                    <a:pt x="1519022" y="2019160"/>
                                    <a:pt x="1512481" y="2018716"/>
                                    <a:pt x="1504252" y="2014855"/>
                                  </a:cubicBezTo>
                                  <a:cubicBezTo>
                                    <a:pt x="1497279" y="2012239"/>
                                    <a:pt x="1491730" y="2008314"/>
                                    <a:pt x="1485748" y="2002333"/>
                                  </a:cubicBezTo>
                                  <a:cubicBezTo>
                                    <a:pt x="1008050" y="1524635"/>
                                    <a:pt x="530403" y="1046988"/>
                                    <a:pt x="52705" y="569290"/>
                                  </a:cubicBezTo>
                                  <a:cubicBezTo>
                                    <a:pt x="21615" y="538201"/>
                                    <a:pt x="5537" y="511416"/>
                                    <a:pt x="2553" y="487858"/>
                                  </a:cubicBezTo>
                                  <a:cubicBezTo>
                                    <a:pt x="0" y="466243"/>
                                    <a:pt x="5423" y="449098"/>
                                    <a:pt x="16510" y="438010"/>
                                  </a:cubicBezTo>
                                  <a:cubicBezTo>
                                    <a:pt x="160681" y="293840"/>
                                    <a:pt x="304800" y="149721"/>
                                    <a:pt x="448920" y="5601"/>
                                  </a:cubicBezTo>
                                  <a:cubicBezTo>
                                    <a:pt x="452653" y="1867"/>
                                    <a:pt x="456832" y="64"/>
                                    <a:pt x="464122" y="0"/>
                                  </a:cubicBezTo>
                                  <a:close/>
                                </a:path>
                              </a:pathLst>
                            </a:custGeom>
                            <a:solidFill>
                              <a:srgbClr val="C0C0C0">
                                <a:alpha val="49803"/>
                              </a:srgbClr>
                            </a:solidFill>
                            <a:ln>
                              <a:noFill/>
                            </a:ln>
                          </wps:spPr>
                          <wps:txbx>
                            <w:txbxContent>
                              <w:p w14:paraId="56645AA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57" name="Freeform: Shape 117557"/>
                          <wps:cNvSpPr/>
                          <wps:spPr>
                            <a:xfrm>
                              <a:off x="3213212" y="0"/>
                              <a:ext cx="1938096" cy="1938223"/>
                            </a:xfrm>
                            <a:custGeom>
                              <a:avLst/>
                              <a:gdLst/>
                              <a:ahLst/>
                              <a:cxnLst/>
                              <a:rect l="l" t="t" r="r" b="b"/>
                              <a:pathLst>
                                <a:path w="1938096" h="1938223" extrusionOk="0">
                                  <a:moveTo>
                                    <a:pt x="690855" y="0"/>
                                  </a:moveTo>
                                  <a:cubicBezTo>
                                    <a:pt x="697395" y="686"/>
                                    <a:pt x="705180" y="2362"/>
                                    <a:pt x="714528" y="7353"/>
                                  </a:cubicBezTo>
                                  <a:cubicBezTo>
                                    <a:pt x="723938" y="12395"/>
                                    <a:pt x="735025" y="20371"/>
                                    <a:pt x="746557" y="30404"/>
                                  </a:cubicBezTo>
                                  <a:cubicBezTo>
                                    <a:pt x="759206" y="41681"/>
                                    <a:pt x="773151" y="54013"/>
                                    <a:pt x="788734" y="69596"/>
                                  </a:cubicBezTo>
                                  <a:cubicBezTo>
                                    <a:pt x="804253" y="85115"/>
                                    <a:pt x="816585" y="99073"/>
                                    <a:pt x="826681" y="110528"/>
                                  </a:cubicBezTo>
                                  <a:cubicBezTo>
                                    <a:pt x="836714" y="122060"/>
                                    <a:pt x="844690" y="133147"/>
                                    <a:pt x="848551" y="141376"/>
                                  </a:cubicBezTo>
                                  <a:cubicBezTo>
                                    <a:pt x="853529" y="150724"/>
                                    <a:pt x="855218" y="158509"/>
                                    <a:pt x="855904" y="165049"/>
                                  </a:cubicBezTo>
                                  <a:cubicBezTo>
                                    <a:pt x="855840" y="172339"/>
                                    <a:pt x="853288" y="177267"/>
                                    <a:pt x="849541" y="181000"/>
                                  </a:cubicBezTo>
                                  <a:cubicBezTo>
                                    <a:pt x="759384" y="271158"/>
                                    <a:pt x="669290" y="361251"/>
                                    <a:pt x="579133" y="451409"/>
                                  </a:cubicBezTo>
                                  <a:cubicBezTo>
                                    <a:pt x="1026490" y="898766"/>
                                    <a:pt x="1473911" y="1346187"/>
                                    <a:pt x="1921269" y="1793545"/>
                                  </a:cubicBezTo>
                                  <a:cubicBezTo>
                                    <a:pt x="1927251" y="1799526"/>
                                    <a:pt x="1932419" y="1806321"/>
                                    <a:pt x="1935036" y="1813293"/>
                                  </a:cubicBezTo>
                                  <a:cubicBezTo>
                                    <a:pt x="1937652" y="1820278"/>
                                    <a:pt x="1938096" y="1826819"/>
                                    <a:pt x="1935353" y="1834413"/>
                                  </a:cubicBezTo>
                                  <a:cubicBezTo>
                                    <a:pt x="1933855" y="1843265"/>
                                    <a:pt x="1930184" y="1851559"/>
                                    <a:pt x="1924444" y="1862150"/>
                                  </a:cubicBezTo>
                                  <a:cubicBezTo>
                                    <a:pt x="1917471" y="1871498"/>
                                    <a:pt x="1908251" y="1883080"/>
                                    <a:pt x="1895602" y="1895729"/>
                                  </a:cubicBezTo>
                                  <a:cubicBezTo>
                                    <a:pt x="1883702" y="1907629"/>
                                    <a:pt x="1872107" y="1916849"/>
                                    <a:pt x="1862760" y="1923834"/>
                                  </a:cubicBezTo>
                                  <a:cubicBezTo>
                                    <a:pt x="1852168" y="1929562"/>
                                    <a:pt x="1843139" y="1933981"/>
                                    <a:pt x="1834287" y="1935480"/>
                                  </a:cubicBezTo>
                                  <a:cubicBezTo>
                                    <a:pt x="1826692" y="1938223"/>
                                    <a:pt x="1820202" y="1937728"/>
                                    <a:pt x="1813167" y="1935163"/>
                                  </a:cubicBezTo>
                                  <a:cubicBezTo>
                                    <a:pt x="1806194" y="1932546"/>
                                    <a:pt x="1799463" y="1927314"/>
                                    <a:pt x="1793481" y="1921332"/>
                                  </a:cubicBezTo>
                                  <a:cubicBezTo>
                                    <a:pt x="1346124" y="1473975"/>
                                    <a:pt x="898703" y="1026554"/>
                                    <a:pt x="451345" y="579196"/>
                                  </a:cubicBezTo>
                                  <a:cubicBezTo>
                                    <a:pt x="361188" y="669354"/>
                                    <a:pt x="271031" y="759511"/>
                                    <a:pt x="180873" y="849668"/>
                                  </a:cubicBezTo>
                                  <a:cubicBezTo>
                                    <a:pt x="177191" y="853351"/>
                                    <a:pt x="172276" y="855904"/>
                                    <a:pt x="165672" y="855282"/>
                                  </a:cubicBezTo>
                                  <a:cubicBezTo>
                                    <a:pt x="158382" y="855345"/>
                                    <a:pt x="151333" y="852919"/>
                                    <a:pt x="141986" y="847928"/>
                                  </a:cubicBezTo>
                                  <a:cubicBezTo>
                                    <a:pt x="133769" y="844067"/>
                                    <a:pt x="122682" y="836092"/>
                                    <a:pt x="111214" y="825995"/>
                                  </a:cubicBezTo>
                                  <a:cubicBezTo>
                                    <a:pt x="98933" y="816712"/>
                                    <a:pt x="85039" y="804316"/>
                                    <a:pt x="69533" y="788797"/>
                                  </a:cubicBezTo>
                                  <a:cubicBezTo>
                                    <a:pt x="53950" y="773227"/>
                                    <a:pt x="41554" y="759333"/>
                                    <a:pt x="31090" y="745871"/>
                                  </a:cubicBezTo>
                                  <a:cubicBezTo>
                                    <a:pt x="20993" y="734403"/>
                                    <a:pt x="13018" y="723316"/>
                                    <a:pt x="7976" y="713905"/>
                                  </a:cubicBezTo>
                                  <a:cubicBezTo>
                                    <a:pt x="2985" y="704558"/>
                                    <a:pt x="559" y="697522"/>
                                    <a:pt x="622" y="690232"/>
                                  </a:cubicBezTo>
                                  <a:cubicBezTo>
                                    <a:pt x="0" y="683628"/>
                                    <a:pt x="2553" y="678701"/>
                                    <a:pt x="6223" y="675030"/>
                                  </a:cubicBezTo>
                                  <a:cubicBezTo>
                                    <a:pt x="229159" y="452095"/>
                                    <a:pt x="452031" y="229222"/>
                                    <a:pt x="674903" y="6350"/>
                                  </a:cubicBezTo>
                                  <a:cubicBezTo>
                                    <a:pt x="678637" y="2616"/>
                                    <a:pt x="683565" y="63"/>
                                    <a:pt x="690855" y="0"/>
                                  </a:cubicBezTo>
                                  <a:close/>
                                </a:path>
                              </a:pathLst>
                            </a:custGeom>
                            <a:solidFill>
                              <a:srgbClr val="C0C0C0">
                                <a:alpha val="49803"/>
                              </a:srgbClr>
                            </a:solidFill>
                            <a:ln>
                              <a:noFill/>
                            </a:ln>
                          </wps:spPr>
                          <wps:txbx>
                            <w:txbxContent>
                              <w:p w14:paraId="237A0F4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g:grpSp>
                    </wpg:wgp>
                  </a:graphicData>
                </a:graphic>
              </wp:anchor>
            </w:drawing>
          </mc:Choice>
          <mc:Fallback>
            <w:pict>
              <v:group w14:anchorId="54EE3B98" id="Group 117547" o:spid="_x0000_s1191" alt="P165#y1" style="position:absolute;left:0;text-align:left;margin-left:32pt;margin-top:-12pt;width:405.6pt;height:428.55pt;z-index:-251653120;mso-wrap-distance-left:0;mso-wrap-distance-right:0;mso-position-horizontal-relative:text;mso-position-vertical-relative:text" coordorigin="27703,10588" coordsize="51513,5442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">
                <v:group id="Group 117548" o:spid="_x0000_s1192" style="position:absolute;left:27703;top:10588;width:51513;height:54423" coordsize="51513,5442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">
                  <v:rect id="Rectangle 117549" o:spid="_x0000_s1193" style="position:absolute;width:51513;height:5442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" filled="f" stroked="f">
                    <v:textbox inset="2.53958mm,2.53958mm,2.53958mm,2.53958mm">
                      <w:txbxContent>
                        <w:p w14:paraId="25CC2DA5" w14:textId="77777777" w:rsidR="00CF54CB" w:rsidRDefault="00CF54CB">
                          <w:pPr>
                            <w:spacing w:after="0" w:line="240" w:lineRule="auto"/>
                            <w:ind w:left="0" w:firstLine="0"/>
                            <w:jc w:val="left"/>
                            <w:textDirection w:val="btLr"/>
                          </w:pPr>
                        </w:p>
                      </w:txbxContent>
                    </v:textbox>
                  </v:rect>
                  <v:shape id="Freeform: Shape 117550" o:spid="_x0000_s1194" style="position:absolute;top:34844;width:10005;height:14727;visibility:visible;mso-wrap-style:square;v-text-anchor:middle" coordsize="1000596,147266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" adj="-11796480,,5400" path="m639526,592v49112,592,99671,7164,151506,20245c843153,34890,896506,53877,950816,78416r49780,24876l1000596,330497,954591,304878c913406,283927,872750,267167,832777,254238,772874,234893,715315,227570,659761,230085v-18518,838,-36813,2769,-54898,5713c532460,247507,463931,288134,397827,354238v-43306,43307,-86677,86677,-130035,130035l1000596,1217085r,255579l52705,524773c21615,493684,5537,466887,2553,443341,,421725,5410,404580,16574,393430,89090,320913,161684,248320,234201,175790,317449,92554,404609,37906,496697,16227,542747,5388,590414,,639526,592xe" fillcolor="silver" stroked="f">
                    <v:fill opacity="32639f"/>
                    <v:stroke joinstyle="miter"/>
                    <v:formulas/>
                    <v:path arrowok="t" o:extrusionok="f" o:connecttype="custom" textboxrect="0,0,1000596,1472664"/>
                    <v:textbox inset="2.53958mm,2.53958mm,2.53958mm,2.53958mm">
                      <w:txbxContent>
                        <w:p w14:paraId="071A9E21" w14:textId="77777777" w:rsidR="00CF54CB" w:rsidRDefault="00CF54CB">
                          <w:pPr>
                            <w:spacing w:after="0" w:line="240" w:lineRule="auto"/>
                            <w:ind w:left="0" w:firstLine="0"/>
                            <w:jc w:val="left"/>
                            <w:textDirection w:val="btLr"/>
                          </w:pPr>
                        </w:p>
                      </w:txbxContent>
                    </v:textbox>
                  </v:shape>
                  <v:shape id="Freeform: Shape 117551" o:spid="_x0000_s1195" style="position:absolute;left:10005;top:35877;width:9593;height:18545;visibility:visible;mso-wrap-style:square;v-text-anchor:middle" coordsize="959243,185452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" adj="-11796480,,5400" path="m,l32368,16175v27599,15124,55404,31714,83379,49846c227583,138487,342785,233623,458863,349701,592822,483660,699172,611575,777366,732136v79451,121679,130035,235204,155956,341630c959243,1180179,957185,1280928,930833,1372953v-26366,91910,-81001,179069,-163437,261505c699553,1702302,631697,1770158,563841,1838013v-11151,11152,-28347,16511,-51092,12828c490384,1849038,463587,1832959,432497,1801870l,1369372,,1113793r471753,471758c515619,1541685,559485,1497819,603287,1454017v61684,-61684,101562,-124740,118199,-192342c738123,1194073,737247,1122051,713320,1042550,689520,963047,648651,877691,584656,786035,521918,695623,438047,597808,332751,492512,249020,408768,164400,337991,78980,277361,57936,262518,36986,248812,16149,236197l,227205,,xe" fillcolor="silver" stroked="f">
                    <v:fill opacity="32639f"/>
                    <v:stroke joinstyle="miter"/>
                    <v:formulas/>
                    <v:path arrowok="t" o:extrusionok="f" o:connecttype="custom" textboxrect="0,0,959243,1854524"/>
                    <v:textbox inset="2.53958mm,2.53958mm,2.53958mm,2.53958mm">
                      <w:txbxContent>
                        <w:p w14:paraId="2A277633" w14:textId="77777777" w:rsidR="00CF54CB" w:rsidRDefault="00CF54CB">
                          <w:pPr>
                            <w:spacing w:after="0" w:line="240" w:lineRule="auto"/>
                            <w:ind w:left="0" w:firstLine="0"/>
                            <w:jc w:val="left"/>
                            <w:textDirection w:val="btLr"/>
                          </w:pPr>
                        </w:p>
                      </w:txbxContent>
                    </v:textbox>
                  </v:shape>
                  <v:shape id="Freeform: Shape 117552" o:spid="_x0000_s1196" style="position:absolute;left:9361;top:25902;width:6287;height:10588;visibility:visible;mso-wrap-style:square;v-text-anchor:middle" coordsize="628690,1058861"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" adj="-11796480,,5400" path="m559321,2040v12976,1020,26046,2690,39244,5095l628690,14286r,223798l623625,236432v-14620,-3289,-29196,-5096,-43729,-5462c550831,230238,521938,235271,493217,245742v-18694,6477,-35585,16510,-53581,29654c421627,288541,399631,308175,374332,333461v-35890,35890,-71843,71843,-107721,107733l628690,803273r,255588l52705,482876c21615,451786,5537,424990,2553,401444,,379828,5359,362747,16510,351596,84607,283499,152705,215401,220815,147291v24549,-24549,45796,-43421,63297,-58560c302247,75574,319316,62989,334454,52841,382499,26730,430479,8785,482308,3058,507791,562,533368,,559321,2040xe" fillcolor="silver" stroked="f">
                    <v:fill opacity="32639f"/>
                    <v:stroke joinstyle="miter"/>
                    <v:formulas/>
                    <v:path arrowok="t" o:extrusionok="f" o:connecttype="custom" textboxrect="0,0,628690,1058861"/>
                    <v:textbox inset="2.53958mm,2.53958mm,2.53958mm,2.53958mm">
                      <w:txbxContent>
                        <w:p w14:paraId="3E9CF360" w14:textId="77777777" w:rsidR="00CF54CB" w:rsidRDefault="00CF54CB">
                          <w:pPr>
                            <w:spacing w:after="0" w:line="240" w:lineRule="auto"/>
                            <w:ind w:left="0" w:firstLine="0"/>
                            <w:jc w:val="left"/>
                            <w:textDirection w:val="btLr"/>
                          </w:pPr>
                        </w:p>
                      </w:txbxContent>
                    </v:textbox>
                  </v:shape>
                  <v:shape id="Freeform: Shape 117553" o:spid="_x0000_s1197" style="position:absolute;left:15648;top:26044;width:15166;height:19185;visibility:visible;mso-wrap-style:square;v-text-anchor:middle" coordsize="1516569,19184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" adj="-11796480,,5400" path="m,l9892,2348c63714,18172,117118,40918,170890,75742v53771,34835,107480,79197,161302,133032c383602,260171,425652,311453,458303,360171v33147,50596,55830,99440,70968,146735c545590,555382,552944,602359,553134,648156v127,45733,-5613,91211,-17945,135077c561542,778687,590764,777632,620114,782052v30531,5601,63678,12713,98628,25857c753692,820927,791831,837500,832445,859179v40628,21692,85992,45491,135027,75578c1109470,1020304,1252587,1103857,1394522,1189468v35382,22187,60249,37821,73203,46418c1481872,1245666,1492274,1254454,1498256,1260436v5981,5981,11150,12776,14516,18999c1516137,1285670,1516569,1292211,1515083,1301063v-1562,8788,-5982,17818,-13652,27978c1493709,1339125,1482990,1352218,1468157,1367039v-12650,12650,-24232,21870,-33579,28855c1425167,1402802,1416137,1407235,1406104,1407540v-8788,1562,-17322,622,-25489,-3175c1371713,1401304,1361057,1395271,1349284,1387854,1198625,1295018,1046656,1204238,896009,1111401v-52096,-31648,-101067,-59067,-146800,-82868c703604,1004734,660055,988846,619428,979003v-40691,-9906,-77698,-10528,-112839,-4432c472565,981925,440104,1000314,411135,1029283v-28473,28473,-56946,56946,-85420,85420c545463,1334464,765161,1554149,984845,1773846v5982,5981,11214,12700,13780,19748c1001241,1800566,1000987,1807793,998929,1814714v-1434,8789,-5168,17132,-10909,27725c981048,1851785,971828,1863381,959242,1875966v-12649,12650,-23495,21121,-32842,28093c915808,1909799,906778,1914219,897927,1915717v-7595,2743,-14136,2299,-21120,-317c869834,1912784,863040,1907615,857058,1901633l,1044575,,788988,159485,948473v41618,-41618,83236,-83236,124790,-124803c317740,790218,340600,753388,351572,715631v11088,-37757,13958,-75768,5919,-115951c350760,560678,335748,521118,311453,480744,286396,441108,255497,402601,218426,365530,157428,304532,97737,261669,38924,236498l,223799,,xe" fillcolor="silver" stroked="f">
                    <v:fill opacity="32639f"/>
                    <v:stroke joinstyle="miter"/>
                    <v:formulas/>
                    <v:path arrowok="t" o:extrusionok="f" o:connecttype="custom" textboxrect="0,0,1516569,1918460"/>
                    <v:textbox inset="2.53958mm,2.53958mm,2.53958mm,2.53958mm">
                      <w:txbxContent>
                        <w:p w14:paraId="55BC07F6" w14:textId="77777777" w:rsidR="00CF54CB" w:rsidRDefault="00CF54CB">
                          <w:pPr>
                            <w:spacing w:after="0" w:line="240" w:lineRule="auto"/>
                            <w:ind w:left="0" w:firstLine="0"/>
                            <w:jc w:val="left"/>
                            <w:textDirection w:val="btLr"/>
                          </w:pPr>
                        </w:p>
                      </w:txbxContent>
                    </v:textbox>
                  </v:shape>
                  <v:shape id="Freeform: Shape 117554" o:spid="_x0000_s1198" style="position:absolute;left:19781;top:17866;width:7344;height:13181;visibility:visible;mso-wrap-style:square;v-text-anchor:middle" coordsize="734403,131804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" adj="-11796480,,5400" path="m143118,343v4501,-343,8907,-16,13702,1165c166548,3870,177203,9916,187732,16088l734403,362456r,215211l265049,276095v-254,241,-495,495,-749,749c365894,432641,466550,589061,567214,745472r167189,258595l734403,1318044,574148,1065135c388880,771360,203613,477586,16447,184998,10224,174406,5423,164995,3048,155280,,146377,1054,138338,4051,127988v2236,-9462,8166,-20003,16574,-30900c29032,86179,40996,74343,55829,59522,71463,43875,84735,30477,96393,21320,108039,12164,118567,6245,128854,3197,134023,1698,138617,686,143118,343xe" fillcolor="silver" stroked="f">
                    <v:fill opacity="32639f"/>
                    <v:stroke joinstyle="miter"/>
                    <v:formulas/>
                    <v:path arrowok="t" o:extrusionok="f" o:connecttype="custom" textboxrect="0,0,734403,1318044"/>
                    <v:textbox inset="2.53958mm,2.53958mm,2.53958mm,2.53958mm">
                      <w:txbxContent>
                        <w:p w14:paraId="3848BADB" w14:textId="77777777" w:rsidR="00CF54CB" w:rsidRDefault="00CF54CB">
                          <w:pPr>
                            <w:spacing w:after="0" w:line="240" w:lineRule="auto"/>
                            <w:ind w:left="0" w:firstLine="0"/>
                            <w:jc w:val="left"/>
                            <w:textDirection w:val="btLr"/>
                          </w:pPr>
                        </w:p>
                      </w:txbxContent>
                    </v:textbox>
                  </v:shape>
                  <v:shape id="Freeform: Shape 117555" o:spid="_x0000_s1199" style="position:absolute;left:27125;top:21491;width:12837;height:16529;visibility:visible;mso-wrap-style:square;v-text-anchor:middle" coordsize="1283754,165291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" adj="-11796480,,5400" path="m,l333496,211301v293773,185268,587546,370536,880167,557670c1235215,783296,1250671,794142,1262202,804175v10782,10783,16751,21374,19190,31026c1283754,844917,1280516,855140,1272794,865364v-8420,10769,-19126,23863,-34773,39497c1222451,920444,1210615,932395,1200455,940065v-10909,8408,-19939,12840,-27978,13640c1164882,956448,1158265,955953,1151293,953337v-6972,-2616,-15265,-6299,-24612,-11278c973976,843304,820077,746479,667360,647724,534149,780934,400876,914208,267665,1047418v98374,149848,194894,300940,293269,450787c566738,1506866,570344,1515096,572960,1522068v3747,8230,3556,15520,2744,23559c575399,1555647,570967,1564689,564058,1574100v-7735,10084,-17704,22428,-31839,36576c518135,1624748,505054,1635467,494957,1643188v-12090,7239,-21679,9728,-31280,7354c453961,1648179,443370,1642070,433337,1630666v-10783,-10769,-21628,-26225,-35891,-47841l,955588,,641610,135763,851597c247167,740193,358635,628725,470103,517257,313963,416006,157185,315740,398,215467l,215211,,xe" fillcolor="silver" stroked="f">
                    <v:fill opacity="32639f"/>
                    <v:stroke joinstyle="miter"/>
                    <v:formulas/>
                    <v:path arrowok="t" o:extrusionok="f" o:connecttype="custom" textboxrect="0,0,1283754,1652916"/>
                    <v:textbox inset="2.53958mm,2.53958mm,2.53958mm,2.53958mm">
                      <w:txbxContent>
                        <w:p w14:paraId="6C0DF1E1" w14:textId="77777777" w:rsidR="00CF54CB" w:rsidRDefault="00CF54CB">
                          <w:pPr>
                            <w:spacing w:after="0" w:line="240" w:lineRule="auto"/>
                            <w:ind w:left="0" w:firstLine="0"/>
                            <w:jc w:val="left"/>
                            <w:textDirection w:val="btLr"/>
                          </w:pPr>
                        </w:p>
                      </w:txbxContent>
                    </v:textbox>
                  </v:shape>
                  <v:shape id="Freeform: Shape 117556" o:spid="_x0000_s1200" style="position:absolute;left:26427;top:7972;width:16304;height:20191;visibility:visible;mso-wrap-style:square;v-text-anchor:middle" coordsize="1630426,20191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" adj="-11796480,,5400" path="m464122,v6540,686,14325,2362,23672,7353c497269,12332,509041,19621,520573,29655v12700,11214,26594,23609,42177,39192c578269,84366,590664,98260,600697,109779v10034,11531,17323,23305,21121,31597c626796,150711,628485,158509,629171,165049v-64,7290,-1867,11468,-5614,15202c506171,297637,388785,415023,271399,532410v175463,175450,350914,350900,526301,526300c908672,947738,1019645,836765,1130542,725869v3746,-3747,7911,-5550,14020,-6795c1151103,719760,1158888,721436,1167054,725246v8293,3798,18885,9906,30404,19939c1208926,755142,1224064,768795,1240765,785495v15570,15570,26797,28283,36817,39815c1287615,836829,1294905,848602,1298651,856831v5042,9411,6719,17196,7405,23736c1306004,887857,1305370,893217,1301636,896963v-110909,110896,-221869,221869,-332842,332842c1183691,1444688,1398588,1659585,1613535,1874546v5982,5981,9969,11455,12586,18440c1629931,1901266,1630426,1907756,1627683,1915350v-1499,8853,-5169,17133,-10909,27725c1609738,1952485,1600517,1964081,1587932,1976666v-11900,11900,-23495,21120,-32842,28093c1544498,2010499,1535468,2014919,1526616,2016417v-7594,2743,-14135,2299,-22364,-1562c1497279,2012239,1491730,2008314,1485748,2002333,1008050,1524635,530403,1046988,52705,569290,21615,538201,5537,511416,2553,487858,,466243,5423,449098,16510,438010,160681,293840,304800,149721,448920,5601,452653,1867,456832,64,464122,xe" fillcolor="silver" stroked="f">
                    <v:fill opacity="32639f"/>
                    <v:stroke joinstyle="miter"/>
                    <v:formulas/>
                    <v:path arrowok="t" o:extrusionok="f" o:connecttype="custom" textboxrect="0,0,1630426,2019160"/>
                    <v:textbox inset="2.53958mm,2.53958mm,2.53958mm,2.53958mm">
                      <w:txbxContent>
                        <w:p w14:paraId="56645AA6" w14:textId="77777777" w:rsidR="00CF54CB" w:rsidRDefault="00CF54CB">
                          <w:pPr>
                            <w:spacing w:after="0" w:line="240" w:lineRule="auto"/>
                            <w:ind w:left="0" w:firstLine="0"/>
                            <w:jc w:val="left"/>
                            <w:textDirection w:val="btLr"/>
                          </w:pPr>
                        </w:p>
                      </w:txbxContent>
                    </v:textbox>
                  </v:shape>
                  <v:shape id="Freeform: Shape 117557" o:spid="_x0000_s1201" style="position:absolute;left:32132;width:19381;height:19382;visibility:visible;mso-wrap-style:square;v-text-anchor:middle" coordsize="1938096,193822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" adj="-11796480,,5400" path="m690855,v6540,686,14325,2362,23673,7353c723938,12395,735025,20371,746557,30404v12649,11277,26594,23609,42177,39192c804253,85115,816585,99073,826681,110528v10033,11532,18009,22619,21870,30848c853529,150724,855218,158509,855904,165049v-64,7290,-2616,12218,-6363,15951c759384,271158,669290,361251,579133,451409v447357,447357,894778,894778,1342136,1342136c1927251,1799526,1932419,1806321,1935036,1813293v2616,6985,3060,13526,317,21120c1933855,1843265,1930184,1851559,1924444,1862150v-6973,9348,-16193,20930,-28842,33579c1883702,1907629,1872107,1916849,1862760,1923834v-10592,5728,-19621,10147,-28473,11646c1826692,1938223,1820202,1937728,1813167,1935163v-6973,-2617,-13704,-7849,-19686,-13831c1346124,1473975,898703,1026554,451345,579196,361188,669354,271031,759511,180873,849668v-3682,3683,-8597,6236,-15201,5614c158382,855345,151333,852919,141986,847928v-8217,-3861,-19304,-11836,-30772,-21933c98933,816712,85039,804316,69533,788797,53950,773227,41554,759333,31090,745871,20993,734403,13018,723316,7976,713905,2985,704558,559,697522,622,690232,,683628,2553,678701,6223,675030,229159,452095,452031,229222,674903,6350,678637,2616,683565,63,690855,xe" fillcolor="silver" stroked="f">
                    <v:fill opacity="32639f"/>
                    <v:stroke joinstyle="miter"/>
                    <v:formulas/>
                    <v:path arrowok="t" o:extrusionok="f" o:connecttype="custom" textboxrect="0,0,1938096,1938223"/>
                    <v:textbox inset="2.53958mm,2.53958mm,2.53958mm,2.53958mm">
                      <w:txbxContent>
                        <w:p w14:paraId="237A0F49" w14:textId="77777777" w:rsidR="00CF54CB" w:rsidRDefault="00CF54CB">
                          <w:pPr>
                            <w:spacing w:after="0" w:line="240" w:lineRule="auto"/>
                            <w:ind w:left="0" w:firstLine="0"/>
                            <w:jc w:val="left"/>
                            <w:textDirection w:val="btLr"/>
                          </w:pPr>
                        </w:p>
                      </w:txbxContent>
                    </v:textbox>
                  </v:shape>
                </v:group>
              </v:group>
            </w:pict>
          </mc:Fallback>
        </mc:AlternateContent>
      </w:r>
    </w:p>
    <w:p w14:paraId="26BD832A" w14:textId="71338D0F" w:rsidR="00CF54CB" w:rsidRDefault="00344004">
      <w:pPr>
        <w:spacing w:line="259" w:lineRule="auto"/>
        <w:ind w:left="41" w:right="189" w:hanging="10"/>
        <w:jc w:val="center"/>
      </w:pPr>
      <w:r>
        <w:t xml:space="preserve">The Working Group received input from </w:t>
      </w:r>
      <w:del w:id="221" w:author="Daveline, Dan" w:date="2021-12-20T14:56:00Z">
        <w:r w:rsidDel="005243F5">
          <w:delText xml:space="preserve">both </w:delText>
        </w:r>
      </w:del>
      <w:r>
        <w:t xml:space="preserve">the National Organization of Life and Health </w:t>
      </w:r>
    </w:p>
    <w:p w14:paraId="4F5D9BE1" w14:textId="3815E1A5" w:rsidR="00CF54CB" w:rsidRDefault="00344004">
      <w:pPr>
        <w:spacing w:after="272" w:line="242" w:lineRule="auto"/>
        <w:ind w:left="-11" w:right="59" w:firstLine="0"/>
        <w:jc w:val="left"/>
      </w:pPr>
      <w:r>
        <w:t xml:space="preserve">Insurance Guaranty Associations (“NOLHGA”) </w:t>
      </w:r>
      <w:del w:id="222" w:author="Daveline, Dan" w:date="2021-12-20T14:56:00Z">
        <w:r w:rsidDel="00897923">
          <w:delText xml:space="preserve">and the National Conference of Insurance Guaranty Funds (“NCIGF”). NOLHGA described how </w:delText>
        </w:r>
      </w:del>
      <w:ins w:id="223" w:author="Daveline, Dan" w:date="2021-12-20T14:56:00Z">
        <w:r w:rsidR="00897923">
          <w:t xml:space="preserve">about </w:t>
        </w:r>
      </w:ins>
      <w:r>
        <w:t xml:space="preserve">the concerns for insurance consumers of personal lines </w:t>
      </w:r>
      <w:ins w:id="224" w:author="Daveline, Dan" w:date="2021-12-20T14:56:00Z">
        <w:r w:rsidR="00897923">
          <w:t xml:space="preserve">life and </w:t>
        </w:r>
      </w:ins>
      <w:ins w:id="225" w:author="Daveline, Dan" w:date="2021-12-20T14:57:00Z">
        <w:r w:rsidR="00897923">
          <w:t xml:space="preserve">health insurance </w:t>
        </w:r>
      </w:ins>
      <w:r>
        <w:t>business</w:t>
      </w:r>
      <w:del w:id="226" w:author="Daveline, Dan" w:date="2021-12-20T14:57:00Z">
        <w:r w:rsidDel="00897923">
          <w:delText xml:space="preserve"> is particularly pronounced</w:delText>
        </w:r>
      </w:del>
      <w:r>
        <w:t xml:space="preserve">.  </w:t>
      </w:r>
    </w:p>
    <w:p w14:paraId="5531D45D" w14:textId="7C6C3ACB" w:rsidR="00CF54CB" w:rsidRDefault="00344004">
      <w:pPr>
        <w:spacing w:after="296"/>
        <w:ind w:right="396" w:firstLine="720"/>
      </w:pPr>
      <w:r>
        <w:t xml:space="preserve">NOLHGA indicated that for there to be guaranty association coverage in the event of </w:t>
      </w:r>
      <w:del w:id="227" w:author="Daveline, Dan" w:date="2021-12-20T14:57:00Z">
        <w:r w:rsidDel="008F0AE9">
          <w:delText>an</w:delText>
        </w:r>
      </w:del>
      <w:ins w:id="228" w:author="Daveline, Dan" w:date="2021-12-20T14:57:00Z">
        <w:r w:rsidR="008F0AE9">
          <w:t>a life or health</w:t>
        </w:r>
      </w:ins>
      <w:r>
        <w:t xml:space="preserve"> insurer insolvency, there are three conditions that must be present. Those conditions are: </w:t>
      </w:r>
    </w:p>
    <w:p w14:paraId="73ACD484" w14:textId="5CA7890A" w:rsidR="00CF54CB" w:rsidRDefault="00344004">
      <w:pPr>
        <w:numPr>
          <w:ilvl w:val="0"/>
          <w:numId w:val="1"/>
        </w:numPr>
        <w:spacing w:after="261"/>
        <w:ind w:right="59" w:hanging="718"/>
      </w:pPr>
      <w:r>
        <w:t xml:space="preserve">The consumer seeking protection must be an eligible person under the </w:t>
      </w:r>
      <w:ins w:id="229" w:author="Daveline, Dan" w:date="2021-12-20T14:57:00Z">
        <w:r w:rsidR="003412CF">
          <w:t xml:space="preserve">guaranty </w:t>
        </w:r>
      </w:ins>
      <w:ins w:id="230" w:author="Daveline, Dan" w:date="2021-12-20T14:58:00Z">
        <w:r w:rsidR="003412CF">
          <w:t xml:space="preserve">association </w:t>
        </w:r>
      </w:ins>
      <w:r>
        <w:t xml:space="preserve">statute; typically, this is achieved by being a resident of </w:t>
      </w:r>
      <w:del w:id="231" w:author="Daveline, Dan" w:date="2021-12-20T14:58:00Z">
        <w:r w:rsidDel="003412CF">
          <w:delText xml:space="preserve">a </w:delText>
        </w:r>
      </w:del>
      <w:ins w:id="232" w:author="Daveline, Dan" w:date="2021-12-20T14:58:00Z">
        <w:r w:rsidR="003412CF">
          <w:t xml:space="preserve">the guaranty </w:t>
        </w:r>
        <w:r w:rsidR="003412CF">
          <w:lastRenderedPageBreak/>
          <w:t xml:space="preserve">associations </w:t>
        </w:r>
      </w:ins>
      <w:r>
        <w:t>state</w:t>
      </w:r>
      <w:del w:id="233" w:author="Daveline, Dan" w:date="2021-12-20T14:58:00Z">
        <w:r w:rsidDel="005723F7">
          <w:delText xml:space="preserve"> who has a guaranty association</w:delText>
        </w:r>
      </w:del>
      <w:ins w:id="234" w:author="Daveline, Dan" w:date="2021-12-20T14:58:00Z">
        <w:r w:rsidR="005723F7">
          <w:t>at the time of the insurer’s liquidation</w:t>
        </w:r>
      </w:ins>
      <w:r>
        <w:t>;</w:t>
      </w:r>
    </w:p>
    <w:p w14:paraId="4861B8E6" w14:textId="77777777" w:rsidR="00CF54CB" w:rsidRDefault="00344004">
      <w:pPr>
        <w:numPr>
          <w:ilvl w:val="0"/>
          <w:numId w:val="1"/>
        </w:numPr>
        <w:spacing w:after="433"/>
        <w:ind w:right="59" w:hanging="718"/>
      </w:pPr>
      <w:r>
        <w:t>The product must be a covered policy; and</w:t>
      </w:r>
    </w:p>
    <w:p w14:paraId="67FF2D96" w14:textId="155E0522" w:rsidR="00CF54CB" w:rsidRDefault="00344004">
      <w:pPr>
        <w:numPr>
          <w:ilvl w:val="0"/>
          <w:numId w:val="1"/>
        </w:numPr>
        <w:spacing w:after="472" w:line="242" w:lineRule="auto"/>
        <w:ind w:right="59" w:hanging="718"/>
      </w:pPr>
      <w:r>
        <w:t>The failed insurer for which protection is being sought must be a member insurer of the guaranty association of the state where the policyholder resides. To be a member insurer, the insurer must be licensed in that state or have been licensed in the state</w:t>
      </w:r>
      <w:ins w:id="235" w:author="Daveline, Dan" w:date="2021-12-20T14:59:00Z">
        <w:r w:rsidR="00D4121B">
          <w:t xml:space="preserve"> to write the lines of business covered by the guaranty association</w:t>
        </w:r>
      </w:ins>
      <w:r>
        <w:t>.</w:t>
      </w:r>
    </w:p>
    <w:p w14:paraId="7C50A43C" w14:textId="77777777" w:rsidR="005D7AE3" w:rsidRDefault="00344004">
      <w:pPr>
        <w:spacing w:after="272" w:line="242" w:lineRule="auto"/>
        <w:ind w:left="122" w:right="59" w:firstLine="710"/>
        <w:jc w:val="left"/>
        <w:rPr>
          <w:ins w:id="236" w:author="Daveline, Dan" w:date="2021-12-20T15:13:00Z"/>
        </w:rPr>
      </w:pPr>
      <w:r>
        <w:t xml:space="preserve">In most states, coverage can </w:t>
      </w:r>
      <w:sdt>
        <w:sdtPr>
          <w:tag w:val="goog_rdk_138"/>
          <w:id w:val="-2001811372"/>
        </w:sdtPr>
        <w:sdtEndPr/>
        <w:sdtContent>
          <w:ins w:id="237" w:author="Daveline, Dan" w:date="2021-12-16T12:43:00Z">
            <w:r>
              <w:t xml:space="preserve">also </w:t>
            </w:r>
          </w:ins>
        </w:sdtContent>
      </w:sdt>
      <w:r>
        <w:t>be provided for an “orphan” policyholder of the insurer</w:t>
      </w:r>
      <w:customXmlDelRangeStart w:id="238" w:author="Daveline, Dan" w:date="2021-12-20T15:03:00Z"/>
      <w:sdt>
        <w:sdtPr>
          <w:tag w:val="goog_rdk_139"/>
          <w:id w:val="-1780483996"/>
        </w:sdtPr>
        <w:sdtEndPr/>
        <w:sdtContent>
          <w:customXmlDelRangeEnd w:id="238"/>
          <w:ins w:id="239" w:author="Daveline, Dan" w:date="2021-12-20T15:02:00Z">
            <w:r w:rsidR="007E0441">
              <w:t xml:space="preserve"> by the guaranty </w:t>
            </w:r>
            <w:r w:rsidR="004C0DD4">
              <w:t>association in</w:t>
            </w:r>
          </w:ins>
          <w:ins w:id="240" w:author="Daveline, Dan" w:date="2021-12-20T15:03:00Z">
            <w:r w:rsidR="00CB2A74">
              <w:t xml:space="preserve"> the insolvent insurer’s domestic state. </w:t>
            </w:r>
          </w:ins>
          <w:customXmlDelRangeStart w:id="241" w:author="Daveline, Dan" w:date="2021-12-20T15:03:00Z"/>
        </w:sdtContent>
      </w:sdt>
      <w:customXmlDelRangeEnd w:id="241"/>
      <w:del w:id="242" w:author="Daveline, Dan" w:date="2021-12-20T15:03:00Z">
        <w:r w:rsidDel="008266BB">
          <w:delText xml:space="preserve"> when the </w:delText>
        </w:r>
      </w:del>
      <w:customXmlDelRangeStart w:id="243" w:author="Daveline, Dan" w:date="2021-12-20T15:03:00Z"/>
      <w:sdt>
        <w:sdtPr>
          <w:tag w:val="goog_rdk_140"/>
          <w:id w:val="-1832824008"/>
        </w:sdtPr>
        <w:sdtEndPr/>
        <w:sdtContent>
          <w:customXmlDelRangeEnd w:id="243"/>
          <w:del w:id="244" w:author="Daveline, Dan" w:date="2021-12-16T12:44:00Z">
            <w:r>
              <w:delText>coverage</w:delText>
            </w:r>
          </w:del>
          <w:customXmlDelRangeStart w:id="245" w:author="Daveline, Dan" w:date="2021-12-20T15:03:00Z"/>
        </w:sdtContent>
      </w:sdt>
      <w:customXmlDelRangeEnd w:id="245"/>
      <w:customXmlDelRangeStart w:id="246" w:author="Daveline, Dan" w:date="2021-12-20T15:03:00Z"/>
      <w:sdt>
        <w:sdtPr>
          <w:tag w:val="goog_rdk_141"/>
          <w:id w:val="-619461448"/>
        </w:sdtPr>
        <w:sdtEndPr/>
        <w:sdtContent>
          <w:customXmlDelRangeEnd w:id="246"/>
          <w:customXmlDelRangeStart w:id="247" w:author="Daveline, Dan" w:date="2021-12-20T15:03:00Z"/>
        </w:sdtContent>
      </w:sdt>
      <w:customXmlDelRangeEnd w:id="247"/>
      <w:del w:id="248" w:author="Daveline, Dan" w:date="2021-12-20T15:03:00Z">
        <w:r w:rsidDel="008266BB">
          <w:delText xml:space="preserve"> is issued but the policyholder has since moved to a state </w:delText>
        </w:r>
      </w:del>
      <w:customXmlDelRangeStart w:id="249" w:author="Daveline, Dan" w:date="2021-12-20T15:03:00Z"/>
      <w:sdt>
        <w:sdtPr>
          <w:tag w:val="goog_rdk_142"/>
          <w:id w:val="900328070"/>
        </w:sdtPr>
        <w:sdtEndPr/>
        <w:sdtContent>
          <w:customXmlDelRangeEnd w:id="249"/>
          <w:customXmlDelRangeStart w:id="250" w:author="Daveline, Dan" w:date="2021-12-20T15:03:00Z"/>
        </w:sdtContent>
      </w:sdt>
      <w:customXmlDelRangeEnd w:id="250"/>
      <w:customXmlDelRangeStart w:id="251" w:author="Daveline, Dan" w:date="2021-12-20T15:03:00Z"/>
      <w:sdt>
        <w:sdtPr>
          <w:tag w:val="goog_rdk_143"/>
          <w:id w:val="-2003656768"/>
        </w:sdtPr>
        <w:sdtEndPr/>
        <w:sdtContent>
          <w:customXmlDelRangeEnd w:id="251"/>
          <w:del w:id="252" w:author="Daveline, Dan" w:date="2021-12-16T12:44:00Z">
            <w:r>
              <w:delText xml:space="preserve">that </w:delText>
            </w:r>
          </w:del>
          <w:customXmlDelRangeStart w:id="253" w:author="Daveline, Dan" w:date="2021-12-20T15:03:00Z"/>
        </w:sdtContent>
      </w:sdt>
      <w:customXmlDelRangeEnd w:id="253"/>
      <w:del w:id="254" w:author="Daveline, Dan" w:date="2021-12-20T15:03:00Z">
        <w:r w:rsidDel="008266BB">
          <w:delText>is not a guarant</w:delText>
        </w:r>
      </w:del>
      <w:customXmlDelRangeStart w:id="255" w:author="Daveline, Dan" w:date="2021-12-20T15:03:00Z"/>
      <w:sdt>
        <w:sdtPr>
          <w:tag w:val="goog_rdk_144"/>
          <w:id w:val="-658763237"/>
        </w:sdtPr>
        <w:sdtEndPr/>
        <w:sdtContent>
          <w:customXmlDelRangeEnd w:id="255"/>
          <w:customXmlDelRangeStart w:id="256" w:author="Daveline, Dan" w:date="2021-12-20T15:03:00Z"/>
        </w:sdtContent>
      </w:sdt>
      <w:customXmlDelRangeEnd w:id="256"/>
      <w:customXmlDelRangeStart w:id="257" w:author="Daveline, Dan" w:date="2021-12-20T15:03:00Z"/>
      <w:sdt>
        <w:sdtPr>
          <w:tag w:val="goog_rdk_145"/>
          <w:id w:val="-536432112"/>
        </w:sdtPr>
        <w:sdtEndPr/>
        <w:sdtContent>
          <w:customXmlDelRangeEnd w:id="257"/>
          <w:del w:id="258" w:author="Daveline, Dan" w:date="2021-12-16T12:45:00Z">
            <w:r>
              <w:delText>ee</w:delText>
            </w:r>
          </w:del>
          <w:customXmlDelRangeStart w:id="259" w:author="Daveline, Dan" w:date="2021-12-20T15:03:00Z"/>
        </w:sdtContent>
      </w:sdt>
      <w:customXmlDelRangeEnd w:id="259"/>
      <w:del w:id="260" w:author="Daveline, Dan" w:date="2021-12-20T15:03:00Z">
        <w:r w:rsidDel="008266BB">
          <w:delText xml:space="preserve"> association member. Those policies are covered under the state in which </w:delText>
        </w:r>
      </w:del>
      <w:ins w:id="261" w:author="Daveline, Dan" w:date="2021-12-20T15:03:00Z">
        <w:r w:rsidR="008266BB">
          <w:t>Or</w:t>
        </w:r>
      </w:ins>
      <w:ins w:id="262" w:author="Daveline, Dan" w:date="2021-12-20T15:04:00Z">
        <w:r w:rsidR="008266BB">
          <w:t>phan policyholders</w:t>
        </w:r>
        <w:r w:rsidR="008447CF">
          <w:t xml:space="preserve"> are policyholders who are residents of states where the guaranty </w:t>
        </w:r>
        <w:r w:rsidR="00B33B1C">
          <w:t xml:space="preserve">association cannot provide coverage because </w:t>
        </w:r>
      </w:ins>
      <w:r>
        <w:t xml:space="preserve">the insolvent insurer </w:t>
      </w:r>
      <w:del w:id="263" w:author="Daveline, Dan" w:date="2021-12-20T15:05:00Z">
        <w:r w:rsidDel="00B33B1C">
          <w:delText>is domiciled.</w:delText>
        </w:r>
      </w:del>
      <w:ins w:id="264" w:author="Daveline, Dan" w:date="2021-12-20T15:05:00Z">
        <w:r w:rsidR="00FD3D96">
          <w:t xml:space="preserve">not a member insurer due to not being licensed at the time required by the guaranty association act. </w:t>
        </w:r>
      </w:ins>
      <w:ins w:id="265" w:author="Daveline, Dan" w:date="2021-12-20T15:07:00Z">
        <w:r w:rsidR="00B9111B">
          <w:rPr>
            <w:rStyle w:val="normaltextrun"/>
            <w:color w:val="0078D4"/>
            <w:shd w:val="clear" w:color="auto" w:fill="FFFFFF"/>
          </w:rPr>
          <w:t>The orphan policyholder situation can arise when a policyholder purchases a policy in a state where the issuing company is licensed (i.e., is a member of the guaranty association) but subsequently moves to a state where the issuing insurance company was never licensed (i.e., is not a member of the guaranty association). The provision in the NAIC Life and Health Insurance Guaranty Association Model Act, and the laws of most states, that provides that orphan policies are covered by the guaranty association in the insolvent insurer's domestic state </w:t>
        </w:r>
      </w:ins>
      <w:ins w:id="266" w:author="Daveline, Dan" w:date="2021-12-20T15:09:00Z">
        <w:r w:rsidR="002F2868">
          <w:rPr>
            <w:rStyle w:val="normaltextrun"/>
            <w:shd w:val="clear" w:color="auto" w:fill="FFFFFF"/>
          </w:rPr>
          <w:t>is designed to plug the gap in these rare situations.</w:t>
        </w:r>
      </w:ins>
      <w:del w:id="267" w:author="Daveline, Dan" w:date="2021-12-20T15:09:00Z">
        <w:r w:rsidDel="001D37FC">
          <w:delText xml:space="preserve"> </w:delText>
        </w:r>
      </w:del>
      <w:customXmlDelRangeStart w:id="268" w:author="Daveline, Dan" w:date="2021-12-20T15:09:00Z"/>
      <w:sdt>
        <w:sdtPr>
          <w:tag w:val="goog_rdk_146"/>
          <w:id w:val="1917041852"/>
        </w:sdtPr>
        <w:sdtEndPr/>
        <w:sdtContent>
          <w:customXmlDelRangeEnd w:id="268"/>
          <w:customXmlDelRangeStart w:id="269" w:author="Daveline, Dan" w:date="2021-12-20T15:09:00Z"/>
        </w:sdtContent>
      </w:sdt>
      <w:customXmlDelRangeEnd w:id="269"/>
      <w:customXmlDelRangeStart w:id="270" w:author="Daveline, Dan" w:date="2021-12-20T15:09:00Z"/>
      <w:sdt>
        <w:sdtPr>
          <w:tag w:val="goog_rdk_147"/>
          <w:id w:val="-611120602"/>
        </w:sdtPr>
        <w:sdtEndPr/>
        <w:sdtContent>
          <w:customXmlDelRangeEnd w:id="270"/>
          <w:del w:id="271" w:author="Daveline, Dan" w:date="2021-12-16T12:45:00Z">
            <w:r>
              <w:delText>T</w:delText>
            </w:r>
          </w:del>
          <w:customXmlDelRangeStart w:id="272" w:author="Daveline, Dan" w:date="2021-12-20T15:09:00Z"/>
        </w:sdtContent>
      </w:sdt>
      <w:customXmlDelRangeEnd w:id="272"/>
      <w:customXmlDelRangeStart w:id="273" w:author="Daveline, Dan" w:date="2021-12-20T15:09:00Z"/>
      <w:sdt>
        <w:sdtPr>
          <w:tag w:val="goog_rdk_148"/>
          <w:id w:val="-1455931865"/>
        </w:sdtPr>
        <w:sdtEndPr/>
        <w:sdtContent>
          <w:customXmlDelRangeEnd w:id="273"/>
          <w:customXmlDelRangeStart w:id="274" w:author="Daveline, Dan" w:date="2021-12-20T15:09:00Z"/>
        </w:sdtContent>
      </w:sdt>
      <w:customXmlDelRangeEnd w:id="274"/>
      <w:del w:id="275" w:author="Daveline, Dan" w:date="2021-12-20T15:09:00Z">
        <w:r w:rsidDel="001D37FC">
          <w:delText xml:space="preserve">his provision </w:delText>
        </w:r>
      </w:del>
      <w:customXmlDelRangeStart w:id="276" w:author="Daveline, Dan" w:date="2021-12-20T15:09:00Z"/>
      <w:sdt>
        <w:sdtPr>
          <w:tag w:val="goog_rdk_149"/>
          <w:id w:val="-1275861357"/>
        </w:sdtPr>
        <w:sdtEndPr/>
        <w:sdtContent>
          <w:customXmlDelRangeEnd w:id="276"/>
          <w:del w:id="277" w:author="Daveline, Dan" w:date="2021-12-16T12:46:00Z">
            <w:r>
              <w:delText>is designed to plug the gap in these rare situations. Orphan coverage</w:delText>
            </w:r>
          </w:del>
          <w:customXmlDelRangeStart w:id="278" w:author="Daveline, Dan" w:date="2021-12-20T15:09:00Z"/>
        </w:sdtContent>
      </w:sdt>
      <w:customXmlDelRangeEnd w:id="278"/>
      <w:del w:id="279" w:author="Daveline, Dan" w:date="2021-12-20T15:09:00Z">
        <w:r w:rsidDel="001D37FC">
          <w:delText xml:space="preserve"> was not designed to provide coverage to all policyholders regardless of domicile</w:delText>
        </w:r>
      </w:del>
      <w:customXmlDelRangeStart w:id="280" w:author="Daveline, Dan" w:date="2021-12-20T15:09:00Z"/>
      <w:sdt>
        <w:sdtPr>
          <w:tag w:val="goog_rdk_150"/>
          <w:id w:val="-198253334"/>
        </w:sdtPr>
        <w:sdtEndPr/>
        <w:sdtContent>
          <w:customXmlDelRangeEnd w:id="280"/>
          <w:customXmlDelRangeStart w:id="281" w:author="Daveline, Dan" w:date="2021-12-20T15:09:00Z"/>
        </w:sdtContent>
      </w:sdt>
      <w:customXmlDelRangeEnd w:id="281"/>
      <w:del w:id="282" w:author="Daveline, Dan" w:date="2021-12-20T15:09:00Z">
        <w:r w:rsidDel="001D37FC">
          <w:delText xml:space="preserve"> </w:delText>
        </w:r>
      </w:del>
      <w:customXmlDelRangeStart w:id="283" w:author="Daveline, Dan" w:date="2021-12-20T15:09:00Z"/>
      <w:sdt>
        <w:sdtPr>
          <w:tag w:val="goog_rdk_151"/>
          <w:id w:val="1563523386"/>
        </w:sdtPr>
        <w:sdtEndPr/>
        <w:sdtContent>
          <w:customXmlDelRangeEnd w:id="283"/>
          <w:del w:id="284" w:author="Daveline, Dan" w:date="2021-12-16T12:47:00Z">
            <w:r>
              <w:delText>as might occur i</w:delText>
            </w:r>
          </w:del>
          <w:customXmlDelRangeStart w:id="285" w:author="Daveline, Dan" w:date="2021-12-20T15:09:00Z"/>
        </w:sdtContent>
      </w:sdt>
      <w:customXmlDelRangeEnd w:id="285"/>
      <w:customXmlDelRangeStart w:id="286" w:author="Daveline, Dan" w:date="2021-12-20T15:09:00Z"/>
      <w:sdt>
        <w:sdtPr>
          <w:tag w:val="goog_rdk_152"/>
          <w:id w:val="54897091"/>
        </w:sdtPr>
        <w:sdtEndPr/>
        <w:sdtContent>
          <w:customXmlDelRangeEnd w:id="286"/>
          <w:customXmlDelRangeStart w:id="287" w:author="Daveline, Dan" w:date="2021-12-20T15:09:00Z"/>
        </w:sdtContent>
      </w:sdt>
      <w:customXmlDelRangeEnd w:id="287"/>
      <w:del w:id="288" w:author="Daveline, Dan" w:date="2021-12-20T15:09:00Z">
        <w:r w:rsidDel="001D37FC">
          <w:delText xml:space="preserve">f the resulting insurer in an IBT </w:delText>
        </w:r>
      </w:del>
      <w:customXmlDelRangeStart w:id="289" w:author="Daveline, Dan" w:date="2021-12-20T15:09:00Z"/>
      <w:sdt>
        <w:sdtPr>
          <w:tag w:val="goog_rdk_153"/>
          <w:id w:val="-264997084"/>
        </w:sdtPr>
        <w:sdtEndPr/>
        <w:sdtContent>
          <w:customXmlDelRangeEnd w:id="289"/>
          <w:customXmlDelRangeStart w:id="290" w:author="Daveline, Dan" w:date="2021-12-20T15:09:00Z"/>
        </w:sdtContent>
      </w:sdt>
      <w:customXmlDelRangeEnd w:id="290"/>
      <w:customXmlDelRangeStart w:id="291" w:author="Daveline, Dan" w:date="2021-12-20T15:09:00Z"/>
      <w:sdt>
        <w:sdtPr>
          <w:tag w:val="goog_rdk_154"/>
          <w:id w:val="156346409"/>
        </w:sdtPr>
        <w:sdtEndPr/>
        <w:sdtContent>
          <w:customXmlDelRangeEnd w:id="291"/>
          <w:del w:id="292" w:author="Daveline, Dan" w:date="2021-12-16T12:47:00Z">
            <w:r>
              <w:delText xml:space="preserve">does </w:delText>
            </w:r>
          </w:del>
          <w:customXmlDelRangeStart w:id="293" w:author="Daveline, Dan" w:date="2021-12-20T15:09:00Z"/>
        </w:sdtContent>
      </w:sdt>
      <w:customXmlDelRangeEnd w:id="293"/>
      <w:customXmlDelRangeStart w:id="294" w:author="Daveline, Dan" w:date="2021-12-20T15:09:00Z"/>
      <w:sdt>
        <w:sdtPr>
          <w:tag w:val="goog_rdk_155"/>
          <w:id w:val="-2127223935"/>
        </w:sdtPr>
        <w:sdtEndPr/>
        <w:sdtContent>
          <w:customXmlDelRangeEnd w:id="294"/>
          <w:customXmlDelRangeStart w:id="295" w:author="Daveline, Dan" w:date="2021-12-20T15:09:00Z"/>
        </w:sdtContent>
      </w:sdt>
      <w:customXmlDelRangeEnd w:id="295"/>
      <w:del w:id="296" w:author="Daveline, Dan" w:date="2021-12-20T15:09:00Z">
        <w:r w:rsidDel="001D37FC">
          <w:delText xml:space="preserve">not </w:delText>
        </w:r>
      </w:del>
      <w:customXmlDelRangeStart w:id="297" w:author="Daveline, Dan" w:date="2021-12-20T15:09:00Z"/>
      <w:sdt>
        <w:sdtPr>
          <w:tag w:val="goog_rdk_156"/>
          <w:id w:val="1413361035"/>
        </w:sdtPr>
        <w:sdtEndPr/>
        <w:sdtContent>
          <w:customXmlDelRangeEnd w:id="297"/>
          <w:customXmlDelRangeStart w:id="298" w:author="Daveline, Dan" w:date="2021-12-20T15:09:00Z"/>
        </w:sdtContent>
      </w:sdt>
      <w:customXmlDelRangeEnd w:id="298"/>
      <w:del w:id="299" w:author="Daveline, Dan" w:date="2021-12-20T15:09:00Z">
        <w:r w:rsidDel="001D37FC">
          <w:delText>meet the requirements for guarant</w:delText>
        </w:r>
      </w:del>
      <w:customXmlDelRangeStart w:id="300" w:author="Daveline, Dan" w:date="2021-12-20T15:09:00Z"/>
      <w:sdt>
        <w:sdtPr>
          <w:tag w:val="goog_rdk_157"/>
          <w:id w:val="1962301886"/>
        </w:sdtPr>
        <w:sdtEndPr/>
        <w:sdtContent>
          <w:customXmlDelRangeEnd w:id="300"/>
          <w:customXmlDelRangeStart w:id="301" w:author="Daveline, Dan" w:date="2021-12-20T15:09:00Z"/>
        </w:sdtContent>
      </w:sdt>
      <w:customXmlDelRangeEnd w:id="301"/>
      <w:customXmlDelRangeStart w:id="302" w:author="Daveline, Dan" w:date="2021-12-20T15:09:00Z"/>
      <w:sdt>
        <w:sdtPr>
          <w:tag w:val="goog_rdk_158"/>
          <w:id w:val="799279159"/>
        </w:sdtPr>
        <w:sdtEndPr/>
        <w:sdtContent>
          <w:customXmlDelRangeEnd w:id="302"/>
          <w:del w:id="303" w:author="Daveline, Dan" w:date="2021-12-16T12:47:00Z">
            <w:r>
              <w:delText>ee</w:delText>
            </w:r>
          </w:del>
          <w:customXmlDelRangeStart w:id="304" w:author="Daveline, Dan" w:date="2021-12-20T15:09:00Z"/>
        </w:sdtContent>
      </w:sdt>
      <w:customXmlDelRangeEnd w:id="304"/>
      <w:del w:id="305" w:author="Daveline, Dan" w:date="2021-12-20T15:09:00Z">
        <w:r w:rsidDel="001D37FC">
          <w:delText xml:space="preserve"> association coverage</w:delText>
        </w:r>
      </w:del>
      <w:customXmlDelRangeStart w:id="306" w:author="Daveline, Dan" w:date="2021-12-20T15:09:00Z"/>
      <w:sdt>
        <w:sdtPr>
          <w:tag w:val="goog_rdk_159"/>
          <w:id w:val="1981961754"/>
        </w:sdtPr>
        <w:sdtEndPr/>
        <w:sdtContent>
          <w:customXmlDelRangeEnd w:id="306"/>
          <w:customXmlDelRangeStart w:id="307" w:author="Daveline, Dan" w:date="2021-12-20T15:09:00Z"/>
        </w:sdtContent>
      </w:sdt>
      <w:customXmlDelRangeEnd w:id="307"/>
      <w:del w:id="308" w:author="Daveline, Dan" w:date="2021-12-20T15:09:00Z">
        <w:r w:rsidDel="001D37FC">
          <w:delText xml:space="preserve">. </w:delText>
        </w:r>
      </w:del>
      <w:customXmlDelRangeStart w:id="309" w:author="Daveline, Dan" w:date="2021-12-20T15:09:00Z"/>
      <w:sdt>
        <w:sdtPr>
          <w:tag w:val="goog_rdk_160"/>
          <w:id w:val="-2027392036"/>
        </w:sdtPr>
        <w:sdtEndPr/>
        <w:sdtContent>
          <w:customXmlDelRangeEnd w:id="309"/>
          <w:customXmlDelRangeStart w:id="310" w:author="Daveline, Dan" w:date="2021-12-20T15:09:00Z"/>
        </w:sdtContent>
      </w:sdt>
      <w:customXmlDelRangeEnd w:id="310"/>
      <w:customXmlDelRangeStart w:id="311" w:author="Daveline, Dan" w:date="2021-12-20T15:09:00Z"/>
      <w:sdt>
        <w:sdtPr>
          <w:tag w:val="goog_rdk_161"/>
          <w:id w:val="558912428"/>
        </w:sdtPr>
        <w:sdtEndPr/>
        <w:sdtContent>
          <w:customXmlDelRangeEnd w:id="311"/>
          <w:del w:id="312" w:author="Daveline, Dan" w:date="2021-12-16T12:48:00Z">
            <w:r>
              <w:delText>These issues can be addressed in legislative and regulatory manners including maintaining a certificate of authority in each state, so the insurer is a guarantee association member insurer in each state. However, if an insurer is unwilling or unable to meet such requirements it could impede the ability to complete a restructure.</w:delText>
            </w:r>
          </w:del>
          <w:customXmlDelRangeStart w:id="313" w:author="Daveline, Dan" w:date="2021-12-20T15:09:00Z"/>
        </w:sdtContent>
      </w:sdt>
      <w:customXmlDelRangeEnd w:id="313"/>
      <w:r>
        <w:t xml:space="preserve"> </w:t>
      </w:r>
    </w:p>
    <w:p w14:paraId="1C612903" w14:textId="77777777" w:rsidR="005D7AE3" w:rsidRDefault="005D7AE3" w:rsidP="005D7AE3">
      <w:pPr>
        <w:pStyle w:val="paragraph"/>
        <w:spacing w:before="0" w:beforeAutospacing="0" w:after="0" w:afterAutospacing="0"/>
        <w:ind w:firstLine="720"/>
        <w:textAlignment w:val="baseline"/>
        <w:rPr>
          <w:ins w:id="314" w:author="Daveline, Dan" w:date="2021-12-20T15:13:00Z"/>
          <w:rFonts w:ascii="Segoe UI" w:hAnsi="Segoe UI" w:cs="Segoe UI"/>
          <w:sz w:val="18"/>
          <w:szCs w:val="18"/>
        </w:rPr>
      </w:pPr>
      <w:ins w:id="315" w:author="Daveline, Dan" w:date="2021-12-20T15:13:00Z">
        <w:r>
          <w:rPr>
            <w:rStyle w:val="normaltextrun"/>
            <w:rFonts w:eastAsiaTheme="majorEastAsia"/>
            <w:color w:val="0078D4"/>
            <w:u w:val="single"/>
          </w:rPr>
          <w:t>A key factor when considering a life or health IBT or CD transaction is whether</w:t>
        </w:r>
        <w:r>
          <w:rPr>
            <w:rStyle w:val="normaltextrun"/>
            <w:rFonts w:eastAsiaTheme="majorEastAsia"/>
          </w:rPr>
          <w:t> the resulting insurer </w:t>
        </w:r>
        <w:r>
          <w:rPr>
            <w:rStyle w:val="normaltextrun"/>
            <w:rFonts w:eastAsiaTheme="majorEastAsia"/>
            <w:strike/>
            <w:color w:val="0078D4"/>
          </w:rPr>
          <w:t>in an IBT does not meet the requirements for guarantee association coverage. These issues can </w:t>
        </w:r>
        <w:r>
          <w:rPr>
            <w:rStyle w:val="normaltextrun"/>
            <w:rFonts w:eastAsiaTheme="majorEastAsia"/>
            <w:color w:val="0078D4"/>
            <w:u w:val="single"/>
          </w:rPr>
          <w:t>is or will </w:t>
        </w:r>
        <w:r>
          <w:rPr>
            <w:rStyle w:val="normaltextrun"/>
            <w:rFonts w:eastAsiaTheme="majorEastAsia"/>
          </w:rPr>
          <w:t>be </w:t>
        </w:r>
        <w:r>
          <w:rPr>
            <w:rStyle w:val="normaltextrun"/>
            <w:rFonts w:eastAsiaTheme="majorEastAsia"/>
            <w:strike/>
            <w:color w:val="0078D4"/>
          </w:rPr>
          <w:t>addressed in legislative and regulatory manners including maintaining a certificate of authority in each state, so the insurer is a guarantee association </w:t>
        </w:r>
        <w:r>
          <w:rPr>
            <w:rStyle w:val="normaltextrun"/>
            <w:rFonts w:eastAsiaTheme="majorEastAsia"/>
            <w:color w:val="0078D4"/>
            <w:u w:val="single"/>
          </w:rPr>
          <w:t>a </w:t>
        </w:r>
        <w:r>
          <w:rPr>
            <w:rStyle w:val="normaltextrun"/>
            <w:rFonts w:eastAsiaTheme="majorEastAsia"/>
          </w:rPr>
          <w:t>member insurer </w:t>
        </w:r>
        <w:r>
          <w:rPr>
            <w:rStyle w:val="normaltextrun"/>
            <w:rFonts w:eastAsiaTheme="majorEastAsia"/>
            <w:strike/>
            <w:color w:val="0078D4"/>
          </w:rPr>
          <w:t>in each state. However, if an</w:t>
        </w:r>
        <w:r>
          <w:rPr>
            <w:rStyle w:val="normaltextrun"/>
            <w:rFonts w:eastAsiaTheme="majorEastAsia"/>
            <w:color w:val="0078D4"/>
            <w:u w:val="single"/>
          </w:rPr>
          <w:t>of the same guaranty associations where the transferring</w:t>
        </w:r>
        <w:r>
          <w:rPr>
            <w:rStyle w:val="normaltextrun"/>
            <w:rFonts w:eastAsiaTheme="majorEastAsia"/>
          </w:rPr>
          <w:t> insurer </w:t>
        </w:r>
        <w:r>
          <w:rPr>
            <w:rStyle w:val="normaltextrun"/>
            <w:rFonts w:eastAsiaTheme="majorEastAsia"/>
            <w:strike/>
            <w:color w:val="0078D4"/>
          </w:rPr>
          <w:t>is unwilling or unable</w:t>
        </w:r>
        <w:r>
          <w:rPr>
            <w:rStyle w:val="normaltextrun"/>
            <w:rFonts w:eastAsiaTheme="majorEastAsia"/>
            <w:color w:val="0078D4"/>
            <w:u w:val="single"/>
          </w:rPr>
          <w:t>was a member insurer. If the resulting insurer is a member insurer of the same guaranty associations as the transferring insurer, guaranty association coverage will be preserved and not changed for all policyholders. (Of course, specific guaranty association coverage will be determined if/when the resulting insurer is placed under an order of liquidation with a finding of insolvency.) If the resulting insurer is not a member insurer of the same guaranty associations as the transferring insurer, policyholders may lose guaranty association coverage or be covered as orphans by the guaranty association in the insurer’s domestic state. Orphan coverage was not designed to plug the gap in this situation. Shifting the coverage obligation</w:t>
        </w:r>
        <w:r>
          <w:rPr>
            <w:rStyle w:val="normaltextrun"/>
            <w:rFonts w:eastAsiaTheme="majorEastAsia"/>
          </w:rPr>
          <w:t> to </w:t>
        </w:r>
        <w:r>
          <w:rPr>
            <w:rStyle w:val="normaltextrun"/>
            <w:rFonts w:eastAsiaTheme="majorEastAsia"/>
            <w:strike/>
            <w:color w:val="0078D4"/>
          </w:rPr>
          <w:t>meet such requirements it</w:t>
        </w:r>
        <w:r>
          <w:rPr>
            <w:rStyle w:val="normaltextrun"/>
            <w:rFonts w:eastAsiaTheme="majorEastAsia"/>
            <w:color w:val="0078D4"/>
            <w:u w:val="single"/>
          </w:rPr>
          <w:t xml:space="preserve">the domestic state </w:t>
        </w:r>
        <w:r>
          <w:rPr>
            <w:rStyle w:val="normaltextrun"/>
            <w:rFonts w:eastAsiaTheme="majorEastAsia"/>
            <w:color w:val="0078D4"/>
            <w:u w:val="single"/>
          </w:rPr>
          <w:lastRenderedPageBreak/>
          <w:t>guaranty association</w:t>
        </w:r>
        <w:r>
          <w:rPr>
            <w:rStyle w:val="normaltextrun"/>
            <w:rFonts w:eastAsiaTheme="majorEastAsia"/>
          </w:rPr>
          <w:t> could </w:t>
        </w:r>
        <w:r>
          <w:rPr>
            <w:rStyle w:val="normaltextrun"/>
            <w:rFonts w:eastAsiaTheme="majorEastAsia"/>
            <w:strike/>
            <w:color w:val="0078D4"/>
          </w:rPr>
          <w:t>impede the ability</w:t>
        </w:r>
        <w:r>
          <w:rPr>
            <w:rStyle w:val="normaltextrun"/>
            <w:rFonts w:eastAsiaTheme="majorEastAsia"/>
            <w:color w:val="0078D4"/>
            <w:u w:val="single"/>
          </w:rPr>
          <w:t>result in guaranty association coverage being concentrated in that state. </w:t>
        </w:r>
        <w:r>
          <w:rPr>
            <w:rStyle w:val="eop"/>
            <w:rFonts w:eastAsiaTheme="majorEastAsia"/>
          </w:rPr>
          <w:t> </w:t>
        </w:r>
      </w:ins>
    </w:p>
    <w:p w14:paraId="566F09C4" w14:textId="77777777" w:rsidR="005D7AE3" w:rsidRDefault="005D7AE3" w:rsidP="005D7AE3">
      <w:pPr>
        <w:pStyle w:val="paragraph"/>
        <w:spacing w:before="0" w:beforeAutospacing="0" w:after="0" w:afterAutospacing="0"/>
        <w:ind w:firstLine="720"/>
        <w:textAlignment w:val="baseline"/>
        <w:rPr>
          <w:ins w:id="316" w:author="Daveline, Dan" w:date="2021-12-20T15:13:00Z"/>
          <w:rFonts w:ascii="Segoe UI" w:hAnsi="Segoe UI" w:cs="Segoe UI"/>
          <w:sz w:val="18"/>
          <w:szCs w:val="18"/>
        </w:rPr>
      </w:pPr>
      <w:ins w:id="317" w:author="Daveline, Dan" w:date="2021-12-20T15:13:00Z">
        <w:r>
          <w:rPr>
            <w:rStyle w:val="eop"/>
            <w:rFonts w:eastAsiaTheme="majorEastAsia"/>
          </w:rPr>
          <w:t> </w:t>
        </w:r>
      </w:ins>
    </w:p>
    <w:p w14:paraId="7CD68E73" w14:textId="77777777" w:rsidR="005D7AE3" w:rsidRDefault="005D7AE3" w:rsidP="005D7AE3">
      <w:pPr>
        <w:pStyle w:val="paragraph"/>
        <w:spacing w:before="0" w:beforeAutospacing="0" w:after="0" w:afterAutospacing="0"/>
        <w:ind w:firstLine="720"/>
        <w:textAlignment w:val="baseline"/>
        <w:rPr>
          <w:ins w:id="318" w:author="Daveline, Dan" w:date="2021-12-20T15:13:00Z"/>
          <w:rFonts w:ascii="Segoe UI" w:hAnsi="Segoe UI" w:cs="Segoe UI"/>
          <w:sz w:val="18"/>
          <w:szCs w:val="18"/>
        </w:rPr>
      </w:pPr>
      <w:ins w:id="319" w:author="Daveline, Dan" w:date="2021-12-20T15:13:00Z">
        <w:r>
          <w:rPr>
            <w:rStyle w:val="normaltextrun"/>
            <w:rFonts w:eastAsiaTheme="majorEastAsia"/>
            <w:color w:val="0078D4"/>
            <w:u w:val="single"/>
          </w:rPr>
          <w:t>To address these concerns with respect</w:t>
        </w:r>
        <w:r>
          <w:rPr>
            <w:rStyle w:val="normaltextrun"/>
            <w:rFonts w:eastAsiaTheme="majorEastAsia"/>
          </w:rPr>
          <w:t> to </w:t>
        </w:r>
        <w:r>
          <w:rPr>
            <w:rStyle w:val="normaltextrun"/>
            <w:rFonts w:eastAsiaTheme="majorEastAsia"/>
            <w:strike/>
            <w:color w:val="0078D4"/>
          </w:rPr>
          <w:t>complete a restructure.</w:t>
        </w:r>
        <w:r>
          <w:rPr>
            <w:rStyle w:val="normaltextrun"/>
            <w:rFonts w:eastAsiaTheme="majorEastAsia"/>
            <w:color w:val="0078D4"/>
            <w:u w:val="single"/>
          </w:rPr>
          <w:t>IBT and CD transactions involving life or health insurance, restructuring statutes (or regulators reviewing proposed restructuring transactions) should clearly provide that assuming or resulting insurers must be licensed so that policyholders maintain eligibility for guaranty association coverage from the same guaranty association that would have provided coverage immediately prior to a restructuring transaction.  This means that the resulting insurer must be licensed in all states where the transferring insurer was licensed or had ever been licensed with respect to the policies being transferred. </w:t>
        </w:r>
        <w:r>
          <w:rPr>
            <w:rStyle w:val="normaltextrun"/>
            <w:rFonts w:eastAsiaTheme="majorEastAsia"/>
          </w:rPr>
          <w:t> </w:t>
        </w:r>
        <w:r>
          <w:rPr>
            <w:rStyle w:val="eop"/>
            <w:rFonts w:eastAsiaTheme="majorEastAsia"/>
          </w:rPr>
          <w:t> </w:t>
        </w:r>
      </w:ins>
    </w:p>
    <w:p w14:paraId="4E23C158" w14:textId="77777777" w:rsidR="005D7AE3" w:rsidRDefault="005D7AE3" w:rsidP="005D7AE3">
      <w:pPr>
        <w:pStyle w:val="paragraph"/>
        <w:spacing w:before="0" w:beforeAutospacing="0" w:after="0" w:afterAutospacing="0"/>
        <w:ind w:firstLine="720"/>
        <w:textAlignment w:val="baseline"/>
        <w:rPr>
          <w:ins w:id="320" w:author="Daveline, Dan" w:date="2021-12-20T15:13:00Z"/>
          <w:rFonts w:ascii="Segoe UI" w:hAnsi="Segoe UI" w:cs="Segoe UI"/>
          <w:sz w:val="18"/>
          <w:szCs w:val="18"/>
        </w:rPr>
      </w:pPr>
      <w:ins w:id="321" w:author="Daveline, Dan" w:date="2021-12-20T15:13:00Z">
        <w:r>
          <w:rPr>
            <w:rStyle w:val="eop"/>
            <w:rFonts w:eastAsiaTheme="majorEastAsia"/>
          </w:rPr>
          <w:t> </w:t>
        </w:r>
      </w:ins>
    </w:p>
    <w:p w14:paraId="4CBD38A4" w14:textId="77777777" w:rsidR="005D7AE3" w:rsidRDefault="005D7AE3" w:rsidP="005D7AE3">
      <w:pPr>
        <w:pStyle w:val="paragraph"/>
        <w:spacing w:before="0" w:beforeAutospacing="0" w:after="0" w:afterAutospacing="0"/>
        <w:ind w:firstLine="720"/>
        <w:textAlignment w:val="baseline"/>
        <w:rPr>
          <w:ins w:id="322" w:author="Daveline, Dan" w:date="2021-12-20T15:13:00Z"/>
          <w:rFonts w:ascii="Segoe UI" w:hAnsi="Segoe UI" w:cs="Segoe UI"/>
          <w:sz w:val="18"/>
          <w:szCs w:val="18"/>
        </w:rPr>
      </w:pPr>
      <w:ins w:id="323" w:author="Daveline, Dan" w:date="2021-12-20T15:13:00Z">
        <w:r>
          <w:rPr>
            <w:rStyle w:val="normaltextrun"/>
            <w:rFonts w:eastAsiaTheme="majorEastAsia"/>
            <w:i/>
            <w:iCs/>
            <w:color w:val="0078D4"/>
            <w:u w:val="single"/>
          </w:rPr>
          <w:t>Transactions Involving Property and Casualty Insurance</w:t>
        </w:r>
        <w:r>
          <w:rPr>
            <w:rStyle w:val="eop"/>
            <w:rFonts w:eastAsiaTheme="majorEastAsia"/>
          </w:rPr>
          <w:t> </w:t>
        </w:r>
      </w:ins>
    </w:p>
    <w:p w14:paraId="1232C618" w14:textId="77777777" w:rsidR="005D7AE3" w:rsidRDefault="005D7AE3" w:rsidP="005D7AE3">
      <w:pPr>
        <w:pStyle w:val="paragraph"/>
        <w:spacing w:before="0" w:beforeAutospacing="0" w:after="0" w:afterAutospacing="0"/>
        <w:ind w:firstLine="360"/>
        <w:textAlignment w:val="baseline"/>
        <w:rPr>
          <w:ins w:id="324" w:author="Daveline, Dan" w:date="2021-12-20T15:13:00Z"/>
          <w:rFonts w:ascii="Segoe UI" w:hAnsi="Segoe UI" w:cs="Segoe UI"/>
          <w:sz w:val="18"/>
          <w:szCs w:val="18"/>
        </w:rPr>
      </w:pPr>
      <w:ins w:id="325" w:author="Daveline, Dan" w:date="2021-12-20T15:13:00Z">
        <w:r>
          <w:rPr>
            <w:rStyle w:val="eop"/>
            <w:rFonts w:eastAsiaTheme="majorEastAsia"/>
          </w:rPr>
          <w:t> </w:t>
        </w:r>
      </w:ins>
    </w:p>
    <w:p w14:paraId="40E64A61" w14:textId="77777777" w:rsidR="005D7AE3" w:rsidRDefault="005D7AE3" w:rsidP="005D7AE3">
      <w:pPr>
        <w:pStyle w:val="paragraph"/>
        <w:spacing w:before="0" w:beforeAutospacing="0" w:after="0" w:afterAutospacing="0"/>
        <w:ind w:firstLine="720"/>
        <w:textAlignment w:val="baseline"/>
        <w:rPr>
          <w:ins w:id="326" w:author="Daveline, Dan" w:date="2021-12-20T15:13:00Z"/>
          <w:rFonts w:ascii="Segoe UI" w:hAnsi="Segoe UI" w:cs="Segoe UI"/>
          <w:sz w:val="18"/>
          <w:szCs w:val="18"/>
        </w:rPr>
      </w:pPr>
      <w:ins w:id="327" w:author="Daveline, Dan" w:date="2021-12-20T15:13:00Z">
        <w:r>
          <w:rPr>
            <w:rStyle w:val="normaltextrun"/>
            <w:rFonts w:eastAsiaTheme="majorEastAsia"/>
            <w:color w:val="0078D4"/>
            <w:u w:val="single"/>
          </w:rPr>
          <w:t>The Working Group received input from the National Conference of Insurance Guaranty Funds (“NCIGF”) about the concerns for insurance consumers of personal lines property and casualty insurance business.</w:t>
        </w:r>
        <w:r>
          <w:rPr>
            <w:rStyle w:val="eop"/>
            <w:rFonts w:eastAsiaTheme="majorEastAsia"/>
          </w:rPr>
          <w:t> </w:t>
        </w:r>
      </w:ins>
    </w:p>
    <w:sdt>
      <w:sdtPr>
        <w:tag w:val="goog_rdk_168"/>
        <w:id w:val="-1646203993"/>
      </w:sdtPr>
      <w:sdtEndPr/>
      <w:sdtContent>
        <w:p w14:paraId="49707DED" w14:textId="121828EF" w:rsidR="00CF54CB" w:rsidRDefault="00DE74AE" w:rsidP="00CC02C2">
          <w:pPr>
            <w:spacing w:after="272" w:line="242" w:lineRule="auto"/>
            <w:ind w:left="122" w:right="59" w:firstLine="710"/>
            <w:jc w:val="left"/>
            <w:rPr>
              <w:ins w:id="328" w:author="Daveline, Dan" w:date="2021-12-16T12:57:00Z"/>
            </w:rPr>
          </w:pPr>
          <w:customXmlDelRangeStart w:id="329" w:author="Daveline, Dan" w:date="2021-12-20T15:14:00Z"/>
          <w:sdt>
            <w:sdtPr>
              <w:tag w:val="goog_rdk_166"/>
              <w:id w:val="1539779581"/>
            </w:sdtPr>
            <w:sdtEndPr/>
            <w:sdtContent>
              <w:customXmlDelRangeEnd w:id="329"/>
              <w:customXmlDelRangeStart w:id="330" w:author="Daveline, Dan" w:date="2021-12-20T15:14:00Z"/>
            </w:sdtContent>
          </w:sdt>
          <w:customXmlDelRangeEnd w:id="330"/>
          <w:del w:id="331" w:author="Daveline, Dan" w:date="2021-12-20T15:14:00Z">
            <w:r w:rsidR="00344004" w:rsidDel="00052B61">
              <w:rPr>
                <w:rFonts w:ascii="ZWAdobeF" w:eastAsia="ZWAdobeF" w:hAnsi="ZWAdobeF" w:cs="ZWAdobeF"/>
                <w:sz w:val="2"/>
                <w:szCs w:val="2"/>
              </w:rPr>
              <w:delText>22</w:delText>
            </w:r>
          </w:del>
          <w:r w:rsidR="00344004">
            <w:rPr>
              <w:rFonts w:ascii="ZWAdobeF" w:eastAsia="ZWAdobeF" w:hAnsi="ZWAdobeF" w:cs="ZWAdobeF"/>
              <w:sz w:val="2"/>
              <w:szCs w:val="2"/>
            </w:rPr>
            <w:t>F</w:t>
          </w:r>
        </w:p>
      </w:sdtContent>
    </w:sdt>
    <w:sdt>
      <w:sdtPr>
        <w:tag w:val="goog_rdk_171"/>
        <w:id w:val="-1754274054"/>
      </w:sdtPr>
      <w:sdtEndPr/>
      <w:sdtContent>
        <w:p w14:paraId="7B9BD9D1" w14:textId="77777777" w:rsidR="00CF54CB" w:rsidRDefault="00DE74AE" w:rsidP="00625FDE">
          <w:pPr>
            <w:spacing w:after="14"/>
            <w:ind w:left="10" w:right="134" w:hanging="10"/>
            <w:jc w:val="left"/>
          </w:pPr>
          <w:sdt>
            <w:sdtPr>
              <w:tag w:val="goog_rdk_170"/>
              <w:id w:val="-995414985"/>
            </w:sdtPr>
            <w:sdtEndPr/>
            <w:sdtContent>
              <w:r w:rsidR="00344004">
                <w:t xml:space="preserve">One interpretation of the NAIC Property and Casualty Insurance Guarantee Association Model Act </w:t>
              </w:r>
            </w:sdtContent>
          </w:sdt>
        </w:p>
      </w:sdtContent>
    </w:sdt>
    <w:p w14:paraId="25001645" w14:textId="042E0887" w:rsidR="00CF54CB" w:rsidRDefault="00DE74AE">
      <w:pPr>
        <w:spacing w:after="272" w:line="242" w:lineRule="auto"/>
        <w:ind w:left="-11" w:right="59" w:firstLine="0"/>
        <w:jc w:val="left"/>
      </w:pPr>
      <w:sdt>
        <w:sdtPr>
          <w:tag w:val="goog_rdk_172"/>
          <w:id w:val="1618949195"/>
        </w:sdtPr>
        <w:sdtEndPr/>
        <w:sdtContent>
          <w:r w:rsidR="00344004">
            <w:t>(Model # 540)</w:t>
          </w:r>
        </w:sdtContent>
      </w:sdt>
      <w:r w:rsidR="00344004">
        <w:rPr>
          <w:rFonts w:ascii="ZWAdobeF" w:eastAsia="ZWAdobeF" w:hAnsi="ZWAdobeF" w:cs="ZWAdobeF"/>
          <w:sz w:val="2"/>
          <w:szCs w:val="2"/>
        </w:rPr>
        <w:t>23F</w:t>
      </w:r>
      <w:sdt>
        <w:sdtPr>
          <w:tag w:val="goog_rdk_173"/>
          <w:id w:val="-2098698724"/>
        </w:sdtPr>
        <w:sdtEndPr/>
        <w:sdtContent>
          <w:r w:rsidR="00344004">
            <w:rPr>
              <w:vertAlign w:val="superscript"/>
            </w:rPr>
            <w:footnoteReference w:id="24"/>
          </w:r>
          <w:r w:rsidR="00344004">
            <w:t xml:space="preserve"> is that based on the definitions of “Covered Claim,” “Member Insurer,” “Insolvent Insurer,” and “Assumed Claim Transaction” an orphan policyholder could not be covered by the state guarantee association.</w:t>
          </w:r>
        </w:sdtContent>
      </w:sdt>
      <w:r w:rsidR="00344004">
        <w:rPr>
          <w:rFonts w:ascii="ZWAdobeF" w:eastAsia="ZWAdobeF" w:hAnsi="ZWAdobeF" w:cs="ZWAdobeF"/>
          <w:sz w:val="2"/>
          <w:szCs w:val="2"/>
        </w:rPr>
        <w:t>24F</w:t>
      </w:r>
      <w:sdt>
        <w:sdtPr>
          <w:tag w:val="goog_rdk_174"/>
          <w:id w:val="-1882863638"/>
        </w:sdtPr>
        <w:sdtEndPr/>
        <w:sdtContent>
          <w:r w:rsidR="00344004">
            <w:rPr>
              <w:vertAlign w:val="superscript"/>
            </w:rPr>
            <w:footnoteReference w:id="25"/>
          </w:r>
          <w:r w:rsidR="00344004">
            <w:t xml:space="preserve"> </w:t>
          </w:r>
        </w:sdtContent>
      </w:sdt>
      <w:r w:rsidR="00344004">
        <w:t xml:space="preserve">Consequently, there is a concern that no </w:t>
      </w:r>
      <w:del w:id="336" w:author="Daveline, Dan" w:date="2021-12-20T15:16:00Z">
        <w:r w:rsidR="00344004" w:rsidDel="005C5D2E">
          <w:delText>guarant</w:delText>
        </w:r>
      </w:del>
      <w:ins w:id="337" w:author="Daveline, Dan" w:date="2021-12-20T15:16:00Z">
        <w:r w:rsidR="005C5D2E">
          <w:t>guaranty</w:t>
        </w:r>
      </w:ins>
      <w:sdt>
        <w:sdtPr>
          <w:tag w:val="goog_rdk_175"/>
          <w:id w:val="-1027404652"/>
          <w:showingPlcHdr/>
        </w:sdtPr>
        <w:sdtEndPr/>
        <w:sdtContent>
          <w:r w:rsidR="008C2512">
            <w:t xml:space="preserve">     </w:t>
          </w:r>
        </w:sdtContent>
      </w:sdt>
      <w:sdt>
        <w:sdtPr>
          <w:tag w:val="goog_rdk_176"/>
          <w:id w:val="-689377439"/>
        </w:sdtPr>
        <w:sdtEndPr/>
        <w:sdtContent>
          <w:del w:id="338" w:author="Daveline, Dan" w:date="2021-12-20T15:16:00Z">
            <w:r w:rsidR="00344004" w:rsidDel="008C2512">
              <w:delText>ee</w:delText>
            </w:r>
          </w:del>
        </w:sdtContent>
      </w:sdt>
      <w:r w:rsidR="00344004">
        <w:t xml:space="preserve"> association coverage would be provided if policies are transferred to a nonmember insurer. Many </w:t>
      </w:r>
      <w:ins w:id="339" w:author="Daveline, Dan" w:date="2021-12-20T15:17:00Z">
        <w:r w:rsidR="006A70DA">
          <w:t xml:space="preserve">property and casualty guaranty </w:t>
        </w:r>
        <w:r w:rsidR="009B003D">
          <w:t xml:space="preserve">fund </w:t>
        </w:r>
      </w:ins>
      <w:r w:rsidR="00344004">
        <w:t>statutes require that the policy be issued</w:t>
      </w:r>
      <w:r w:rsidR="0090574B">
        <w:t xml:space="preserve"> </w:t>
      </w:r>
      <w:r w:rsidR="00344004">
        <w:t xml:space="preserve">by the now-insolvent insurer and that it must have been licensed either at the time of issue or when the insured event occurred. These limitations, however, are designed to avoid coverage being provided when the policy at issue did not “contribute” to the association, which would not exist in the case of an </w:t>
      </w:r>
      <w:sdt>
        <w:sdtPr>
          <w:tag w:val="goog_rdk_177"/>
          <w:id w:val="-822356047"/>
        </w:sdtPr>
        <w:sdtEndPr/>
        <w:sdtContent>
          <w:del w:id="340" w:author="Daveline, Dan" w:date="2021-12-16T12:59:00Z">
            <w:r w:rsidR="00344004">
              <w:delText>accessible</w:delText>
            </w:r>
          </w:del>
        </w:sdtContent>
      </w:sdt>
      <w:sdt>
        <w:sdtPr>
          <w:tag w:val="goog_rdk_178"/>
          <w:id w:val="469017064"/>
        </w:sdtPr>
        <w:sdtEndPr/>
        <w:sdtContent>
          <w:ins w:id="341" w:author="Daveline, Dan" w:date="2021-12-16T12:59:00Z">
            <w:r w:rsidR="00344004">
              <w:t>assessable</w:t>
            </w:r>
          </w:ins>
        </w:sdtContent>
      </w:sdt>
      <w:r w:rsidR="00344004">
        <w:t xml:space="preserve"> policy later transferred to a</w:t>
      </w:r>
      <w:sdt>
        <w:sdtPr>
          <w:tag w:val="goog_rdk_179"/>
          <w:id w:val="-1366756435"/>
        </w:sdtPr>
        <w:sdtEndPr/>
        <w:sdtContent>
          <w:ins w:id="342" w:author="Daveline, Dan" w:date="2021-12-16T12:59:00Z">
            <w:r w:rsidR="00344004">
              <w:t>n</w:t>
            </w:r>
          </w:ins>
        </w:sdtContent>
      </w:sdt>
      <w:r w:rsidR="00344004">
        <w:t xml:space="preserve"> </w:t>
      </w:r>
      <w:sdt>
        <w:sdtPr>
          <w:tag w:val="goog_rdk_180"/>
          <w:id w:val="-1773086553"/>
        </w:sdtPr>
        <w:sdtEndPr/>
        <w:sdtContent>
          <w:del w:id="343" w:author="Daveline, Dan" w:date="2021-12-16T12:59:00Z">
            <w:r w:rsidR="00344004">
              <w:delText xml:space="preserve">nonmember </w:delText>
            </w:r>
          </w:del>
        </w:sdtContent>
      </w:sdt>
      <w:r w:rsidR="00344004">
        <w:t>insurer</w:t>
      </w:r>
      <w:sdt>
        <w:sdtPr>
          <w:tag w:val="goog_rdk_181"/>
          <w:id w:val="-573429516"/>
        </w:sdtPr>
        <w:sdtEndPr/>
        <w:sdtContent>
          <w:ins w:id="344" w:author="Daveline, Dan" w:date="2021-12-16T12:59:00Z">
            <w:r w:rsidR="00344004">
              <w:t xml:space="preserve"> that was not a member at the time the policy was issued</w:t>
            </w:r>
          </w:ins>
        </w:sdtContent>
      </w:sdt>
      <w:r w:rsidR="00344004">
        <w:t xml:space="preserve">. </w:t>
      </w:r>
      <w:ins w:id="345" w:author="Daveline, Dan" w:date="2021-12-20T15:18:00Z">
        <w:r w:rsidR="00F9702B">
          <w:rPr>
            <w:rStyle w:val="normaltextrun"/>
            <w:color w:val="0078D4"/>
            <w:shd w:val="clear" w:color="auto" w:fill="FFFFFF"/>
          </w:rPr>
          <w:t>Moreover, the restrictions exist to prevent claims resulting from a company regulated as a surplus lines or a similar structure to benefit from the protections afforded licensed business when a licensed company is liquidated.</w:t>
        </w:r>
      </w:ins>
    </w:p>
    <w:p w14:paraId="0F632BE9" w14:textId="1FDBE398" w:rsidR="00CF54CB" w:rsidRDefault="00DE74AE">
      <w:pPr>
        <w:spacing w:after="272" w:line="242" w:lineRule="auto"/>
        <w:ind w:left="-11" w:right="59" w:firstLine="710"/>
        <w:jc w:val="left"/>
      </w:pPr>
      <w:sdt>
        <w:sdtPr>
          <w:tag w:val="goog_rdk_183"/>
          <w:id w:val="1811662024"/>
        </w:sdtPr>
        <w:sdtEndPr/>
        <w:sdtContent>
          <w:r w:rsidR="00344004">
            <w:t xml:space="preserve">NCIGF’s position is that where there was guaranty </w:t>
          </w:r>
          <w:ins w:id="346" w:author="Daveline, Dan" w:date="2021-12-20T15:18:00Z">
            <w:r w:rsidR="00F9702B">
              <w:t xml:space="preserve">fund </w:t>
            </w:r>
          </w:ins>
          <w:del w:id="347" w:author="Daveline, Dan" w:date="2021-12-20T15:18:00Z">
            <w:r w:rsidR="00344004" w:rsidDel="002900B9">
              <w:delText xml:space="preserve">association </w:delText>
            </w:r>
          </w:del>
          <w:r w:rsidR="00344004">
            <w:t xml:space="preserve">coverage before the IBT or CD, state regulators should ensure that there is coverage after the IBT or CD. An IBT or CD should not reduce, eliminate or in any way impact guaranty </w:t>
          </w:r>
          <w:del w:id="348" w:author="Daveline, Dan" w:date="2021-12-20T15:19:00Z">
            <w:r w:rsidR="00344004" w:rsidDel="002900B9">
              <w:delText>association</w:delText>
            </w:r>
          </w:del>
          <w:ins w:id="349" w:author="Daveline, Dan" w:date="2021-12-20T15:19:00Z">
            <w:r w:rsidR="002900B9">
              <w:t>fund</w:t>
            </w:r>
          </w:ins>
          <w:r w:rsidR="00344004">
            <w:t xml:space="preserve"> coverage. An CD or IBT should not create, expand, or in any way impact coverage. NCIGF suggested that possible technical gaps may exist in states that have adopted the NAIC Property &amp; Casualty </w:t>
          </w:r>
          <w:ins w:id="350" w:author="Daveline, Dan" w:date="2021-12-20T15:19:00Z">
            <w:r w:rsidR="002900B9">
              <w:t xml:space="preserve">Insurance </w:t>
            </w:r>
          </w:ins>
          <w:r w:rsidR="00344004">
            <w:t>Guaranty Association Model Act.</w:t>
          </w:r>
        </w:sdtContent>
      </w:sdt>
      <w:r w:rsidR="00344004">
        <w:rPr>
          <w:rFonts w:ascii="ZWAdobeF" w:eastAsia="ZWAdobeF" w:hAnsi="ZWAdobeF" w:cs="ZWAdobeF"/>
          <w:sz w:val="2"/>
          <w:szCs w:val="2"/>
        </w:rPr>
        <w:t>25F</w:t>
      </w:r>
      <w:sdt>
        <w:sdtPr>
          <w:tag w:val="goog_rdk_184"/>
          <w:id w:val="-1789505067"/>
        </w:sdtPr>
        <w:sdtEndPr/>
        <w:sdtContent>
          <w:r w:rsidR="00344004">
            <w:rPr>
              <w:vertAlign w:val="superscript"/>
            </w:rPr>
            <w:footnoteReference w:id="26"/>
          </w:r>
          <w:r w:rsidR="00344004">
            <w:t xml:space="preserve"> These gaps could include the definitions of </w:t>
          </w:r>
          <w:r w:rsidR="00344004">
            <w:lastRenderedPageBreak/>
            <w:t>Covered Claim, Member Insurer, Insolvent Insurer, and the Assumed Claims Transaction found in Section 5 of the model law.</w:t>
          </w:r>
        </w:sdtContent>
      </w:sdt>
      <w:r w:rsidR="00344004">
        <w:t xml:space="preserve">  </w:t>
      </w:r>
      <w:r w:rsidR="00344004">
        <w:rPr>
          <w:noProof/>
        </w:rPr>
        <mc:AlternateContent>
          <mc:Choice Requires="wpg">
            <w:drawing>
              <wp:anchor distT="0" distB="0" distL="0" distR="0" simplePos="0" relativeHeight="251667456" behindDoc="1" locked="0" layoutInCell="1" hidden="0" allowOverlap="1" wp14:anchorId="5A281717" wp14:editId="13E8E15C">
                <wp:simplePos x="0" y="0"/>
                <wp:positionH relativeFrom="column">
                  <wp:posOffset>406400</wp:posOffset>
                </wp:positionH>
                <wp:positionV relativeFrom="paragraph">
                  <wp:posOffset>-406399</wp:posOffset>
                </wp:positionV>
                <wp:extent cx="5151308" cy="5442282"/>
                <wp:effectExtent l="0" t="0" r="0" b="0"/>
                <wp:wrapNone/>
                <wp:docPr id="117558" name="Group 117558" descr="P177#y1"/>
                <wp:cNvGraphicFramePr/>
                <a:graphic xmlns:a="http://schemas.openxmlformats.org/drawingml/2006/main">
                  <a:graphicData uri="http://schemas.microsoft.com/office/word/2010/wordprocessingGroup">
                    <wpg:wgp>
                      <wpg:cNvGrpSpPr/>
                      <wpg:grpSpPr>
                        <a:xfrm>
                          <a:off x="0" y="0"/>
                          <a:ext cx="5151308" cy="5442282"/>
                          <a:chOff x="2770346" y="1058859"/>
                          <a:chExt cx="5151308" cy="5442282"/>
                        </a:xfrm>
                      </wpg:grpSpPr>
                      <wpg:grpSp>
                        <wpg:cNvPr id="117559" name="Group 117559"/>
                        <wpg:cNvGrpSpPr/>
                        <wpg:grpSpPr>
                          <a:xfrm>
                            <a:off x="2770346" y="1058859"/>
                            <a:ext cx="5151308" cy="5442282"/>
                            <a:chOff x="0" y="0"/>
                            <a:chExt cx="5151308" cy="5442282"/>
                          </a:xfrm>
                        </wpg:grpSpPr>
                        <wps:wsp>
                          <wps:cNvPr id="117560" name="Rectangle 117560"/>
                          <wps:cNvSpPr/>
                          <wps:spPr>
                            <a:xfrm>
                              <a:off x="0" y="0"/>
                              <a:ext cx="5151300" cy="5442275"/>
                            </a:xfrm>
                            <a:prstGeom prst="rect">
                              <a:avLst/>
                            </a:prstGeom>
                            <a:noFill/>
                            <a:ln>
                              <a:noFill/>
                            </a:ln>
                          </wps:spPr>
                          <wps:txbx>
                            <w:txbxContent>
                              <w:p w14:paraId="22A10FB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61" name="Freeform: Shape 117561"/>
                          <wps:cNvSpPr/>
                          <wps:spPr>
                            <a:xfrm>
                              <a:off x="0" y="3484466"/>
                              <a:ext cx="1000596" cy="1472664"/>
                            </a:xfrm>
                            <a:custGeom>
                              <a:avLst/>
                              <a:gdLst/>
                              <a:ahLst/>
                              <a:cxnLst/>
                              <a:rect l="l" t="t" r="r" b="b"/>
                              <a:pathLst>
                                <a:path w="1000596" h="1472664" extrusionOk="0">
                                  <a:moveTo>
                                    <a:pt x="639526" y="592"/>
                                  </a:moveTo>
                                  <a:cubicBezTo>
                                    <a:pt x="688638" y="1184"/>
                                    <a:pt x="739197" y="7756"/>
                                    <a:pt x="791032" y="20837"/>
                                  </a:cubicBezTo>
                                  <a:cubicBezTo>
                                    <a:pt x="843153" y="34890"/>
                                    <a:pt x="896506" y="53877"/>
                                    <a:pt x="950816" y="78416"/>
                                  </a:cubicBezTo>
                                  <a:lnTo>
                                    <a:pt x="1000596" y="103292"/>
                                  </a:lnTo>
                                  <a:lnTo>
                                    <a:pt x="1000596" y="330497"/>
                                  </a:lnTo>
                                  <a:lnTo>
                                    <a:pt x="954591" y="304878"/>
                                  </a:lnTo>
                                  <a:cubicBezTo>
                                    <a:pt x="913406" y="283927"/>
                                    <a:pt x="872750" y="267167"/>
                                    <a:pt x="832777" y="254238"/>
                                  </a:cubicBezTo>
                                  <a:cubicBezTo>
                                    <a:pt x="772874" y="234893"/>
                                    <a:pt x="715315" y="227570"/>
                                    <a:pt x="659761" y="230085"/>
                                  </a:cubicBezTo>
                                  <a:cubicBezTo>
                                    <a:pt x="641243" y="230923"/>
                                    <a:pt x="622948" y="232854"/>
                                    <a:pt x="604863" y="235798"/>
                                  </a:cubicBezTo>
                                  <a:cubicBezTo>
                                    <a:pt x="532460" y="247507"/>
                                    <a:pt x="463931" y="288134"/>
                                    <a:pt x="397827" y="354238"/>
                                  </a:cubicBezTo>
                                  <a:cubicBezTo>
                                    <a:pt x="354521" y="397545"/>
                                    <a:pt x="311150" y="440915"/>
                                    <a:pt x="267792" y="484273"/>
                                  </a:cubicBezTo>
                                  <a:lnTo>
                                    <a:pt x="1000596" y="1217085"/>
                                  </a:lnTo>
                                  <a:lnTo>
                                    <a:pt x="1000596" y="1472664"/>
                                  </a:lnTo>
                                  <a:lnTo>
                                    <a:pt x="52705" y="524773"/>
                                  </a:lnTo>
                                  <a:cubicBezTo>
                                    <a:pt x="21615" y="493684"/>
                                    <a:pt x="5537" y="466887"/>
                                    <a:pt x="2553" y="443341"/>
                                  </a:cubicBezTo>
                                  <a:cubicBezTo>
                                    <a:pt x="0" y="421725"/>
                                    <a:pt x="5410" y="404580"/>
                                    <a:pt x="16574" y="393430"/>
                                  </a:cubicBezTo>
                                  <a:cubicBezTo>
                                    <a:pt x="89090" y="320913"/>
                                    <a:pt x="161684" y="248320"/>
                                    <a:pt x="234201" y="175790"/>
                                  </a:cubicBezTo>
                                  <a:cubicBezTo>
                                    <a:pt x="317449" y="92554"/>
                                    <a:pt x="404609" y="37906"/>
                                    <a:pt x="496697" y="16227"/>
                                  </a:cubicBezTo>
                                  <a:cubicBezTo>
                                    <a:pt x="542747" y="5388"/>
                                    <a:pt x="590414" y="0"/>
                                    <a:pt x="639526" y="592"/>
                                  </a:cubicBezTo>
                                  <a:close/>
                                </a:path>
                              </a:pathLst>
                            </a:custGeom>
                            <a:solidFill>
                              <a:srgbClr val="C0C0C0">
                                <a:alpha val="49803"/>
                              </a:srgbClr>
                            </a:solidFill>
                            <a:ln>
                              <a:noFill/>
                            </a:ln>
                          </wps:spPr>
                          <wps:txbx>
                            <w:txbxContent>
                              <w:p w14:paraId="576B1C2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62" name="Freeform: Shape 117562"/>
                          <wps:cNvSpPr/>
                          <wps:spPr>
                            <a:xfrm>
                              <a:off x="1000596" y="3587758"/>
                              <a:ext cx="959243" cy="1854524"/>
                            </a:xfrm>
                            <a:custGeom>
                              <a:avLst/>
                              <a:gdLst/>
                              <a:ahLst/>
                              <a:cxnLst/>
                              <a:rect l="l" t="t" r="r" b="b"/>
                              <a:pathLst>
                                <a:path w="959243" h="1854524" extrusionOk="0">
                                  <a:moveTo>
                                    <a:pt x="0" y="0"/>
                                  </a:moveTo>
                                  <a:lnTo>
                                    <a:pt x="32368" y="16175"/>
                                  </a:lnTo>
                                  <a:cubicBezTo>
                                    <a:pt x="59967" y="31299"/>
                                    <a:pt x="87772" y="47889"/>
                                    <a:pt x="115747" y="66021"/>
                                  </a:cubicBezTo>
                                  <a:cubicBezTo>
                                    <a:pt x="227583" y="138487"/>
                                    <a:pt x="342785" y="233623"/>
                                    <a:pt x="458863" y="349701"/>
                                  </a:cubicBezTo>
                                  <a:cubicBezTo>
                                    <a:pt x="592822" y="483660"/>
                                    <a:pt x="699172" y="611575"/>
                                    <a:pt x="777366" y="732136"/>
                                  </a:cubicBezTo>
                                  <a:cubicBezTo>
                                    <a:pt x="856817" y="853815"/>
                                    <a:pt x="907401" y="967340"/>
                                    <a:pt x="933322" y="1073766"/>
                                  </a:cubicBezTo>
                                  <a:cubicBezTo>
                                    <a:pt x="959243" y="1180179"/>
                                    <a:pt x="957185" y="1280928"/>
                                    <a:pt x="930833" y="1372953"/>
                                  </a:cubicBezTo>
                                  <a:cubicBezTo>
                                    <a:pt x="904467" y="1464863"/>
                                    <a:pt x="849832" y="1552022"/>
                                    <a:pt x="767396" y="1634458"/>
                                  </a:cubicBezTo>
                                  <a:cubicBezTo>
                                    <a:pt x="699553" y="1702302"/>
                                    <a:pt x="631697" y="1770158"/>
                                    <a:pt x="563841" y="1838013"/>
                                  </a:cubicBezTo>
                                  <a:cubicBezTo>
                                    <a:pt x="552690" y="1849165"/>
                                    <a:pt x="535494" y="1854524"/>
                                    <a:pt x="512749" y="1850841"/>
                                  </a:cubicBezTo>
                                  <a:cubicBezTo>
                                    <a:pt x="490384" y="1849038"/>
                                    <a:pt x="463587" y="1832959"/>
                                    <a:pt x="432497" y="1801870"/>
                                  </a:cubicBezTo>
                                  <a:lnTo>
                                    <a:pt x="0" y="1369372"/>
                                  </a:lnTo>
                                  <a:lnTo>
                                    <a:pt x="0" y="1113793"/>
                                  </a:lnTo>
                                  <a:lnTo>
                                    <a:pt x="471753" y="1585551"/>
                                  </a:lnTo>
                                  <a:cubicBezTo>
                                    <a:pt x="515619" y="1541685"/>
                                    <a:pt x="559485" y="1497819"/>
                                    <a:pt x="603287" y="1454017"/>
                                  </a:cubicBezTo>
                                  <a:cubicBezTo>
                                    <a:pt x="664971" y="1392333"/>
                                    <a:pt x="704849" y="1329277"/>
                                    <a:pt x="721486" y="1261675"/>
                                  </a:cubicBezTo>
                                  <a:cubicBezTo>
                                    <a:pt x="738123" y="1194073"/>
                                    <a:pt x="737247" y="1122051"/>
                                    <a:pt x="713320" y="1042550"/>
                                  </a:cubicBezTo>
                                  <a:cubicBezTo>
                                    <a:pt x="689520" y="963047"/>
                                    <a:pt x="648651" y="877691"/>
                                    <a:pt x="584656" y="786035"/>
                                  </a:cubicBezTo>
                                  <a:cubicBezTo>
                                    <a:pt x="521918" y="695623"/>
                                    <a:pt x="438047" y="597808"/>
                                    <a:pt x="332751" y="492512"/>
                                  </a:cubicBezTo>
                                  <a:cubicBezTo>
                                    <a:pt x="249020" y="408768"/>
                                    <a:pt x="164400" y="337991"/>
                                    <a:pt x="78980" y="277361"/>
                                  </a:cubicBezTo>
                                  <a:cubicBezTo>
                                    <a:pt x="57936" y="262518"/>
                                    <a:pt x="36986" y="248812"/>
                                    <a:pt x="16149" y="236197"/>
                                  </a:cubicBezTo>
                                  <a:lnTo>
                                    <a:pt x="0" y="227205"/>
                                  </a:lnTo>
                                  <a:lnTo>
                                    <a:pt x="0" y="0"/>
                                  </a:lnTo>
                                  <a:close/>
                                </a:path>
                              </a:pathLst>
                            </a:custGeom>
                            <a:solidFill>
                              <a:srgbClr val="C0C0C0">
                                <a:alpha val="49803"/>
                              </a:srgbClr>
                            </a:solidFill>
                            <a:ln>
                              <a:noFill/>
                            </a:ln>
                          </wps:spPr>
                          <wps:txbx>
                            <w:txbxContent>
                              <w:p w14:paraId="4BADCD9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63" name="Freeform: Shape 117563"/>
                          <wps:cNvSpPr/>
                          <wps:spPr>
                            <a:xfrm>
                              <a:off x="936154" y="2590207"/>
                              <a:ext cx="628690" cy="1058861"/>
                            </a:xfrm>
                            <a:custGeom>
                              <a:avLst/>
                              <a:gdLst/>
                              <a:ahLst/>
                              <a:cxnLst/>
                              <a:rect l="l" t="t" r="r" b="b"/>
                              <a:pathLst>
                                <a:path w="628690" h="1058861" extrusionOk="0">
                                  <a:moveTo>
                                    <a:pt x="559321" y="2040"/>
                                  </a:moveTo>
                                  <a:cubicBezTo>
                                    <a:pt x="572297" y="3060"/>
                                    <a:pt x="585367" y="4730"/>
                                    <a:pt x="598565" y="7135"/>
                                  </a:cubicBezTo>
                                  <a:lnTo>
                                    <a:pt x="628690" y="14286"/>
                                  </a:lnTo>
                                  <a:lnTo>
                                    <a:pt x="628690" y="238084"/>
                                  </a:lnTo>
                                  <a:lnTo>
                                    <a:pt x="623625" y="236432"/>
                                  </a:lnTo>
                                  <a:cubicBezTo>
                                    <a:pt x="609005" y="233143"/>
                                    <a:pt x="594429" y="231336"/>
                                    <a:pt x="579896" y="230970"/>
                                  </a:cubicBezTo>
                                  <a:cubicBezTo>
                                    <a:pt x="550831" y="230238"/>
                                    <a:pt x="521938" y="235271"/>
                                    <a:pt x="493217" y="245742"/>
                                  </a:cubicBezTo>
                                  <a:cubicBezTo>
                                    <a:pt x="474523" y="252219"/>
                                    <a:pt x="457632" y="262252"/>
                                    <a:pt x="439636" y="275396"/>
                                  </a:cubicBezTo>
                                  <a:cubicBezTo>
                                    <a:pt x="421627" y="288541"/>
                                    <a:pt x="399631" y="308175"/>
                                    <a:pt x="374332" y="333461"/>
                                  </a:cubicBezTo>
                                  <a:cubicBezTo>
                                    <a:pt x="338442" y="369351"/>
                                    <a:pt x="302489" y="405304"/>
                                    <a:pt x="266611" y="441194"/>
                                  </a:cubicBezTo>
                                  <a:lnTo>
                                    <a:pt x="628690" y="803273"/>
                                  </a:lnTo>
                                  <a:lnTo>
                                    <a:pt x="628690" y="1058861"/>
                                  </a:lnTo>
                                  <a:lnTo>
                                    <a:pt x="52705" y="482876"/>
                                  </a:lnTo>
                                  <a:cubicBezTo>
                                    <a:pt x="21615" y="451786"/>
                                    <a:pt x="5537" y="424990"/>
                                    <a:pt x="2553" y="401444"/>
                                  </a:cubicBezTo>
                                  <a:cubicBezTo>
                                    <a:pt x="0" y="379828"/>
                                    <a:pt x="5359" y="362747"/>
                                    <a:pt x="16510" y="351596"/>
                                  </a:cubicBezTo>
                                  <a:cubicBezTo>
                                    <a:pt x="84607" y="283499"/>
                                    <a:pt x="152705" y="215401"/>
                                    <a:pt x="220815" y="147291"/>
                                  </a:cubicBezTo>
                                  <a:cubicBezTo>
                                    <a:pt x="245364" y="122742"/>
                                    <a:pt x="266611" y="103870"/>
                                    <a:pt x="284112" y="88731"/>
                                  </a:cubicBezTo>
                                  <a:cubicBezTo>
                                    <a:pt x="302247" y="75574"/>
                                    <a:pt x="319316" y="62989"/>
                                    <a:pt x="334454" y="52841"/>
                                  </a:cubicBezTo>
                                  <a:cubicBezTo>
                                    <a:pt x="382499" y="26730"/>
                                    <a:pt x="430479" y="8785"/>
                                    <a:pt x="482308" y="3058"/>
                                  </a:cubicBezTo>
                                  <a:cubicBezTo>
                                    <a:pt x="507791" y="562"/>
                                    <a:pt x="533368" y="0"/>
                                    <a:pt x="559321" y="2040"/>
                                  </a:cubicBezTo>
                                  <a:close/>
                                </a:path>
                              </a:pathLst>
                            </a:custGeom>
                            <a:solidFill>
                              <a:srgbClr val="C0C0C0">
                                <a:alpha val="49803"/>
                              </a:srgbClr>
                            </a:solidFill>
                            <a:ln>
                              <a:noFill/>
                            </a:ln>
                          </wps:spPr>
                          <wps:txbx>
                            <w:txbxContent>
                              <w:p w14:paraId="743ECEDF"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64" name="Freeform: Shape 117564"/>
                          <wps:cNvSpPr/>
                          <wps:spPr>
                            <a:xfrm>
                              <a:off x="1564843" y="2604493"/>
                              <a:ext cx="1516569" cy="1918460"/>
                            </a:xfrm>
                            <a:custGeom>
                              <a:avLst/>
                              <a:gdLst/>
                              <a:ahLst/>
                              <a:cxnLst/>
                              <a:rect l="l" t="t" r="r" b="b"/>
                              <a:pathLst>
                                <a:path w="1516569" h="1918460" extrusionOk="0">
                                  <a:moveTo>
                                    <a:pt x="0" y="0"/>
                                  </a:moveTo>
                                  <a:lnTo>
                                    <a:pt x="9892" y="2348"/>
                                  </a:lnTo>
                                  <a:cubicBezTo>
                                    <a:pt x="63714" y="18172"/>
                                    <a:pt x="117118" y="40918"/>
                                    <a:pt x="170890" y="75742"/>
                                  </a:cubicBezTo>
                                  <a:cubicBezTo>
                                    <a:pt x="224661" y="110577"/>
                                    <a:pt x="278370" y="154939"/>
                                    <a:pt x="332192" y="208774"/>
                                  </a:cubicBezTo>
                                  <a:cubicBezTo>
                                    <a:pt x="383602" y="260171"/>
                                    <a:pt x="425652" y="311453"/>
                                    <a:pt x="458303" y="360171"/>
                                  </a:cubicBezTo>
                                  <a:cubicBezTo>
                                    <a:pt x="491450" y="410767"/>
                                    <a:pt x="514133" y="459611"/>
                                    <a:pt x="529271" y="506906"/>
                                  </a:cubicBezTo>
                                  <a:cubicBezTo>
                                    <a:pt x="545590" y="555382"/>
                                    <a:pt x="552944" y="602359"/>
                                    <a:pt x="553134" y="648156"/>
                                  </a:cubicBezTo>
                                  <a:cubicBezTo>
                                    <a:pt x="553261" y="693889"/>
                                    <a:pt x="547521" y="739367"/>
                                    <a:pt x="535189" y="783233"/>
                                  </a:cubicBezTo>
                                  <a:cubicBezTo>
                                    <a:pt x="561542" y="778687"/>
                                    <a:pt x="590764" y="777632"/>
                                    <a:pt x="620114" y="782052"/>
                                  </a:cubicBezTo>
                                  <a:cubicBezTo>
                                    <a:pt x="650645" y="787653"/>
                                    <a:pt x="683792" y="794765"/>
                                    <a:pt x="718742" y="807909"/>
                                  </a:cubicBezTo>
                                  <a:cubicBezTo>
                                    <a:pt x="753692" y="820927"/>
                                    <a:pt x="791831" y="837500"/>
                                    <a:pt x="832445" y="859179"/>
                                  </a:cubicBezTo>
                                  <a:cubicBezTo>
                                    <a:pt x="873073" y="880871"/>
                                    <a:pt x="918437" y="904670"/>
                                    <a:pt x="967472" y="934757"/>
                                  </a:cubicBezTo>
                                  <a:cubicBezTo>
                                    <a:pt x="1109470" y="1020304"/>
                                    <a:pt x="1252587" y="1103857"/>
                                    <a:pt x="1394522" y="1189468"/>
                                  </a:cubicBezTo>
                                  <a:cubicBezTo>
                                    <a:pt x="1429904" y="1211655"/>
                                    <a:pt x="1454771" y="1227289"/>
                                    <a:pt x="1467725" y="1235886"/>
                                  </a:cubicBezTo>
                                  <a:cubicBezTo>
                                    <a:pt x="1481872" y="1245666"/>
                                    <a:pt x="1492274" y="1254454"/>
                                    <a:pt x="1498256" y="1260436"/>
                                  </a:cubicBezTo>
                                  <a:cubicBezTo>
                                    <a:pt x="1504237" y="1266417"/>
                                    <a:pt x="1509406" y="1273212"/>
                                    <a:pt x="1512772" y="1279435"/>
                                  </a:cubicBezTo>
                                  <a:cubicBezTo>
                                    <a:pt x="1516137" y="1285670"/>
                                    <a:pt x="1516569" y="1292211"/>
                                    <a:pt x="1515083" y="1301063"/>
                                  </a:cubicBezTo>
                                  <a:cubicBezTo>
                                    <a:pt x="1513521" y="1309851"/>
                                    <a:pt x="1509101" y="1318881"/>
                                    <a:pt x="1501431" y="1329041"/>
                                  </a:cubicBezTo>
                                  <a:cubicBezTo>
                                    <a:pt x="1493709" y="1339125"/>
                                    <a:pt x="1482990" y="1352218"/>
                                    <a:pt x="1468157" y="1367039"/>
                                  </a:cubicBezTo>
                                  <a:cubicBezTo>
                                    <a:pt x="1455507" y="1379689"/>
                                    <a:pt x="1443925" y="1388909"/>
                                    <a:pt x="1434578" y="1395894"/>
                                  </a:cubicBezTo>
                                  <a:cubicBezTo>
                                    <a:pt x="1425167" y="1402802"/>
                                    <a:pt x="1416137" y="1407235"/>
                                    <a:pt x="1406104" y="1407540"/>
                                  </a:cubicBezTo>
                                  <a:cubicBezTo>
                                    <a:pt x="1397316" y="1409102"/>
                                    <a:pt x="1388782" y="1408162"/>
                                    <a:pt x="1380615" y="1404365"/>
                                  </a:cubicBezTo>
                                  <a:cubicBezTo>
                                    <a:pt x="1371713" y="1401304"/>
                                    <a:pt x="1361057" y="1395271"/>
                                    <a:pt x="1349284" y="1387854"/>
                                  </a:cubicBezTo>
                                  <a:cubicBezTo>
                                    <a:pt x="1198625" y="1295018"/>
                                    <a:pt x="1046656" y="1204238"/>
                                    <a:pt x="896009" y="1111401"/>
                                  </a:cubicBezTo>
                                  <a:cubicBezTo>
                                    <a:pt x="843913" y="1079753"/>
                                    <a:pt x="794942" y="1052334"/>
                                    <a:pt x="749209" y="1028533"/>
                                  </a:cubicBezTo>
                                  <a:cubicBezTo>
                                    <a:pt x="703604" y="1004734"/>
                                    <a:pt x="660055" y="988846"/>
                                    <a:pt x="619428" y="979003"/>
                                  </a:cubicBezTo>
                                  <a:cubicBezTo>
                                    <a:pt x="578737" y="969097"/>
                                    <a:pt x="541730" y="968475"/>
                                    <a:pt x="506589" y="974571"/>
                                  </a:cubicBezTo>
                                  <a:cubicBezTo>
                                    <a:pt x="472565" y="981925"/>
                                    <a:pt x="440104" y="1000314"/>
                                    <a:pt x="411135" y="1029283"/>
                                  </a:cubicBezTo>
                                  <a:cubicBezTo>
                                    <a:pt x="382662" y="1057756"/>
                                    <a:pt x="354189" y="1086229"/>
                                    <a:pt x="325715" y="1114703"/>
                                  </a:cubicBezTo>
                                  <a:cubicBezTo>
                                    <a:pt x="545463" y="1334464"/>
                                    <a:pt x="765161" y="1554149"/>
                                    <a:pt x="984845" y="1773846"/>
                                  </a:cubicBezTo>
                                  <a:cubicBezTo>
                                    <a:pt x="990827" y="1779827"/>
                                    <a:pt x="996059" y="1786546"/>
                                    <a:pt x="998625" y="1793594"/>
                                  </a:cubicBezTo>
                                  <a:cubicBezTo>
                                    <a:pt x="1001241" y="1800566"/>
                                    <a:pt x="1000987" y="1807793"/>
                                    <a:pt x="998929" y="1814714"/>
                                  </a:cubicBezTo>
                                  <a:cubicBezTo>
                                    <a:pt x="997495" y="1823503"/>
                                    <a:pt x="993761" y="1831846"/>
                                    <a:pt x="988020" y="1842439"/>
                                  </a:cubicBezTo>
                                  <a:cubicBezTo>
                                    <a:pt x="981048" y="1851785"/>
                                    <a:pt x="971828" y="1863381"/>
                                    <a:pt x="959242" y="1875966"/>
                                  </a:cubicBezTo>
                                  <a:cubicBezTo>
                                    <a:pt x="946593" y="1888616"/>
                                    <a:pt x="935747" y="1897087"/>
                                    <a:pt x="926400" y="1904059"/>
                                  </a:cubicBezTo>
                                  <a:cubicBezTo>
                                    <a:pt x="915808" y="1909799"/>
                                    <a:pt x="906778" y="1914219"/>
                                    <a:pt x="897927" y="1915717"/>
                                  </a:cubicBezTo>
                                  <a:cubicBezTo>
                                    <a:pt x="890332" y="1918460"/>
                                    <a:pt x="883791" y="1918016"/>
                                    <a:pt x="876807" y="1915400"/>
                                  </a:cubicBezTo>
                                  <a:cubicBezTo>
                                    <a:pt x="869834" y="1912784"/>
                                    <a:pt x="863040" y="1907615"/>
                                    <a:pt x="857058" y="1901633"/>
                                  </a:cubicBezTo>
                                  <a:lnTo>
                                    <a:pt x="0" y="1044575"/>
                                  </a:lnTo>
                                  <a:lnTo>
                                    <a:pt x="0" y="788988"/>
                                  </a:lnTo>
                                  <a:lnTo>
                                    <a:pt x="159485" y="948473"/>
                                  </a:lnTo>
                                  <a:cubicBezTo>
                                    <a:pt x="201103" y="906855"/>
                                    <a:pt x="242721" y="865237"/>
                                    <a:pt x="284275" y="823670"/>
                                  </a:cubicBezTo>
                                  <a:cubicBezTo>
                                    <a:pt x="317740" y="790218"/>
                                    <a:pt x="340600" y="753388"/>
                                    <a:pt x="351572" y="715631"/>
                                  </a:cubicBezTo>
                                  <a:cubicBezTo>
                                    <a:pt x="362660" y="677874"/>
                                    <a:pt x="365530" y="639863"/>
                                    <a:pt x="357491" y="599680"/>
                                  </a:cubicBezTo>
                                  <a:cubicBezTo>
                                    <a:pt x="350760" y="560678"/>
                                    <a:pt x="335748" y="521118"/>
                                    <a:pt x="311453" y="480744"/>
                                  </a:cubicBezTo>
                                  <a:cubicBezTo>
                                    <a:pt x="286396" y="441108"/>
                                    <a:pt x="255497" y="402601"/>
                                    <a:pt x="218426" y="365530"/>
                                  </a:cubicBezTo>
                                  <a:cubicBezTo>
                                    <a:pt x="157428" y="304532"/>
                                    <a:pt x="97737" y="261669"/>
                                    <a:pt x="38924" y="236498"/>
                                  </a:cubicBezTo>
                                  <a:lnTo>
                                    <a:pt x="0" y="223799"/>
                                  </a:lnTo>
                                  <a:lnTo>
                                    <a:pt x="0" y="0"/>
                                  </a:lnTo>
                                  <a:close/>
                                </a:path>
                              </a:pathLst>
                            </a:custGeom>
                            <a:solidFill>
                              <a:srgbClr val="C0C0C0">
                                <a:alpha val="49803"/>
                              </a:srgbClr>
                            </a:solidFill>
                            <a:ln>
                              <a:noFill/>
                            </a:ln>
                          </wps:spPr>
                          <wps:txbx>
                            <w:txbxContent>
                              <w:p w14:paraId="31DE07E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65" name="Freeform: Shape 117565"/>
                          <wps:cNvSpPr/>
                          <wps:spPr>
                            <a:xfrm>
                              <a:off x="1978105" y="1786690"/>
                              <a:ext cx="734403" cy="1318044"/>
                            </a:xfrm>
                            <a:custGeom>
                              <a:avLst/>
                              <a:gdLst/>
                              <a:ahLst/>
                              <a:cxnLst/>
                              <a:rect l="l" t="t" r="r" b="b"/>
                              <a:pathLst>
                                <a:path w="734403" h="1318044" extrusionOk="0">
                                  <a:moveTo>
                                    <a:pt x="143118" y="343"/>
                                  </a:moveTo>
                                  <a:cubicBezTo>
                                    <a:pt x="147619" y="0"/>
                                    <a:pt x="152025" y="327"/>
                                    <a:pt x="156820" y="1508"/>
                                  </a:cubicBezTo>
                                  <a:cubicBezTo>
                                    <a:pt x="166548" y="3870"/>
                                    <a:pt x="177203" y="9916"/>
                                    <a:pt x="187732" y="16088"/>
                                  </a:cubicBezTo>
                                  <a:lnTo>
                                    <a:pt x="734403" y="362456"/>
                                  </a:lnTo>
                                  <a:lnTo>
                                    <a:pt x="734403" y="577667"/>
                                  </a:lnTo>
                                  <a:lnTo>
                                    <a:pt x="265049" y="276095"/>
                                  </a:lnTo>
                                  <a:cubicBezTo>
                                    <a:pt x="264795" y="276336"/>
                                    <a:pt x="264554" y="276590"/>
                                    <a:pt x="264300" y="276844"/>
                                  </a:cubicBezTo>
                                  <a:cubicBezTo>
                                    <a:pt x="365894" y="432641"/>
                                    <a:pt x="466550" y="589061"/>
                                    <a:pt x="567214" y="745472"/>
                                  </a:cubicBezTo>
                                  <a:lnTo>
                                    <a:pt x="734403" y="1004067"/>
                                  </a:lnTo>
                                  <a:lnTo>
                                    <a:pt x="734403" y="1318044"/>
                                  </a:lnTo>
                                  <a:lnTo>
                                    <a:pt x="574148" y="1065135"/>
                                  </a:lnTo>
                                  <a:cubicBezTo>
                                    <a:pt x="388880" y="771360"/>
                                    <a:pt x="203613" y="477586"/>
                                    <a:pt x="16447" y="184998"/>
                                  </a:cubicBezTo>
                                  <a:cubicBezTo>
                                    <a:pt x="10224" y="174406"/>
                                    <a:pt x="5423" y="164995"/>
                                    <a:pt x="3048" y="155280"/>
                                  </a:cubicBezTo>
                                  <a:cubicBezTo>
                                    <a:pt x="0" y="146377"/>
                                    <a:pt x="1054" y="138338"/>
                                    <a:pt x="4051" y="127988"/>
                                  </a:cubicBezTo>
                                  <a:cubicBezTo>
                                    <a:pt x="6287" y="118526"/>
                                    <a:pt x="12217" y="107985"/>
                                    <a:pt x="20625" y="97088"/>
                                  </a:cubicBezTo>
                                  <a:cubicBezTo>
                                    <a:pt x="29032" y="86179"/>
                                    <a:pt x="40996" y="74343"/>
                                    <a:pt x="55829" y="59522"/>
                                  </a:cubicBezTo>
                                  <a:cubicBezTo>
                                    <a:pt x="71463" y="43875"/>
                                    <a:pt x="84735" y="30477"/>
                                    <a:pt x="96393" y="21320"/>
                                  </a:cubicBezTo>
                                  <a:cubicBezTo>
                                    <a:pt x="108039" y="12164"/>
                                    <a:pt x="118567" y="6245"/>
                                    <a:pt x="128854" y="3197"/>
                                  </a:cubicBezTo>
                                  <a:cubicBezTo>
                                    <a:pt x="134023" y="1698"/>
                                    <a:pt x="138617" y="686"/>
                                    <a:pt x="143118" y="343"/>
                                  </a:cubicBezTo>
                                  <a:close/>
                                </a:path>
                              </a:pathLst>
                            </a:custGeom>
                            <a:solidFill>
                              <a:srgbClr val="C0C0C0">
                                <a:alpha val="49803"/>
                              </a:srgbClr>
                            </a:solidFill>
                            <a:ln>
                              <a:noFill/>
                            </a:ln>
                          </wps:spPr>
                          <wps:txbx>
                            <w:txbxContent>
                              <w:p w14:paraId="3A0218F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66" name="Freeform: Shape 117566"/>
                          <wps:cNvSpPr/>
                          <wps:spPr>
                            <a:xfrm>
                              <a:off x="2712508" y="2149147"/>
                              <a:ext cx="1283754" cy="1652916"/>
                            </a:xfrm>
                            <a:custGeom>
                              <a:avLst/>
                              <a:gdLst/>
                              <a:ahLst/>
                              <a:cxnLst/>
                              <a:rect l="l" t="t" r="r" b="b"/>
                              <a:pathLst>
                                <a:path w="1283754" h="1652916" extrusionOk="0">
                                  <a:moveTo>
                                    <a:pt x="0" y="0"/>
                                  </a:moveTo>
                                  <a:lnTo>
                                    <a:pt x="333496" y="211301"/>
                                  </a:lnTo>
                                  <a:cubicBezTo>
                                    <a:pt x="627269" y="396569"/>
                                    <a:pt x="921042" y="581837"/>
                                    <a:pt x="1213663" y="768971"/>
                                  </a:cubicBezTo>
                                  <a:cubicBezTo>
                                    <a:pt x="1235215" y="783296"/>
                                    <a:pt x="1250671" y="794142"/>
                                    <a:pt x="1262202" y="804175"/>
                                  </a:cubicBezTo>
                                  <a:cubicBezTo>
                                    <a:pt x="1272984" y="814958"/>
                                    <a:pt x="1278953" y="825549"/>
                                    <a:pt x="1281392" y="835201"/>
                                  </a:cubicBezTo>
                                  <a:cubicBezTo>
                                    <a:pt x="1283754" y="844917"/>
                                    <a:pt x="1280516" y="855140"/>
                                    <a:pt x="1272794" y="865364"/>
                                  </a:cubicBezTo>
                                  <a:cubicBezTo>
                                    <a:pt x="1264374" y="876133"/>
                                    <a:pt x="1253668" y="889227"/>
                                    <a:pt x="1238021" y="904861"/>
                                  </a:cubicBezTo>
                                  <a:cubicBezTo>
                                    <a:pt x="1222451" y="920444"/>
                                    <a:pt x="1210615" y="932395"/>
                                    <a:pt x="1200455" y="940065"/>
                                  </a:cubicBezTo>
                                  <a:cubicBezTo>
                                    <a:pt x="1189546" y="948473"/>
                                    <a:pt x="1180516" y="952905"/>
                                    <a:pt x="1172477" y="953705"/>
                                  </a:cubicBezTo>
                                  <a:cubicBezTo>
                                    <a:pt x="1164882" y="956448"/>
                                    <a:pt x="1158265" y="955953"/>
                                    <a:pt x="1151293" y="953337"/>
                                  </a:cubicBezTo>
                                  <a:cubicBezTo>
                                    <a:pt x="1144321" y="950721"/>
                                    <a:pt x="1136028" y="947038"/>
                                    <a:pt x="1126681" y="942059"/>
                                  </a:cubicBezTo>
                                  <a:cubicBezTo>
                                    <a:pt x="973976" y="843304"/>
                                    <a:pt x="820077" y="746479"/>
                                    <a:pt x="667360" y="647724"/>
                                  </a:cubicBezTo>
                                  <a:cubicBezTo>
                                    <a:pt x="534149" y="780934"/>
                                    <a:pt x="400876" y="914208"/>
                                    <a:pt x="267665" y="1047418"/>
                                  </a:cubicBezTo>
                                  <a:cubicBezTo>
                                    <a:pt x="366039" y="1197266"/>
                                    <a:pt x="462559" y="1348358"/>
                                    <a:pt x="560934" y="1498205"/>
                                  </a:cubicBezTo>
                                  <a:cubicBezTo>
                                    <a:pt x="566738" y="1506866"/>
                                    <a:pt x="570344" y="1515096"/>
                                    <a:pt x="572960" y="1522068"/>
                                  </a:cubicBezTo>
                                  <a:cubicBezTo>
                                    <a:pt x="576707" y="1530298"/>
                                    <a:pt x="576516" y="1537588"/>
                                    <a:pt x="575704" y="1545627"/>
                                  </a:cubicBezTo>
                                  <a:cubicBezTo>
                                    <a:pt x="575399" y="1555647"/>
                                    <a:pt x="570967" y="1564689"/>
                                    <a:pt x="564058" y="1574100"/>
                                  </a:cubicBezTo>
                                  <a:cubicBezTo>
                                    <a:pt x="556323" y="1584184"/>
                                    <a:pt x="546354" y="1596528"/>
                                    <a:pt x="532219" y="1610676"/>
                                  </a:cubicBezTo>
                                  <a:cubicBezTo>
                                    <a:pt x="518135" y="1624748"/>
                                    <a:pt x="505054" y="1635467"/>
                                    <a:pt x="494957" y="1643188"/>
                                  </a:cubicBezTo>
                                  <a:cubicBezTo>
                                    <a:pt x="482867" y="1650427"/>
                                    <a:pt x="473278" y="1652916"/>
                                    <a:pt x="463677" y="1650542"/>
                                  </a:cubicBezTo>
                                  <a:cubicBezTo>
                                    <a:pt x="453961" y="1648179"/>
                                    <a:pt x="443370" y="1642070"/>
                                    <a:pt x="433337" y="1630666"/>
                                  </a:cubicBezTo>
                                  <a:cubicBezTo>
                                    <a:pt x="422554" y="1619897"/>
                                    <a:pt x="411709" y="1604441"/>
                                    <a:pt x="397446" y="1582825"/>
                                  </a:cubicBezTo>
                                  <a:lnTo>
                                    <a:pt x="0" y="955588"/>
                                  </a:lnTo>
                                  <a:lnTo>
                                    <a:pt x="0" y="641610"/>
                                  </a:lnTo>
                                  <a:lnTo>
                                    <a:pt x="135763" y="851597"/>
                                  </a:lnTo>
                                  <a:cubicBezTo>
                                    <a:pt x="247167" y="740193"/>
                                    <a:pt x="358635" y="628725"/>
                                    <a:pt x="470103" y="517257"/>
                                  </a:cubicBezTo>
                                  <a:cubicBezTo>
                                    <a:pt x="313963" y="416006"/>
                                    <a:pt x="157185" y="315740"/>
                                    <a:pt x="398" y="215467"/>
                                  </a:cubicBezTo>
                                  <a:lnTo>
                                    <a:pt x="0" y="215211"/>
                                  </a:lnTo>
                                  <a:lnTo>
                                    <a:pt x="0" y="0"/>
                                  </a:lnTo>
                                  <a:close/>
                                </a:path>
                              </a:pathLst>
                            </a:custGeom>
                            <a:solidFill>
                              <a:srgbClr val="C0C0C0">
                                <a:alpha val="49803"/>
                              </a:srgbClr>
                            </a:solidFill>
                            <a:ln>
                              <a:noFill/>
                            </a:ln>
                          </wps:spPr>
                          <wps:txbx>
                            <w:txbxContent>
                              <w:p w14:paraId="7EB3ADF0"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67" name="Freeform: Shape 117567"/>
                          <wps:cNvSpPr/>
                          <wps:spPr>
                            <a:xfrm>
                              <a:off x="2642730" y="797215"/>
                              <a:ext cx="1630426" cy="2019160"/>
                            </a:xfrm>
                            <a:custGeom>
                              <a:avLst/>
                              <a:gdLst/>
                              <a:ahLst/>
                              <a:cxnLst/>
                              <a:rect l="l" t="t" r="r" b="b"/>
                              <a:pathLst>
                                <a:path w="1630426" h="2019160" extrusionOk="0">
                                  <a:moveTo>
                                    <a:pt x="464122" y="0"/>
                                  </a:moveTo>
                                  <a:cubicBezTo>
                                    <a:pt x="470662" y="686"/>
                                    <a:pt x="478447" y="2362"/>
                                    <a:pt x="487794" y="7353"/>
                                  </a:cubicBezTo>
                                  <a:cubicBezTo>
                                    <a:pt x="497269" y="12332"/>
                                    <a:pt x="509041" y="19621"/>
                                    <a:pt x="520573" y="29655"/>
                                  </a:cubicBezTo>
                                  <a:cubicBezTo>
                                    <a:pt x="533273" y="40869"/>
                                    <a:pt x="547167" y="53264"/>
                                    <a:pt x="562750" y="68847"/>
                                  </a:cubicBezTo>
                                  <a:cubicBezTo>
                                    <a:pt x="578269" y="84366"/>
                                    <a:pt x="590664" y="98260"/>
                                    <a:pt x="600697" y="109779"/>
                                  </a:cubicBezTo>
                                  <a:cubicBezTo>
                                    <a:pt x="610731" y="121310"/>
                                    <a:pt x="618020" y="133084"/>
                                    <a:pt x="621818" y="141376"/>
                                  </a:cubicBezTo>
                                  <a:cubicBezTo>
                                    <a:pt x="626796" y="150711"/>
                                    <a:pt x="628485" y="158509"/>
                                    <a:pt x="629171" y="165049"/>
                                  </a:cubicBezTo>
                                  <a:cubicBezTo>
                                    <a:pt x="629107" y="172339"/>
                                    <a:pt x="627304" y="176517"/>
                                    <a:pt x="623557" y="180251"/>
                                  </a:cubicBezTo>
                                  <a:cubicBezTo>
                                    <a:pt x="506171" y="297637"/>
                                    <a:pt x="388785" y="415023"/>
                                    <a:pt x="271399" y="532410"/>
                                  </a:cubicBezTo>
                                  <a:cubicBezTo>
                                    <a:pt x="446862" y="707860"/>
                                    <a:pt x="622313" y="883310"/>
                                    <a:pt x="797700" y="1058710"/>
                                  </a:cubicBezTo>
                                  <a:cubicBezTo>
                                    <a:pt x="908672" y="947738"/>
                                    <a:pt x="1019645" y="836765"/>
                                    <a:pt x="1130542" y="725869"/>
                                  </a:cubicBezTo>
                                  <a:cubicBezTo>
                                    <a:pt x="1134288" y="722122"/>
                                    <a:pt x="1138453" y="720319"/>
                                    <a:pt x="1144562" y="719074"/>
                                  </a:cubicBezTo>
                                  <a:cubicBezTo>
                                    <a:pt x="1151103" y="719760"/>
                                    <a:pt x="1158888" y="721436"/>
                                    <a:pt x="1167054" y="725246"/>
                                  </a:cubicBezTo>
                                  <a:cubicBezTo>
                                    <a:pt x="1175347" y="729044"/>
                                    <a:pt x="1185939" y="735152"/>
                                    <a:pt x="1197458" y="745185"/>
                                  </a:cubicBezTo>
                                  <a:cubicBezTo>
                                    <a:pt x="1208926" y="755142"/>
                                    <a:pt x="1224064" y="768795"/>
                                    <a:pt x="1240765" y="785495"/>
                                  </a:cubicBezTo>
                                  <a:cubicBezTo>
                                    <a:pt x="1256335" y="801065"/>
                                    <a:pt x="1267562" y="813778"/>
                                    <a:pt x="1277582" y="825310"/>
                                  </a:cubicBezTo>
                                  <a:cubicBezTo>
                                    <a:pt x="1287615" y="836829"/>
                                    <a:pt x="1294905" y="848602"/>
                                    <a:pt x="1298651" y="856831"/>
                                  </a:cubicBezTo>
                                  <a:cubicBezTo>
                                    <a:pt x="1303693" y="866242"/>
                                    <a:pt x="1305370" y="874027"/>
                                    <a:pt x="1306056" y="880567"/>
                                  </a:cubicBezTo>
                                  <a:cubicBezTo>
                                    <a:pt x="1306004" y="887857"/>
                                    <a:pt x="1305370" y="893217"/>
                                    <a:pt x="1301636" y="896963"/>
                                  </a:cubicBezTo>
                                  <a:cubicBezTo>
                                    <a:pt x="1190727" y="1007859"/>
                                    <a:pt x="1079767" y="1118832"/>
                                    <a:pt x="968794" y="1229805"/>
                                  </a:cubicBezTo>
                                  <a:cubicBezTo>
                                    <a:pt x="1183691" y="1444688"/>
                                    <a:pt x="1398588" y="1659585"/>
                                    <a:pt x="1613535" y="1874546"/>
                                  </a:cubicBezTo>
                                  <a:cubicBezTo>
                                    <a:pt x="1619517" y="1880527"/>
                                    <a:pt x="1623504" y="1886001"/>
                                    <a:pt x="1626121" y="1892986"/>
                                  </a:cubicBezTo>
                                  <a:cubicBezTo>
                                    <a:pt x="1629931" y="1901266"/>
                                    <a:pt x="1630426" y="1907756"/>
                                    <a:pt x="1627683" y="1915350"/>
                                  </a:cubicBezTo>
                                  <a:cubicBezTo>
                                    <a:pt x="1626184" y="1924203"/>
                                    <a:pt x="1622514" y="1932483"/>
                                    <a:pt x="1616774" y="1943075"/>
                                  </a:cubicBezTo>
                                  <a:cubicBezTo>
                                    <a:pt x="1609738" y="1952485"/>
                                    <a:pt x="1600517" y="1964081"/>
                                    <a:pt x="1587932" y="1976666"/>
                                  </a:cubicBezTo>
                                  <a:cubicBezTo>
                                    <a:pt x="1576032" y="1988566"/>
                                    <a:pt x="1564437" y="1997786"/>
                                    <a:pt x="1555090" y="2004759"/>
                                  </a:cubicBezTo>
                                  <a:cubicBezTo>
                                    <a:pt x="1544498" y="2010499"/>
                                    <a:pt x="1535468" y="2014919"/>
                                    <a:pt x="1526616" y="2016417"/>
                                  </a:cubicBezTo>
                                  <a:cubicBezTo>
                                    <a:pt x="1519022" y="2019160"/>
                                    <a:pt x="1512481" y="2018716"/>
                                    <a:pt x="1504252" y="2014855"/>
                                  </a:cubicBezTo>
                                  <a:cubicBezTo>
                                    <a:pt x="1497279" y="2012239"/>
                                    <a:pt x="1491730" y="2008314"/>
                                    <a:pt x="1485748" y="2002333"/>
                                  </a:cubicBezTo>
                                  <a:cubicBezTo>
                                    <a:pt x="1008050" y="1524635"/>
                                    <a:pt x="530403" y="1046988"/>
                                    <a:pt x="52705" y="569290"/>
                                  </a:cubicBezTo>
                                  <a:cubicBezTo>
                                    <a:pt x="21615" y="538201"/>
                                    <a:pt x="5537" y="511416"/>
                                    <a:pt x="2553" y="487858"/>
                                  </a:cubicBezTo>
                                  <a:cubicBezTo>
                                    <a:pt x="0" y="466243"/>
                                    <a:pt x="5423" y="449098"/>
                                    <a:pt x="16510" y="438010"/>
                                  </a:cubicBezTo>
                                  <a:cubicBezTo>
                                    <a:pt x="160681" y="293840"/>
                                    <a:pt x="304800" y="149721"/>
                                    <a:pt x="448920" y="5601"/>
                                  </a:cubicBezTo>
                                  <a:cubicBezTo>
                                    <a:pt x="452653" y="1867"/>
                                    <a:pt x="456832" y="64"/>
                                    <a:pt x="464122" y="0"/>
                                  </a:cubicBezTo>
                                  <a:close/>
                                </a:path>
                              </a:pathLst>
                            </a:custGeom>
                            <a:solidFill>
                              <a:srgbClr val="C0C0C0">
                                <a:alpha val="49803"/>
                              </a:srgbClr>
                            </a:solidFill>
                            <a:ln>
                              <a:noFill/>
                            </a:ln>
                          </wps:spPr>
                          <wps:txbx>
                            <w:txbxContent>
                              <w:p w14:paraId="71E0462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68" name="Freeform: Shape 117568"/>
                          <wps:cNvSpPr/>
                          <wps:spPr>
                            <a:xfrm>
                              <a:off x="3213212" y="0"/>
                              <a:ext cx="1938096" cy="1938223"/>
                            </a:xfrm>
                            <a:custGeom>
                              <a:avLst/>
                              <a:gdLst/>
                              <a:ahLst/>
                              <a:cxnLst/>
                              <a:rect l="l" t="t" r="r" b="b"/>
                              <a:pathLst>
                                <a:path w="1938096" h="1938223" extrusionOk="0">
                                  <a:moveTo>
                                    <a:pt x="690855" y="0"/>
                                  </a:moveTo>
                                  <a:cubicBezTo>
                                    <a:pt x="697395" y="686"/>
                                    <a:pt x="705180" y="2362"/>
                                    <a:pt x="714528" y="7353"/>
                                  </a:cubicBezTo>
                                  <a:cubicBezTo>
                                    <a:pt x="723938" y="12395"/>
                                    <a:pt x="735025" y="20371"/>
                                    <a:pt x="746557" y="30404"/>
                                  </a:cubicBezTo>
                                  <a:cubicBezTo>
                                    <a:pt x="759206" y="41681"/>
                                    <a:pt x="773151" y="54013"/>
                                    <a:pt x="788734" y="69596"/>
                                  </a:cubicBezTo>
                                  <a:cubicBezTo>
                                    <a:pt x="804253" y="85115"/>
                                    <a:pt x="816585" y="99073"/>
                                    <a:pt x="826681" y="110528"/>
                                  </a:cubicBezTo>
                                  <a:cubicBezTo>
                                    <a:pt x="836714" y="122060"/>
                                    <a:pt x="844690" y="133147"/>
                                    <a:pt x="848551" y="141376"/>
                                  </a:cubicBezTo>
                                  <a:cubicBezTo>
                                    <a:pt x="853529" y="150724"/>
                                    <a:pt x="855218" y="158509"/>
                                    <a:pt x="855904" y="165049"/>
                                  </a:cubicBezTo>
                                  <a:cubicBezTo>
                                    <a:pt x="855840" y="172339"/>
                                    <a:pt x="853288" y="177267"/>
                                    <a:pt x="849541" y="181000"/>
                                  </a:cubicBezTo>
                                  <a:cubicBezTo>
                                    <a:pt x="759384" y="271158"/>
                                    <a:pt x="669290" y="361251"/>
                                    <a:pt x="579133" y="451409"/>
                                  </a:cubicBezTo>
                                  <a:cubicBezTo>
                                    <a:pt x="1026490" y="898766"/>
                                    <a:pt x="1473911" y="1346187"/>
                                    <a:pt x="1921269" y="1793545"/>
                                  </a:cubicBezTo>
                                  <a:cubicBezTo>
                                    <a:pt x="1927251" y="1799526"/>
                                    <a:pt x="1932419" y="1806321"/>
                                    <a:pt x="1935036" y="1813293"/>
                                  </a:cubicBezTo>
                                  <a:cubicBezTo>
                                    <a:pt x="1937652" y="1820278"/>
                                    <a:pt x="1938096" y="1826819"/>
                                    <a:pt x="1935353" y="1834413"/>
                                  </a:cubicBezTo>
                                  <a:cubicBezTo>
                                    <a:pt x="1933855" y="1843265"/>
                                    <a:pt x="1930184" y="1851559"/>
                                    <a:pt x="1924444" y="1862150"/>
                                  </a:cubicBezTo>
                                  <a:cubicBezTo>
                                    <a:pt x="1917471" y="1871498"/>
                                    <a:pt x="1908251" y="1883080"/>
                                    <a:pt x="1895602" y="1895729"/>
                                  </a:cubicBezTo>
                                  <a:cubicBezTo>
                                    <a:pt x="1883702" y="1907629"/>
                                    <a:pt x="1872107" y="1916849"/>
                                    <a:pt x="1862760" y="1923834"/>
                                  </a:cubicBezTo>
                                  <a:cubicBezTo>
                                    <a:pt x="1852168" y="1929562"/>
                                    <a:pt x="1843139" y="1933981"/>
                                    <a:pt x="1834287" y="1935480"/>
                                  </a:cubicBezTo>
                                  <a:cubicBezTo>
                                    <a:pt x="1826692" y="1938223"/>
                                    <a:pt x="1820202" y="1937728"/>
                                    <a:pt x="1813167" y="1935163"/>
                                  </a:cubicBezTo>
                                  <a:cubicBezTo>
                                    <a:pt x="1806194" y="1932546"/>
                                    <a:pt x="1799463" y="1927314"/>
                                    <a:pt x="1793481" y="1921332"/>
                                  </a:cubicBezTo>
                                  <a:cubicBezTo>
                                    <a:pt x="1346124" y="1473975"/>
                                    <a:pt x="898703" y="1026554"/>
                                    <a:pt x="451345" y="579196"/>
                                  </a:cubicBezTo>
                                  <a:cubicBezTo>
                                    <a:pt x="361188" y="669354"/>
                                    <a:pt x="271031" y="759511"/>
                                    <a:pt x="180873" y="849668"/>
                                  </a:cubicBezTo>
                                  <a:cubicBezTo>
                                    <a:pt x="177191" y="853351"/>
                                    <a:pt x="172276" y="855904"/>
                                    <a:pt x="165672" y="855282"/>
                                  </a:cubicBezTo>
                                  <a:cubicBezTo>
                                    <a:pt x="158382" y="855345"/>
                                    <a:pt x="151333" y="852919"/>
                                    <a:pt x="141986" y="847928"/>
                                  </a:cubicBezTo>
                                  <a:cubicBezTo>
                                    <a:pt x="133769" y="844067"/>
                                    <a:pt x="122682" y="836092"/>
                                    <a:pt x="111214" y="825995"/>
                                  </a:cubicBezTo>
                                  <a:cubicBezTo>
                                    <a:pt x="98933" y="816712"/>
                                    <a:pt x="85039" y="804316"/>
                                    <a:pt x="69533" y="788797"/>
                                  </a:cubicBezTo>
                                  <a:cubicBezTo>
                                    <a:pt x="53950" y="773227"/>
                                    <a:pt x="41554" y="759333"/>
                                    <a:pt x="31090" y="745871"/>
                                  </a:cubicBezTo>
                                  <a:cubicBezTo>
                                    <a:pt x="20993" y="734403"/>
                                    <a:pt x="13018" y="723316"/>
                                    <a:pt x="7976" y="713905"/>
                                  </a:cubicBezTo>
                                  <a:cubicBezTo>
                                    <a:pt x="2985" y="704558"/>
                                    <a:pt x="559" y="697522"/>
                                    <a:pt x="622" y="690232"/>
                                  </a:cubicBezTo>
                                  <a:cubicBezTo>
                                    <a:pt x="0" y="683628"/>
                                    <a:pt x="2553" y="678701"/>
                                    <a:pt x="6223" y="675030"/>
                                  </a:cubicBezTo>
                                  <a:cubicBezTo>
                                    <a:pt x="229159" y="452095"/>
                                    <a:pt x="452031" y="229222"/>
                                    <a:pt x="674903" y="6350"/>
                                  </a:cubicBezTo>
                                  <a:cubicBezTo>
                                    <a:pt x="678637" y="2616"/>
                                    <a:pt x="683565" y="63"/>
                                    <a:pt x="690855" y="0"/>
                                  </a:cubicBezTo>
                                  <a:close/>
                                </a:path>
                              </a:pathLst>
                            </a:custGeom>
                            <a:solidFill>
                              <a:srgbClr val="C0C0C0">
                                <a:alpha val="49803"/>
                              </a:srgbClr>
                            </a:solidFill>
                            <a:ln>
                              <a:noFill/>
                            </a:ln>
                          </wps:spPr>
                          <wps:txbx>
                            <w:txbxContent>
                              <w:p w14:paraId="01FCB897"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g:grpSp>
                    </wpg:wgp>
                  </a:graphicData>
                </a:graphic>
              </wp:anchor>
            </w:drawing>
          </mc:Choice>
          <mc:Fallback>
            <w:pict>
              <v:group w14:anchorId="5A281717" id="Group 117558" o:spid="_x0000_s1202" alt="P177#y1" style="position:absolute;left:0;text-align:left;margin-left:32pt;margin-top:-32pt;width:405.6pt;height:428.55pt;z-index:-251649024;mso-wrap-distance-left:0;mso-wrap-distance-right:0;mso-position-horizontal-relative:text;mso-position-vertical-relative:text" coordorigin="27703,10588" coordsize="51513,5442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">
                <v:group id="Group 117559" o:spid="_x0000_s1203" style="position:absolute;left:27703;top:10588;width:51513;height:54423" coordsize="51513,5442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">
                  <v:rect id="Rectangle 117560" o:spid="_x0000_s1204" style="position:absolute;width:51513;height:5442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" filled="f" stroked="f">
                    <v:textbox inset="2.53958mm,2.53958mm,2.53958mm,2.53958mm">
                      <w:txbxContent>
                        <w:p w14:paraId="22A10FBC" w14:textId="77777777" w:rsidR="00CF54CB" w:rsidRDefault="00CF54CB">
                          <w:pPr>
                            <w:spacing w:after="0" w:line="240" w:lineRule="auto"/>
                            <w:ind w:left="0" w:firstLine="0"/>
                            <w:jc w:val="left"/>
                            <w:textDirection w:val="btLr"/>
                          </w:pPr>
                        </w:p>
                      </w:txbxContent>
                    </v:textbox>
                  </v:rect>
                  <v:shape id="Freeform: Shape 117561" o:spid="_x0000_s1205" style="position:absolute;top:34844;width:10005;height:14727;visibility:visible;mso-wrap-style:square;v-text-anchor:middle" coordsize="1000596,147266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" adj="-11796480,,5400" path="m639526,592v49112,592,99671,7164,151506,20245c843153,34890,896506,53877,950816,78416r49780,24876l1000596,330497,954591,304878c913406,283927,872750,267167,832777,254238,772874,234893,715315,227570,659761,230085v-18518,838,-36813,2769,-54898,5713c532460,247507,463931,288134,397827,354238v-43306,43307,-86677,86677,-130035,130035l1000596,1217085r,255579l52705,524773c21615,493684,5537,466887,2553,443341,,421725,5410,404580,16574,393430,89090,320913,161684,248320,234201,175790,317449,92554,404609,37906,496697,16227,542747,5388,590414,,639526,592xe" fillcolor="silver" stroked="f">
                    <v:fill opacity="32639f"/>
                    <v:stroke joinstyle="miter"/>
                    <v:formulas/>
                    <v:path arrowok="t" o:extrusionok="f" o:connecttype="custom" textboxrect="0,0,1000596,1472664"/>
                    <v:textbox inset="2.53958mm,2.53958mm,2.53958mm,2.53958mm">
                      <w:txbxContent>
                        <w:p w14:paraId="576B1C26" w14:textId="77777777" w:rsidR="00CF54CB" w:rsidRDefault="00CF54CB">
                          <w:pPr>
                            <w:spacing w:after="0" w:line="240" w:lineRule="auto"/>
                            <w:ind w:left="0" w:firstLine="0"/>
                            <w:jc w:val="left"/>
                            <w:textDirection w:val="btLr"/>
                          </w:pPr>
                        </w:p>
                      </w:txbxContent>
                    </v:textbox>
                  </v:shape>
                  <v:shape id="Freeform: Shape 117562" o:spid="_x0000_s1206" style="position:absolute;left:10005;top:35877;width:9593;height:18545;visibility:visible;mso-wrap-style:square;v-text-anchor:middle" coordsize="959243,185452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" adj="-11796480,,5400" path="m,l32368,16175v27599,15124,55404,31714,83379,49846c227583,138487,342785,233623,458863,349701,592822,483660,699172,611575,777366,732136v79451,121679,130035,235204,155956,341630c959243,1180179,957185,1280928,930833,1372953v-26366,91910,-81001,179069,-163437,261505c699553,1702302,631697,1770158,563841,1838013v-11151,11152,-28347,16511,-51092,12828c490384,1849038,463587,1832959,432497,1801870l,1369372,,1113793r471753,471758c515619,1541685,559485,1497819,603287,1454017v61684,-61684,101562,-124740,118199,-192342c738123,1194073,737247,1122051,713320,1042550,689520,963047,648651,877691,584656,786035,521918,695623,438047,597808,332751,492512,249020,408768,164400,337991,78980,277361,57936,262518,36986,248812,16149,236197l,227205,,xe" fillcolor="silver" stroked="f">
                    <v:fill opacity="32639f"/>
                    <v:stroke joinstyle="miter"/>
                    <v:formulas/>
                    <v:path arrowok="t" o:extrusionok="f" o:connecttype="custom" textboxrect="0,0,959243,1854524"/>
                    <v:textbox inset="2.53958mm,2.53958mm,2.53958mm,2.53958mm">
                      <w:txbxContent>
                        <w:p w14:paraId="4BADCD99" w14:textId="77777777" w:rsidR="00CF54CB" w:rsidRDefault="00CF54CB">
                          <w:pPr>
                            <w:spacing w:after="0" w:line="240" w:lineRule="auto"/>
                            <w:ind w:left="0" w:firstLine="0"/>
                            <w:jc w:val="left"/>
                            <w:textDirection w:val="btLr"/>
                          </w:pPr>
                        </w:p>
                      </w:txbxContent>
                    </v:textbox>
                  </v:shape>
                  <v:shape id="Freeform: Shape 117563" o:spid="_x0000_s1207" style="position:absolute;left:9361;top:25902;width:6287;height:10588;visibility:visible;mso-wrap-style:square;v-text-anchor:middle" coordsize="628690,1058861"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" adj="-11796480,,5400" path="m559321,2040v12976,1020,26046,2690,39244,5095l628690,14286r,223798l623625,236432v-14620,-3289,-29196,-5096,-43729,-5462c550831,230238,521938,235271,493217,245742v-18694,6477,-35585,16510,-53581,29654c421627,288541,399631,308175,374332,333461v-35890,35890,-71843,71843,-107721,107733l628690,803273r,255588l52705,482876c21615,451786,5537,424990,2553,401444,,379828,5359,362747,16510,351596,84607,283499,152705,215401,220815,147291v24549,-24549,45796,-43421,63297,-58560c302247,75574,319316,62989,334454,52841,382499,26730,430479,8785,482308,3058,507791,562,533368,,559321,2040xe" fillcolor="silver" stroked="f">
                    <v:fill opacity="32639f"/>
                    <v:stroke joinstyle="miter"/>
                    <v:formulas/>
                    <v:path arrowok="t" o:extrusionok="f" o:connecttype="custom" textboxrect="0,0,628690,1058861"/>
                    <v:textbox inset="2.53958mm,2.53958mm,2.53958mm,2.53958mm">
                      <w:txbxContent>
                        <w:p w14:paraId="743ECEDF" w14:textId="77777777" w:rsidR="00CF54CB" w:rsidRDefault="00CF54CB">
                          <w:pPr>
                            <w:spacing w:after="0" w:line="240" w:lineRule="auto"/>
                            <w:ind w:left="0" w:firstLine="0"/>
                            <w:jc w:val="left"/>
                            <w:textDirection w:val="btLr"/>
                          </w:pPr>
                        </w:p>
                      </w:txbxContent>
                    </v:textbox>
                  </v:shape>
                  <v:shape id="Freeform: Shape 117564" o:spid="_x0000_s1208" style="position:absolute;left:15648;top:26044;width:15166;height:19185;visibility:visible;mso-wrap-style:square;v-text-anchor:middle" coordsize="1516569,19184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" adj="-11796480,,5400" path="m,l9892,2348c63714,18172,117118,40918,170890,75742v53771,34835,107480,79197,161302,133032c383602,260171,425652,311453,458303,360171v33147,50596,55830,99440,70968,146735c545590,555382,552944,602359,553134,648156v127,45733,-5613,91211,-17945,135077c561542,778687,590764,777632,620114,782052v30531,5601,63678,12713,98628,25857c753692,820927,791831,837500,832445,859179v40628,21692,85992,45491,135027,75578c1109470,1020304,1252587,1103857,1394522,1189468v35382,22187,60249,37821,73203,46418c1481872,1245666,1492274,1254454,1498256,1260436v5981,5981,11150,12776,14516,18999c1516137,1285670,1516569,1292211,1515083,1301063v-1562,8788,-5982,17818,-13652,27978c1493709,1339125,1482990,1352218,1468157,1367039v-12650,12650,-24232,21870,-33579,28855c1425167,1402802,1416137,1407235,1406104,1407540v-8788,1562,-17322,622,-25489,-3175c1371713,1401304,1361057,1395271,1349284,1387854,1198625,1295018,1046656,1204238,896009,1111401v-52096,-31648,-101067,-59067,-146800,-82868c703604,1004734,660055,988846,619428,979003v-40691,-9906,-77698,-10528,-112839,-4432c472565,981925,440104,1000314,411135,1029283v-28473,28473,-56946,56946,-85420,85420c545463,1334464,765161,1554149,984845,1773846v5982,5981,11214,12700,13780,19748c1001241,1800566,1000987,1807793,998929,1814714v-1434,8789,-5168,17132,-10909,27725c981048,1851785,971828,1863381,959242,1875966v-12649,12650,-23495,21121,-32842,28093c915808,1909799,906778,1914219,897927,1915717v-7595,2743,-14136,2299,-21120,-317c869834,1912784,863040,1907615,857058,1901633l,1044575,,788988,159485,948473v41618,-41618,83236,-83236,124790,-124803c317740,790218,340600,753388,351572,715631v11088,-37757,13958,-75768,5919,-115951c350760,560678,335748,521118,311453,480744,286396,441108,255497,402601,218426,365530,157428,304532,97737,261669,38924,236498l,223799,,xe" fillcolor="silver" stroked="f">
                    <v:fill opacity="32639f"/>
                    <v:stroke joinstyle="miter"/>
                    <v:formulas/>
                    <v:path arrowok="t" o:extrusionok="f" o:connecttype="custom" textboxrect="0,0,1516569,1918460"/>
                    <v:textbox inset="2.53958mm,2.53958mm,2.53958mm,2.53958mm">
                      <w:txbxContent>
                        <w:p w14:paraId="31DE07E3" w14:textId="77777777" w:rsidR="00CF54CB" w:rsidRDefault="00CF54CB">
                          <w:pPr>
                            <w:spacing w:after="0" w:line="240" w:lineRule="auto"/>
                            <w:ind w:left="0" w:firstLine="0"/>
                            <w:jc w:val="left"/>
                            <w:textDirection w:val="btLr"/>
                          </w:pPr>
                        </w:p>
                      </w:txbxContent>
                    </v:textbox>
                  </v:shape>
                  <v:shape id="Freeform: Shape 117565" o:spid="_x0000_s1209" style="position:absolute;left:19781;top:17866;width:7344;height:13181;visibility:visible;mso-wrap-style:square;v-text-anchor:middle" coordsize="734403,131804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" adj="-11796480,,5400" path="m143118,343v4501,-343,8907,-16,13702,1165c166548,3870,177203,9916,187732,16088l734403,362456r,215211l265049,276095v-254,241,-495,495,-749,749c365894,432641,466550,589061,567214,745472r167189,258595l734403,1318044,574148,1065135c388880,771360,203613,477586,16447,184998,10224,174406,5423,164995,3048,155280,,146377,1054,138338,4051,127988v2236,-9462,8166,-20003,16574,-30900c29032,86179,40996,74343,55829,59522,71463,43875,84735,30477,96393,21320,108039,12164,118567,6245,128854,3197,134023,1698,138617,686,143118,343xe" fillcolor="silver" stroked="f">
                    <v:fill opacity="32639f"/>
                    <v:stroke joinstyle="miter"/>
                    <v:formulas/>
                    <v:path arrowok="t" o:extrusionok="f" o:connecttype="custom" textboxrect="0,0,734403,1318044"/>
                    <v:textbox inset="2.53958mm,2.53958mm,2.53958mm,2.53958mm">
                      <w:txbxContent>
                        <w:p w14:paraId="3A0218FC" w14:textId="77777777" w:rsidR="00CF54CB" w:rsidRDefault="00CF54CB">
                          <w:pPr>
                            <w:spacing w:after="0" w:line="240" w:lineRule="auto"/>
                            <w:ind w:left="0" w:firstLine="0"/>
                            <w:jc w:val="left"/>
                            <w:textDirection w:val="btLr"/>
                          </w:pPr>
                        </w:p>
                      </w:txbxContent>
                    </v:textbox>
                  </v:shape>
                  <v:shape id="Freeform: Shape 117566" o:spid="_x0000_s1210" style="position:absolute;left:27125;top:21491;width:12837;height:16529;visibility:visible;mso-wrap-style:square;v-text-anchor:middle" coordsize="1283754,165291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" adj="-11796480,,5400" path="m,l333496,211301v293773,185268,587546,370536,880167,557670c1235215,783296,1250671,794142,1262202,804175v10782,10783,16751,21374,19190,31026c1283754,844917,1280516,855140,1272794,865364v-8420,10769,-19126,23863,-34773,39497c1222451,920444,1210615,932395,1200455,940065v-10909,8408,-19939,12840,-27978,13640c1164882,956448,1158265,955953,1151293,953337v-6972,-2616,-15265,-6299,-24612,-11278c973976,843304,820077,746479,667360,647724,534149,780934,400876,914208,267665,1047418v98374,149848,194894,300940,293269,450787c566738,1506866,570344,1515096,572960,1522068v3747,8230,3556,15520,2744,23559c575399,1555647,570967,1564689,564058,1574100v-7735,10084,-17704,22428,-31839,36576c518135,1624748,505054,1635467,494957,1643188v-12090,7239,-21679,9728,-31280,7354c453961,1648179,443370,1642070,433337,1630666v-10783,-10769,-21628,-26225,-35891,-47841l,955588,,641610,135763,851597c247167,740193,358635,628725,470103,517257,313963,416006,157185,315740,398,215467l,215211,,xe" fillcolor="silver" stroked="f">
                    <v:fill opacity="32639f"/>
                    <v:stroke joinstyle="miter"/>
                    <v:formulas/>
                    <v:path arrowok="t" o:extrusionok="f" o:connecttype="custom" textboxrect="0,0,1283754,1652916"/>
                    <v:textbox inset="2.53958mm,2.53958mm,2.53958mm,2.53958mm">
                      <w:txbxContent>
                        <w:p w14:paraId="7EB3ADF0" w14:textId="77777777" w:rsidR="00CF54CB" w:rsidRDefault="00CF54CB">
                          <w:pPr>
                            <w:spacing w:after="0" w:line="240" w:lineRule="auto"/>
                            <w:ind w:left="0" w:firstLine="0"/>
                            <w:jc w:val="left"/>
                            <w:textDirection w:val="btLr"/>
                          </w:pPr>
                        </w:p>
                      </w:txbxContent>
                    </v:textbox>
                  </v:shape>
                  <v:shape id="Freeform: Shape 117567" o:spid="_x0000_s1211" style="position:absolute;left:26427;top:7972;width:16304;height:20191;visibility:visible;mso-wrap-style:square;v-text-anchor:middle" coordsize="1630426,20191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" adj="-11796480,,5400" path="m464122,v6540,686,14325,2362,23672,7353c497269,12332,509041,19621,520573,29655v12700,11214,26594,23609,42177,39192c578269,84366,590664,98260,600697,109779v10034,11531,17323,23305,21121,31597c626796,150711,628485,158509,629171,165049v-64,7290,-1867,11468,-5614,15202c506171,297637,388785,415023,271399,532410v175463,175450,350914,350900,526301,526300c908672,947738,1019645,836765,1130542,725869v3746,-3747,7911,-5550,14020,-6795c1151103,719760,1158888,721436,1167054,725246v8293,3798,18885,9906,30404,19939c1208926,755142,1224064,768795,1240765,785495v15570,15570,26797,28283,36817,39815c1287615,836829,1294905,848602,1298651,856831v5042,9411,6719,17196,7405,23736c1306004,887857,1305370,893217,1301636,896963v-110909,110896,-221869,221869,-332842,332842c1183691,1444688,1398588,1659585,1613535,1874546v5982,5981,9969,11455,12586,18440c1629931,1901266,1630426,1907756,1627683,1915350v-1499,8853,-5169,17133,-10909,27725c1609738,1952485,1600517,1964081,1587932,1976666v-11900,11900,-23495,21120,-32842,28093c1544498,2010499,1535468,2014919,1526616,2016417v-7594,2743,-14135,2299,-22364,-1562c1497279,2012239,1491730,2008314,1485748,2002333,1008050,1524635,530403,1046988,52705,569290,21615,538201,5537,511416,2553,487858,,466243,5423,449098,16510,438010,160681,293840,304800,149721,448920,5601,452653,1867,456832,64,464122,xe" fillcolor="silver" stroked="f">
                    <v:fill opacity="32639f"/>
                    <v:stroke joinstyle="miter"/>
                    <v:formulas/>
                    <v:path arrowok="t" o:extrusionok="f" o:connecttype="custom" textboxrect="0,0,1630426,2019160"/>
                    <v:textbox inset="2.53958mm,2.53958mm,2.53958mm,2.53958mm">
                      <w:txbxContent>
                        <w:p w14:paraId="71E0462A" w14:textId="77777777" w:rsidR="00CF54CB" w:rsidRDefault="00CF54CB">
                          <w:pPr>
                            <w:spacing w:after="0" w:line="240" w:lineRule="auto"/>
                            <w:ind w:left="0" w:firstLine="0"/>
                            <w:jc w:val="left"/>
                            <w:textDirection w:val="btLr"/>
                          </w:pPr>
                        </w:p>
                      </w:txbxContent>
                    </v:textbox>
                  </v:shape>
                  <v:shape id="Freeform: Shape 117568" o:spid="_x0000_s1212" style="position:absolute;left:32132;width:19381;height:19382;visibility:visible;mso-wrap-style:square;v-text-anchor:middle" coordsize="1938096,193822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" adj="-11796480,,5400" path="m690855,v6540,686,14325,2362,23673,7353c723938,12395,735025,20371,746557,30404v12649,11277,26594,23609,42177,39192c804253,85115,816585,99073,826681,110528v10033,11532,18009,22619,21870,30848c853529,150724,855218,158509,855904,165049v-64,7290,-2616,12218,-6363,15951c759384,271158,669290,361251,579133,451409v447357,447357,894778,894778,1342136,1342136c1927251,1799526,1932419,1806321,1935036,1813293v2616,6985,3060,13526,317,21120c1933855,1843265,1930184,1851559,1924444,1862150v-6973,9348,-16193,20930,-28842,33579c1883702,1907629,1872107,1916849,1862760,1923834v-10592,5728,-19621,10147,-28473,11646c1826692,1938223,1820202,1937728,1813167,1935163v-6973,-2617,-13704,-7849,-19686,-13831c1346124,1473975,898703,1026554,451345,579196,361188,669354,271031,759511,180873,849668v-3682,3683,-8597,6236,-15201,5614c158382,855345,151333,852919,141986,847928v-8217,-3861,-19304,-11836,-30772,-21933c98933,816712,85039,804316,69533,788797,53950,773227,41554,759333,31090,745871,20993,734403,13018,723316,7976,713905,2985,704558,559,697522,622,690232,,683628,2553,678701,6223,675030,229159,452095,452031,229222,674903,6350,678637,2616,683565,63,690855,xe" fillcolor="silver" stroked="f">
                    <v:fill opacity="32639f"/>
                    <v:stroke joinstyle="miter"/>
                    <v:formulas/>
                    <v:path arrowok="t" o:extrusionok="f" o:connecttype="custom" textboxrect="0,0,1938096,1938223"/>
                    <v:textbox inset="2.53958mm,2.53958mm,2.53958mm,2.53958mm">
                      <w:txbxContent>
                        <w:p w14:paraId="01FCB897" w14:textId="77777777" w:rsidR="00CF54CB" w:rsidRDefault="00CF54CB">
                          <w:pPr>
                            <w:spacing w:after="0" w:line="240" w:lineRule="auto"/>
                            <w:ind w:left="0" w:firstLine="0"/>
                            <w:jc w:val="left"/>
                            <w:textDirection w:val="btLr"/>
                          </w:pPr>
                        </w:p>
                      </w:txbxContent>
                    </v:textbox>
                  </v:shape>
                </v:group>
              </v:group>
            </w:pict>
          </mc:Fallback>
        </mc:AlternateContent>
      </w:r>
    </w:p>
    <w:p w14:paraId="2638F28B" w14:textId="18D1C32B" w:rsidR="0090574B" w:rsidRDefault="00344004" w:rsidP="0090574B">
      <w:pPr>
        <w:spacing w:after="483" w:line="242" w:lineRule="auto"/>
        <w:ind w:left="-11" w:right="59" w:firstLine="710"/>
        <w:jc w:val="left"/>
      </w:pPr>
      <w:r>
        <w:t xml:space="preserve">Fulfilling this intent </w:t>
      </w:r>
      <w:ins w:id="353" w:author="Daveline, Dan" w:date="2021-12-20T15:19:00Z">
        <w:r w:rsidR="00E5511B">
          <w:t xml:space="preserve">will likely </w:t>
        </w:r>
      </w:ins>
      <w:del w:id="354" w:author="Daveline, Dan" w:date="2021-12-20T15:19:00Z">
        <w:r w:rsidDel="00E5511B">
          <w:delText xml:space="preserve">may </w:delText>
        </w:r>
      </w:del>
      <w:r>
        <w:t xml:space="preserve">require </w:t>
      </w:r>
      <w:ins w:id="355" w:author="Daveline, Dan" w:date="2021-12-20T15:19:00Z">
        <w:r w:rsidR="00E5511B">
          <w:t xml:space="preserve">property and casualty </w:t>
        </w:r>
      </w:ins>
      <w:r>
        <w:t xml:space="preserve">guaranty </w:t>
      </w:r>
      <w:del w:id="356" w:author="Daveline, Dan" w:date="2021-12-20T15:19:00Z">
        <w:r w:rsidDel="00E5511B">
          <w:delText>association</w:delText>
        </w:r>
      </w:del>
      <w:ins w:id="357" w:author="Daveline, Dan" w:date="2021-12-20T15:19:00Z">
        <w:r w:rsidR="00B52AF7">
          <w:t>fund</w:t>
        </w:r>
      </w:ins>
      <w:r>
        <w:t xml:space="preserve"> statutes </w:t>
      </w:r>
      <w:sdt>
        <w:sdtPr>
          <w:tag w:val="goog_rdk_185"/>
          <w:id w:val="-1594621203"/>
        </w:sdtPr>
        <w:sdtEndPr/>
        <w:sdtContent>
          <w:ins w:id="358" w:author="Daveline, Dan" w:date="2021-12-16T13:01:00Z">
            <w:r>
              <w:t xml:space="preserve">to </w:t>
            </w:r>
          </w:ins>
        </w:sdtContent>
      </w:sdt>
      <w:r>
        <w:t xml:space="preserve">be amended in each of the states where the original insurer was a member of a guaranty association before the transaction becomes final. NCIGF indicated that it had created a subcommittee to address this issue and oversee a coordinated, national effort to enact the necessary changes in each state.  Further discussion of this subcommittee’s work is discussed in the Recommendations section below.  </w:t>
      </w:r>
      <w:sdt>
        <w:sdtPr>
          <w:tag w:val="goog_rdk_186"/>
          <w:id w:val="-1878379905"/>
        </w:sdtPr>
        <w:sdtEndPr/>
        <w:sdtContent>
          <w:ins w:id="359" w:author="Daveline, Dan" w:date="2021-12-16T13:01:00Z">
            <w:r>
              <w:t>It should be noted that the same membership and timing issues that are raised by IBTs could also be raised in the case of any other policy novation including the assumption reinsurance transactions discussed below.</w:t>
            </w:r>
          </w:ins>
        </w:sdtContent>
      </w:sdt>
    </w:p>
    <w:p w14:paraId="706D1D67" w14:textId="46A0E9DF" w:rsidR="00CF54CB" w:rsidRDefault="00344004" w:rsidP="00B078CA">
      <w:pPr>
        <w:pStyle w:val="Heading2"/>
      </w:pPr>
      <w:r>
        <w:t>B.</w:t>
      </w:r>
      <w:r>
        <w:tab/>
        <w:t>Assumption Reinsurance</w:t>
      </w:r>
    </w:p>
    <w:p w14:paraId="731FD5A9" w14:textId="77777777" w:rsidR="003E43A0" w:rsidRDefault="00344004">
      <w:pPr>
        <w:spacing w:after="304" w:line="242" w:lineRule="auto"/>
        <w:ind w:left="-11" w:right="59" w:firstLine="710"/>
        <w:jc w:val="left"/>
        <w:rPr>
          <w:ins w:id="360" w:author="Gendron, Matthew (DBR)" w:date="2022-03-11T17:49:00Z"/>
        </w:rPr>
      </w:pPr>
      <w:r>
        <w:t>Existing assumption reinsurance statutes exist to provide policyholder disclosures and rights for rejection of a proposed novation of their policy. These statutes are primarily designed for the benefit of individual policyholder</w:t>
      </w:r>
      <w:sdt>
        <w:sdtPr>
          <w:tag w:val="goog_rdk_187"/>
          <w:id w:val="2098437209"/>
        </w:sdtPr>
        <w:sdtEndPr/>
        <w:sdtContent>
          <w:ins w:id="361" w:author="Daveline, Dan" w:date="2021-12-16T13:04:00Z">
            <w:r>
              <w:t>s</w:t>
            </w:r>
          </w:ins>
        </w:sdtContent>
      </w:sdt>
      <w:r>
        <w:t xml:space="preserve"> with regard to personal lines coverages, whether for automobile, homeowners, life insurance or long-term care insurance</w:t>
      </w:r>
      <w:del w:id="362" w:author="Daveline, Dan" w:date="2021-12-20T15:20:00Z">
        <w:r w:rsidDel="003B5942">
          <w:delText>, in situations where the solvency of the insurer might be at</w:delText>
        </w:r>
      </w:del>
      <w:del w:id="363" w:author="Daveline, Dan" w:date="2021-12-20T15:21:00Z">
        <w:r w:rsidDel="003B5942">
          <w:delText xml:space="preserve"> risk</w:delText>
        </w:r>
      </w:del>
      <w:r>
        <w:t>. There are currently ten states that have enacted the NAIC Assumption Reinsurance Model Act.</w:t>
      </w:r>
      <w:r>
        <w:rPr>
          <w:rFonts w:ascii="ZWAdobeF" w:eastAsia="ZWAdobeF" w:hAnsi="ZWAdobeF" w:cs="ZWAdobeF"/>
          <w:sz w:val="2"/>
          <w:szCs w:val="2"/>
        </w:rPr>
        <w:t>26F</w:t>
      </w:r>
      <w:r>
        <w:rPr>
          <w:vertAlign w:val="superscript"/>
        </w:rPr>
        <w:footnoteReference w:id="27"/>
      </w:r>
      <w:r>
        <w:t xml:space="preserve"> </w:t>
      </w:r>
    </w:p>
    <w:p w14:paraId="250DDE06" w14:textId="51B3A077" w:rsidR="00CF54CB" w:rsidRDefault="006F0374">
      <w:pPr>
        <w:spacing w:after="304" w:line="242" w:lineRule="auto"/>
        <w:ind w:left="-11" w:right="59" w:firstLine="710"/>
        <w:jc w:val="left"/>
      </w:pPr>
      <w:ins w:id="366" w:author="Daveline, Dan" w:date="2021-12-20T13:12:00Z">
        <w:r w:rsidRPr="006F0374">
          <w:t>Under the Model Act, individual policyholders are notified of a proposed transfer of their policy and  “have the right to  reject the transfer and novation of their contracts of insurance.”  This core requirement of policyholder consent, however, is not only found in states that have adopted the Model Act. While the details will vary, a state may also require such consent through independent anti</w:t>
        </w:r>
      </w:ins>
      <w:ins w:id="367" w:author="Daveline, Dan" w:date="2021-12-20T13:13:00Z">
        <w:r w:rsidR="00850421">
          <w:t>-</w:t>
        </w:r>
      </w:ins>
      <w:ins w:id="368" w:author="Daveline, Dan" w:date="2021-12-20T13:12:00Z">
        <w:r w:rsidRPr="006F0374">
          <w:t xml:space="preserve">novation statutes or the application of common law principles. </w:t>
        </w:r>
      </w:ins>
      <w:ins w:id="369" w:author="Daveline, Dan" w:date="2021-12-20T13:13:00Z">
        <w:r w:rsidR="00850421">
          <w:t xml:space="preserve">For example, in one state, </w:t>
        </w:r>
      </w:ins>
      <w:ins w:id="370" w:author="Daveline, Dan" w:date="2021-12-20T13:12:00Z">
        <w:r w:rsidRPr="006F0374">
          <w:t>the principle of policyholder consent is codified in</w:t>
        </w:r>
      </w:ins>
      <w:ins w:id="371" w:author="Daveline, Dan" w:date="2021-12-20T13:13:00Z">
        <w:r w:rsidR="00EC5D2C">
          <w:t xml:space="preserve"> the insurance code</w:t>
        </w:r>
      </w:ins>
      <w:ins w:id="372" w:author="Daveline, Dan" w:date="2021-12-20T13:15:00Z">
        <w:r w:rsidR="00AB7706">
          <w:t>.</w:t>
        </w:r>
      </w:ins>
      <w:ins w:id="373" w:author="Daveline, Dan" w:date="2021-12-20T13:14:00Z">
        <w:r w:rsidR="00EC5D2C">
          <w:rPr>
            <w:rStyle w:val="FootnoteReference"/>
          </w:rPr>
          <w:footnoteReference w:id="28"/>
        </w:r>
      </w:ins>
      <w:ins w:id="377" w:author="Daveline, Dan" w:date="2021-12-20T13:16:00Z">
        <w:r w:rsidR="002B6221">
          <w:t xml:space="preserve"> </w:t>
        </w:r>
      </w:ins>
      <w:ins w:id="378" w:author="Daveline, Dan" w:date="2021-12-20T13:17:00Z">
        <w:r w:rsidR="00EC5BE9">
          <w:t xml:space="preserve">This state’s code prohibits </w:t>
        </w:r>
      </w:ins>
      <w:ins w:id="379" w:author="Daveline, Dan" w:date="2021-12-20T13:16:00Z">
        <w:r w:rsidR="002B6221" w:rsidRPr="002B6221">
          <w:t xml:space="preserve">the assumption of policy obligations on risks located in  </w:t>
        </w:r>
      </w:ins>
      <w:ins w:id="380" w:author="Daveline, Dan" w:date="2021-12-20T13:17:00Z">
        <w:r w:rsidR="00EC5BE9">
          <w:t xml:space="preserve">the state </w:t>
        </w:r>
      </w:ins>
      <w:ins w:id="381" w:author="Daveline, Dan" w:date="2021-12-20T13:16:00Z">
        <w:r w:rsidR="002B6221" w:rsidRPr="002B6221">
          <w:t xml:space="preserve">as direct obligations unless (1) the policyholder consents and (2) the assuming insurer is properly licensed in </w:t>
        </w:r>
      </w:ins>
      <w:ins w:id="382" w:author="Daveline, Dan" w:date="2021-12-20T13:17:00Z">
        <w:r w:rsidR="001557CA">
          <w:t>the state</w:t>
        </w:r>
      </w:ins>
      <w:ins w:id="383" w:author="Daveline, Dan" w:date="2021-12-20T13:16:00Z">
        <w:r w:rsidR="002B6221" w:rsidRPr="002B6221">
          <w:t xml:space="preserve">.  Absent policyholder consent,  such a transaction requires an order from the </w:t>
        </w:r>
      </w:ins>
      <w:ins w:id="384" w:author="Daveline, Dan" w:date="2021-12-20T13:17:00Z">
        <w:r w:rsidR="001557CA">
          <w:t xml:space="preserve">state </w:t>
        </w:r>
      </w:ins>
      <w:ins w:id="385" w:author="Daveline, Dan" w:date="2021-12-20T13:18:00Z">
        <w:r w:rsidR="00F95D92">
          <w:t xml:space="preserve">corporation </w:t>
        </w:r>
      </w:ins>
      <w:ins w:id="386" w:author="Daveline, Dan" w:date="2021-12-20T13:17:00Z">
        <w:r w:rsidR="001557CA">
          <w:t>c</w:t>
        </w:r>
      </w:ins>
      <w:ins w:id="387" w:author="Daveline, Dan" w:date="2021-12-20T13:16:00Z">
        <w:r w:rsidR="002B6221" w:rsidRPr="002B6221">
          <w:t xml:space="preserve">ommission </w:t>
        </w:r>
      </w:ins>
      <w:ins w:id="388" w:author="Daveline, Dan" w:date="2021-12-20T13:18:00Z">
        <w:r w:rsidR="00F95D92">
          <w:t xml:space="preserve">(hereafter referred to as the </w:t>
        </w:r>
      </w:ins>
      <w:ins w:id="389" w:author="Daveline, Dan" w:date="2021-12-20T13:19:00Z">
        <w:r w:rsidR="00F95D92">
          <w:t>C</w:t>
        </w:r>
      </w:ins>
      <w:ins w:id="390" w:author="Daveline, Dan" w:date="2021-12-20T13:18:00Z">
        <w:r w:rsidR="00F95D92">
          <w:t>ommission)</w:t>
        </w:r>
      </w:ins>
      <w:ins w:id="391" w:author="Daveline, Dan" w:date="2021-12-20T13:16:00Z">
        <w:r w:rsidR="002B6221" w:rsidRPr="002B6221">
          <w:t xml:space="preserve"> approving the transaction. The </w:t>
        </w:r>
      </w:ins>
      <w:ins w:id="392" w:author="Daveline, Dan" w:date="2021-12-20T13:19:00Z">
        <w:r w:rsidR="00F95D92">
          <w:t>C</w:t>
        </w:r>
      </w:ins>
      <w:ins w:id="393" w:author="Daveline, Dan" w:date="2021-12-20T13:16:00Z">
        <w:r w:rsidR="002B6221" w:rsidRPr="002B6221">
          <w:t xml:space="preserve">ommission may enter such an order whenever (i) the Commission finds a licensed insurer to be impaired or  in hazardous financial condition, (ii) a delinquency proceeding has been instituted  against the licensed insurer for the purpose of conserving, rehabilitating, or liquidating the insurer, or (iii) the Commission finds, after giving the insurer notice and an opportunity  to be heard, that the transfer of  the contracts is in the best interests of the policyholders.  Additionally, if granting an approval order, the Commission is  required to ensure that policyholders do not lose any rights or claims afforded under their original policies </w:t>
        </w:r>
        <w:r w:rsidR="002B6221" w:rsidRPr="002B6221">
          <w:lastRenderedPageBreak/>
          <w:t xml:space="preserve">by the </w:t>
        </w:r>
      </w:ins>
      <w:ins w:id="394" w:author="Daveline, Dan" w:date="2021-12-20T13:19:00Z">
        <w:r w:rsidR="00306C0B">
          <w:t>state</w:t>
        </w:r>
      </w:ins>
      <w:ins w:id="395" w:author="Daveline, Dan" w:date="2021-12-20T13:16:00Z">
        <w:r w:rsidR="002B6221" w:rsidRPr="002B6221">
          <w:t xml:space="preserve"> Property and Casualty Insurance Guaranty Association or the </w:t>
        </w:r>
      </w:ins>
      <w:ins w:id="396" w:author="Daveline, Dan" w:date="2021-12-20T13:20:00Z">
        <w:r w:rsidR="00306C0B">
          <w:t>state</w:t>
        </w:r>
      </w:ins>
      <w:ins w:id="397" w:author="Daveline, Dan" w:date="2021-12-20T13:16:00Z">
        <w:r w:rsidR="002B6221" w:rsidRPr="002B6221">
          <w:t xml:space="preserve"> Life, Accident and Sickness Insurance Guaranty Association.   </w:t>
        </w:r>
      </w:ins>
    </w:p>
    <w:p w14:paraId="200B4B59" w14:textId="37F0701C" w:rsidR="00CF54CB" w:rsidRDefault="00344004">
      <w:pPr>
        <w:spacing w:after="272" w:line="242" w:lineRule="auto"/>
        <w:ind w:left="-11" w:right="59" w:firstLine="710"/>
        <w:jc w:val="left"/>
      </w:pPr>
      <w:r>
        <w:t xml:space="preserve">The Assumption Reinsurance Model Act was drafted by state insurance regulators and initially adopted by the NAIC on December 5, 1993. The effect of an assumption reinsurance transaction is to relieve the transferring insurer of all related insurance obligations and to make the assuming insurer directly liable to the policyholder for the transferred risks. Under these statutes, individual policyholders receive a notice of transfer and may reject or accept the transfer. If the policyholder does not respond, the policyholder is deemed to have given implied consent, and the novation of the contract will be </w:t>
      </w:r>
      <w:sdt>
        <w:sdtPr>
          <w:tag w:val="goog_rdk_188"/>
          <w:id w:val="1514111240"/>
        </w:sdtPr>
        <w:sdtEndPr/>
        <w:sdtContent>
          <w:ins w:id="398" w:author="Daveline, Dan" w:date="2021-12-16T13:05:00Z">
            <w:r>
              <w:t>effectuated</w:t>
            </w:r>
          </w:ins>
        </w:sdtContent>
      </w:sdt>
      <w:sdt>
        <w:sdtPr>
          <w:tag w:val="goog_rdk_189"/>
          <w:id w:val="2113240482"/>
        </w:sdtPr>
        <w:sdtEndPr/>
        <w:sdtContent>
          <w:del w:id="399" w:author="Daveline, Dan" w:date="2021-12-16T13:05:00Z">
            <w:r>
              <w:delText>affected</w:delText>
            </w:r>
          </w:del>
        </w:sdtContent>
      </w:sdt>
      <w:r>
        <w:t>.</w:t>
      </w:r>
      <w:r w:rsidR="0090574B">
        <w:t xml:space="preserve"> </w:t>
      </w:r>
      <w:r>
        <w:t xml:space="preserve">When a new agreement replaces an existing agreement, a novation has occurred. There is no judicial involvement under the Assumption Reinsurance Model Act. </w:t>
      </w:r>
    </w:p>
    <w:p w14:paraId="6C564D87" w14:textId="2096EF00" w:rsidR="00CF54CB" w:rsidRDefault="00344004">
      <w:pPr>
        <w:spacing w:after="272" w:line="242" w:lineRule="auto"/>
        <w:ind w:left="-11" w:right="59" w:firstLine="710"/>
        <w:jc w:val="left"/>
      </w:pPr>
      <w:r>
        <w:t xml:space="preserve">Some stakeholders have questioned whether the existence of rights under the Assumption Reinsurance Model Act </w:t>
      </w:r>
      <w:sdt>
        <w:sdtPr>
          <w:tag w:val="goog_rdk_190"/>
          <w:id w:val="56287011"/>
        </w:sdtPr>
        <w:sdtEndPr/>
        <w:sdtContent>
          <w:del w:id="400" w:author="Daveline, Dan" w:date="2021-12-16T13:05:00Z">
            <w:r>
              <w:delText xml:space="preserve">by </w:delText>
            </w:r>
          </w:del>
        </w:sdtContent>
      </w:sdt>
      <w:r>
        <w:t>implic</w:t>
      </w:r>
      <w:sdt>
        <w:sdtPr>
          <w:tag w:val="goog_rdk_191"/>
          <w:id w:val="-1206949560"/>
        </w:sdtPr>
        <w:sdtEndPr/>
        <w:sdtContent>
          <w:del w:id="401" w:author="Daveline, Dan" w:date="2021-12-16T13:06:00Z">
            <w:r>
              <w:delText>a</w:delText>
            </w:r>
          </w:del>
        </w:sdtContent>
      </w:sdt>
      <w:sdt>
        <w:sdtPr>
          <w:tag w:val="goog_rdk_192"/>
          <w:id w:val="1390602994"/>
        </w:sdtPr>
        <w:sdtEndPr/>
        <w:sdtContent>
          <w:ins w:id="402" w:author="Daveline, Dan" w:date="2021-12-16T13:06:00Z">
            <w:r>
              <w:t>itly</w:t>
            </w:r>
          </w:ins>
        </w:sdtContent>
      </w:sdt>
      <w:sdt>
        <w:sdtPr>
          <w:tag w:val="goog_rdk_193"/>
          <w:id w:val="-1392492050"/>
        </w:sdtPr>
        <w:sdtEndPr/>
        <w:sdtContent>
          <w:del w:id="403" w:author="Daveline, Dan" w:date="2021-12-16T13:06:00Z">
            <w:r>
              <w:delText>tion</w:delText>
            </w:r>
          </w:del>
        </w:sdtContent>
      </w:sdt>
      <w:r>
        <w:t xml:space="preserve"> prohibit an IBT or a CD</w:t>
      </w:r>
      <w:ins w:id="404" w:author="Gendron, Matthew (DBR)" w:date="2022-03-11T17:54:00Z">
        <w:r w:rsidR="00FB4251">
          <w:t xml:space="preserve"> approved by a </w:t>
        </w:r>
      </w:ins>
      <w:ins w:id="405" w:author="Gendron, Matthew (DBR)" w:date="2022-03-11T17:55:00Z">
        <w:r w:rsidR="00A81307">
          <w:t>different state court or department of insurance</w:t>
        </w:r>
      </w:ins>
      <w:r>
        <w:t>. The argument is that the existence of the assumption reinsurance statute prohibits other statutory restructuring mechanisms without the policyholder</w:t>
      </w:r>
      <w:sdt>
        <w:sdtPr>
          <w:tag w:val="goog_rdk_194"/>
          <w:id w:val="-1732994199"/>
        </w:sdtPr>
        <w:sdtEndPr/>
        <w:sdtContent>
          <w:ins w:id="406" w:author="Daveline, Dan" w:date="2021-12-16T13:08:00Z">
            <w:r>
              <w:t>’</w:t>
            </w:r>
          </w:ins>
        </w:sdtContent>
      </w:sdt>
      <w:r>
        <w:t xml:space="preserve">s express individual consent. Other stakeholders have suggested that these statutes coexist with restructuring mechanisms since the restructuring statutes are not addressing individual novations of policies.  The argument is that the restructuring statutes address transfers of books of business not individual novation of policies and, therefore, are completely separate from assumption reinsurance statutes.   </w:t>
      </w:r>
    </w:p>
    <w:p w14:paraId="45E916B9" w14:textId="3DAF5DEE" w:rsidR="00CF54CB" w:rsidRDefault="00344004">
      <w:pPr>
        <w:spacing w:after="301" w:line="242" w:lineRule="auto"/>
        <w:ind w:left="-11" w:right="59" w:firstLine="710"/>
        <w:jc w:val="left"/>
      </w:pPr>
      <w:r>
        <w:t>This is not an issue that can be resolved in this white paper</w:t>
      </w:r>
      <w:ins w:id="407" w:author="Gendron, Matthew (DBR)" w:date="2022-03-11T17:55:00Z">
        <w:r w:rsidR="004D2EFE">
          <w:t>, and may ultimately be d</w:t>
        </w:r>
      </w:ins>
      <w:ins w:id="408" w:author="Gendron, Matthew (DBR)" w:date="2022-03-11T17:56:00Z">
        <w:r w:rsidR="004D2EFE">
          <w:t>ecided by a court after an IBT or CD is approved over a state</w:t>
        </w:r>
        <w:r w:rsidR="004F3343">
          <w:t xml:space="preserve"> or policyholder</w:t>
        </w:r>
        <w:r w:rsidR="004D2EFE">
          <w:t>’s objection</w:t>
        </w:r>
      </w:ins>
      <w:r>
        <w:t xml:space="preserve">. </w:t>
      </w:r>
      <w:ins w:id="409" w:author="Gendron, Matthew (DBR)" w:date="2022-03-11T17:56:00Z">
        <w:r w:rsidR="004F3343">
          <w:t xml:space="preserve">But </w:t>
        </w:r>
      </w:ins>
      <w:del w:id="410" w:author="Gendron, Matthew (DBR)" w:date="2022-03-11T17:56:00Z">
        <w:r w:rsidDel="004F3343">
          <w:delText>T</w:delText>
        </w:r>
      </w:del>
      <w:ins w:id="411" w:author="Gendron, Matthew (DBR)" w:date="2022-03-11T17:56:00Z">
        <w:r w:rsidR="004F3343">
          <w:t>t</w:t>
        </w:r>
      </w:ins>
      <w:r>
        <w:t>he issue has not yet been addressed by any court nor raised in the proceedings on restructurings</w:t>
      </w:r>
      <w:ins w:id="412" w:author="Daveline, Dan" w:date="2021-12-20T13:25:00Z">
        <w:r w:rsidR="00E834AA">
          <w:t xml:space="preserve"> with one exception</w:t>
        </w:r>
      </w:ins>
      <w:r>
        <w:t xml:space="preserve">. </w:t>
      </w:r>
      <w:ins w:id="413" w:author="Daveline, Dan" w:date="2021-12-20T13:26:00Z">
        <w:r w:rsidR="00E834AA">
          <w:t xml:space="preserve">The Virginia State Corporation Commission, </w:t>
        </w:r>
        <w:r w:rsidR="002E3051">
          <w:t xml:space="preserve">which acts as a court of record, applied Virginia’s anti-novation statute to </w:t>
        </w:r>
        <w:r w:rsidR="00837A42">
          <w:t>the previously mentioned PWIC/Yosemi</w:t>
        </w:r>
      </w:ins>
      <w:ins w:id="414" w:author="Daveline, Dan" w:date="2021-12-20T13:27:00Z">
        <w:r w:rsidR="00837A42">
          <w:t xml:space="preserve">te IBT. </w:t>
        </w:r>
      </w:ins>
      <w:del w:id="415" w:author="Daveline, Dan" w:date="2021-12-20T13:27:00Z">
        <w:r w:rsidDel="00837A42">
          <w:delText xml:space="preserve">Therefore, while it is raised here for informational purposes, resolution of the issue is left unanswered for now and for the courts to determine in the future. </w:delText>
        </w:r>
      </w:del>
    </w:p>
    <w:p w14:paraId="1A199997" w14:textId="77777777" w:rsidR="00CF54CB" w:rsidRPr="00B078CA" w:rsidRDefault="00344004" w:rsidP="00B078CA">
      <w:pPr>
        <w:pStyle w:val="Heading2"/>
      </w:pPr>
      <w:r w:rsidRPr="00B078CA">
        <w:t>C.</w:t>
      </w:r>
      <w:r w:rsidRPr="00B078CA">
        <w:tab/>
        <w:t>Separate Issues in Long-Term Care</w:t>
      </w:r>
    </w:p>
    <w:p w14:paraId="6325FC49" w14:textId="6DDE889E" w:rsidR="00CF54CB" w:rsidRDefault="00344004">
      <w:pPr>
        <w:spacing w:after="0" w:line="242" w:lineRule="auto"/>
        <w:ind w:left="-11" w:right="59" w:firstLine="710"/>
        <w:jc w:val="left"/>
      </w:pPr>
      <w:r>
        <w:t>Long-tail liabilities are naturally subject to greater reserve uncertainty and may impact the regulator</w:t>
      </w:r>
      <w:sdt>
        <w:sdtPr>
          <w:tag w:val="goog_rdk_195"/>
          <w:id w:val="1689560841"/>
        </w:sdtPr>
        <w:sdtEndPr/>
        <w:sdtContent>
          <w:ins w:id="416" w:author="Daveline, Dan" w:date="2021-12-16T13:10:00Z">
            <w:r>
              <w:t>’</w:t>
            </w:r>
          </w:ins>
        </w:sdtContent>
      </w:sdt>
      <w:r>
        <w:t>s willingness to consider the restructuring of certain lines of business. During the Working Group’s discussion, it was noted by a number of regulators that restructuring of certain lines of business, such as long-term care</w:t>
      </w:r>
      <w:ins w:id="417" w:author="Daveline, Dan" w:date="2021-12-20T15:21:00Z">
        <w:r w:rsidR="001939EA">
          <w:t xml:space="preserve"> insurance</w:t>
        </w:r>
      </w:ins>
      <w:r>
        <w:t>, could be problematic since the specific line of business has presented significant challenges in determining appropriate reserving and capital required to support the business. The Working Group acknowledges that, regardless of whether some state laws would permit it, use of a corporate restructuring mechanism in certain lines, such as long-term care</w:t>
      </w:r>
      <w:ins w:id="418" w:author="Daveline, Dan" w:date="2021-12-20T15:21:00Z">
        <w:r w:rsidR="001939EA">
          <w:t xml:space="preserve"> insurance</w:t>
        </w:r>
      </w:ins>
      <w:r>
        <w:t>, is likely to be subject to a great deal of opposition</w:t>
      </w:r>
      <w:sdt>
        <w:sdtPr>
          <w:tag w:val="goog_rdk_196"/>
          <w:id w:val="1955597360"/>
        </w:sdtPr>
        <w:sdtEndPr/>
        <w:sdtContent>
          <w:ins w:id="419" w:author="Daveline, Dan" w:date="2021-12-16T13:11:00Z">
            <w:r>
              <w:t xml:space="preserve">. Even where permitted, it could be subject to </w:t>
            </w:r>
          </w:ins>
        </w:sdtContent>
      </w:sdt>
      <w:sdt>
        <w:sdtPr>
          <w:tag w:val="goog_rdk_197"/>
          <w:id w:val="-381175782"/>
        </w:sdtPr>
        <w:sdtEndPr/>
        <w:sdtContent>
          <w:del w:id="420" w:author="Daveline, Dan" w:date="2021-12-16T13:11:00Z">
            <w:r>
              <w:delText xml:space="preserve"> and </w:delText>
            </w:r>
          </w:del>
        </w:sdtContent>
      </w:sdt>
      <w:r>
        <w:t xml:space="preserve">higher capital requirements for the insurers involved.  </w:t>
      </w:r>
      <w:r>
        <w:rPr>
          <w:noProof/>
        </w:rPr>
        <mc:AlternateContent>
          <mc:Choice Requires="wpg">
            <w:drawing>
              <wp:anchor distT="0" distB="0" distL="0" distR="0" simplePos="0" relativeHeight="251671552" behindDoc="1" locked="0" layoutInCell="1" hidden="0" allowOverlap="1" wp14:anchorId="672D15CA" wp14:editId="681A388C">
                <wp:simplePos x="0" y="0"/>
                <wp:positionH relativeFrom="column">
                  <wp:posOffset>-12699</wp:posOffset>
                </wp:positionH>
                <wp:positionV relativeFrom="paragraph">
                  <wp:posOffset>-1638299</wp:posOffset>
                </wp:positionV>
                <wp:extent cx="6041149" cy="5442282"/>
                <wp:effectExtent l="0" t="0" r="0" b="0"/>
                <wp:wrapNone/>
                <wp:docPr id="117569" name="Group 117569" descr="P185#y1"/>
                <wp:cNvGraphicFramePr/>
                <a:graphic xmlns:a="http://schemas.openxmlformats.org/drawingml/2006/main">
                  <a:graphicData uri="http://schemas.microsoft.com/office/word/2010/wordprocessingGroup">
                    <wpg:wgp>
                      <wpg:cNvGrpSpPr/>
                      <wpg:grpSpPr>
                        <a:xfrm>
                          <a:off x="0" y="0"/>
                          <a:ext cx="6041149" cy="5442282"/>
                          <a:chOff x="2325426" y="1058859"/>
                          <a:chExt cx="6041149" cy="5442282"/>
                        </a:xfrm>
                      </wpg:grpSpPr>
                      <wpg:grpSp>
                        <wpg:cNvPr id="117570" name="Group 117570"/>
                        <wpg:cNvGrpSpPr/>
                        <wpg:grpSpPr>
                          <a:xfrm>
                            <a:off x="2325426" y="1058859"/>
                            <a:ext cx="6041149" cy="5442282"/>
                            <a:chOff x="0" y="0"/>
                            <a:chExt cx="6041149" cy="5442282"/>
                          </a:xfrm>
                        </wpg:grpSpPr>
                        <wps:wsp>
                          <wps:cNvPr id="117571" name="Rectangle 117571"/>
                          <wps:cNvSpPr/>
                          <wps:spPr>
                            <a:xfrm>
                              <a:off x="0" y="0"/>
                              <a:ext cx="6041125" cy="5442275"/>
                            </a:xfrm>
                            <a:prstGeom prst="rect">
                              <a:avLst/>
                            </a:prstGeom>
                            <a:noFill/>
                            <a:ln>
                              <a:noFill/>
                            </a:ln>
                          </wps:spPr>
                          <wps:txbx>
                            <w:txbxContent>
                              <w:p w14:paraId="213E23F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72" name="Freeform: Shape 117572"/>
                          <wps:cNvSpPr/>
                          <wps:spPr>
                            <a:xfrm>
                              <a:off x="431072" y="3484466"/>
                              <a:ext cx="1000596" cy="1472664"/>
                            </a:xfrm>
                            <a:custGeom>
                              <a:avLst/>
                              <a:gdLst/>
                              <a:ahLst/>
                              <a:cxnLst/>
                              <a:rect l="l" t="t" r="r" b="b"/>
                              <a:pathLst>
                                <a:path w="1000596" h="1472664" extrusionOk="0">
                                  <a:moveTo>
                                    <a:pt x="639526" y="592"/>
                                  </a:moveTo>
                                  <a:cubicBezTo>
                                    <a:pt x="688638" y="1184"/>
                                    <a:pt x="739197" y="7756"/>
                                    <a:pt x="791032" y="20837"/>
                                  </a:cubicBezTo>
                                  <a:cubicBezTo>
                                    <a:pt x="843153" y="34890"/>
                                    <a:pt x="896506" y="53877"/>
                                    <a:pt x="950816" y="78416"/>
                                  </a:cubicBezTo>
                                  <a:lnTo>
                                    <a:pt x="1000596" y="103292"/>
                                  </a:lnTo>
                                  <a:lnTo>
                                    <a:pt x="1000596" y="330497"/>
                                  </a:lnTo>
                                  <a:lnTo>
                                    <a:pt x="954591" y="304878"/>
                                  </a:lnTo>
                                  <a:cubicBezTo>
                                    <a:pt x="913406" y="283927"/>
                                    <a:pt x="872750" y="267167"/>
                                    <a:pt x="832777" y="254238"/>
                                  </a:cubicBezTo>
                                  <a:cubicBezTo>
                                    <a:pt x="772874" y="234893"/>
                                    <a:pt x="715315" y="227570"/>
                                    <a:pt x="659761" y="230085"/>
                                  </a:cubicBezTo>
                                  <a:cubicBezTo>
                                    <a:pt x="641243" y="230923"/>
                                    <a:pt x="622948" y="232854"/>
                                    <a:pt x="604863" y="235798"/>
                                  </a:cubicBezTo>
                                  <a:cubicBezTo>
                                    <a:pt x="532460" y="247507"/>
                                    <a:pt x="463931" y="288134"/>
                                    <a:pt x="397827" y="354238"/>
                                  </a:cubicBezTo>
                                  <a:cubicBezTo>
                                    <a:pt x="354521" y="397545"/>
                                    <a:pt x="311150" y="440915"/>
                                    <a:pt x="267792" y="484273"/>
                                  </a:cubicBezTo>
                                  <a:lnTo>
                                    <a:pt x="1000596" y="1217085"/>
                                  </a:lnTo>
                                  <a:lnTo>
                                    <a:pt x="1000596" y="1472664"/>
                                  </a:lnTo>
                                  <a:lnTo>
                                    <a:pt x="52705" y="524773"/>
                                  </a:lnTo>
                                  <a:cubicBezTo>
                                    <a:pt x="21615" y="493684"/>
                                    <a:pt x="5537" y="466887"/>
                                    <a:pt x="2553" y="443341"/>
                                  </a:cubicBezTo>
                                  <a:cubicBezTo>
                                    <a:pt x="0" y="421725"/>
                                    <a:pt x="5410" y="404580"/>
                                    <a:pt x="16574" y="393430"/>
                                  </a:cubicBezTo>
                                  <a:cubicBezTo>
                                    <a:pt x="89090" y="320913"/>
                                    <a:pt x="161684" y="248320"/>
                                    <a:pt x="234201" y="175790"/>
                                  </a:cubicBezTo>
                                  <a:cubicBezTo>
                                    <a:pt x="317449" y="92554"/>
                                    <a:pt x="404609" y="37906"/>
                                    <a:pt x="496697" y="16227"/>
                                  </a:cubicBezTo>
                                  <a:cubicBezTo>
                                    <a:pt x="542747" y="5388"/>
                                    <a:pt x="590414" y="0"/>
                                    <a:pt x="639526" y="592"/>
                                  </a:cubicBezTo>
                                  <a:close/>
                                </a:path>
                              </a:pathLst>
                            </a:custGeom>
                            <a:solidFill>
                              <a:srgbClr val="C0C0C0">
                                <a:alpha val="49803"/>
                              </a:srgbClr>
                            </a:solidFill>
                            <a:ln>
                              <a:noFill/>
                            </a:ln>
                          </wps:spPr>
                          <wps:txbx>
                            <w:txbxContent>
                              <w:p w14:paraId="6ECFF3E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73" name="Freeform: Shape 117573"/>
                          <wps:cNvSpPr/>
                          <wps:spPr>
                            <a:xfrm>
                              <a:off x="1431668" y="3587758"/>
                              <a:ext cx="959243" cy="1854524"/>
                            </a:xfrm>
                            <a:custGeom>
                              <a:avLst/>
                              <a:gdLst/>
                              <a:ahLst/>
                              <a:cxnLst/>
                              <a:rect l="l" t="t" r="r" b="b"/>
                              <a:pathLst>
                                <a:path w="959243" h="1854524" extrusionOk="0">
                                  <a:moveTo>
                                    <a:pt x="0" y="0"/>
                                  </a:moveTo>
                                  <a:lnTo>
                                    <a:pt x="32368" y="16175"/>
                                  </a:lnTo>
                                  <a:cubicBezTo>
                                    <a:pt x="59967" y="31299"/>
                                    <a:pt x="87772" y="47889"/>
                                    <a:pt x="115747" y="66021"/>
                                  </a:cubicBezTo>
                                  <a:cubicBezTo>
                                    <a:pt x="227583" y="138487"/>
                                    <a:pt x="342785" y="233623"/>
                                    <a:pt x="458863" y="349701"/>
                                  </a:cubicBezTo>
                                  <a:cubicBezTo>
                                    <a:pt x="592822" y="483660"/>
                                    <a:pt x="699172" y="611575"/>
                                    <a:pt x="777366" y="732136"/>
                                  </a:cubicBezTo>
                                  <a:cubicBezTo>
                                    <a:pt x="856817" y="853815"/>
                                    <a:pt x="907401" y="967340"/>
                                    <a:pt x="933322" y="1073766"/>
                                  </a:cubicBezTo>
                                  <a:cubicBezTo>
                                    <a:pt x="959243" y="1180179"/>
                                    <a:pt x="957185" y="1280928"/>
                                    <a:pt x="930833" y="1372953"/>
                                  </a:cubicBezTo>
                                  <a:cubicBezTo>
                                    <a:pt x="904467" y="1464863"/>
                                    <a:pt x="849832" y="1552022"/>
                                    <a:pt x="767396" y="1634458"/>
                                  </a:cubicBezTo>
                                  <a:cubicBezTo>
                                    <a:pt x="699553" y="1702302"/>
                                    <a:pt x="631697" y="1770158"/>
                                    <a:pt x="563841" y="1838013"/>
                                  </a:cubicBezTo>
                                  <a:cubicBezTo>
                                    <a:pt x="552690" y="1849165"/>
                                    <a:pt x="535494" y="1854524"/>
                                    <a:pt x="512749" y="1850841"/>
                                  </a:cubicBezTo>
                                  <a:cubicBezTo>
                                    <a:pt x="490384" y="1849038"/>
                                    <a:pt x="463587" y="1832959"/>
                                    <a:pt x="432497" y="1801870"/>
                                  </a:cubicBezTo>
                                  <a:lnTo>
                                    <a:pt x="0" y="1369372"/>
                                  </a:lnTo>
                                  <a:lnTo>
                                    <a:pt x="0" y="1113793"/>
                                  </a:lnTo>
                                  <a:lnTo>
                                    <a:pt x="471753" y="1585551"/>
                                  </a:lnTo>
                                  <a:cubicBezTo>
                                    <a:pt x="515619" y="1541685"/>
                                    <a:pt x="559485" y="1497819"/>
                                    <a:pt x="603287" y="1454017"/>
                                  </a:cubicBezTo>
                                  <a:cubicBezTo>
                                    <a:pt x="664971" y="1392333"/>
                                    <a:pt x="704849" y="1329277"/>
                                    <a:pt x="721486" y="1261675"/>
                                  </a:cubicBezTo>
                                  <a:cubicBezTo>
                                    <a:pt x="738123" y="1194073"/>
                                    <a:pt x="737247" y="1122051"/>
                                    <a:pt x="713320" y="1042550"/>
                                  </a:cubicBezTo>
                                  <a:cubicBezTo>
                                    <a:pt x="689520" y="963047"/>
                                    <a:pt x="648651" y="877691"/>
                                    <a:pt x="584656" y="786035"/>
                                  </a:cubicBezTo>
                                  <a:cubicBezTo>
                                    <a:pt x="521918" y="695623"/>
                                    <a:pt x="438047" y="597808"/>
                                    <a:pt x="332751" y="492512"/>
                                  </a:cubicBezTo>
                                  <a:cubicBezTo>
                                    <a:pt x="249020" y="408768"/>
                                    <a:pt x="164400" y="337991"/>
                                    <a:pt x="78980" y="277361"/>
                                  </a:cubicBezTo>
                                  <a:cubicBezTo>
                                    <a:pt x="57936" y="262518"/>
                                    <a:pt x="36986" y="248812"/>
                                    <a:pt x="16149" y="236197"/>
                                  </a:cubicBezTo>
                                  <a:lnTo>
                                    <a:pt x="0" y="227205"/>
                                  </a:lnTo>
                                  <a:lnTo>
                                    <a:pt x="0" y="0"/>
                                  </a:lnTo>
                                  <a:close/>
                                </a:path>
                              </a:pathLst>
                            </a:custGeom>
                            <a:solidFill>
                              <a:srgbClr val="C0C0C0">
                                <a:alpha val="49803"/>
                              </a:srgbClr>
                            </a:solidFill>
                            <a:ln>
                              <a:noFill/>
                            </a:ln>
                          </wps:spPr>
                          <wps:txbx>
                            <w:txbxContent>
                              <w:p w14:paraId="55D6EE3F"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74" name="Freeform: Shape 117574"/>
                          <wps:cNvSpPr/>
                          <wps:spPr>
                            <a:xfrm>
                              <a:off x="1367226" y="2590207"/>
                              <a:ext cx="628690" cy="1058861"/>
                            </a:xfrm>
                            <a:custGeom>
                              <a:avLst/>
                              <a:gdLst/>
                              <a:ahLst/>
                              <a:cxnLst/>
                              <a:rect l="l" t="t" r="r" b="b"/>
                              <a:pathLst>
                                <a:path w="628690" h="1058861" extrusionOk="0">
                                  <a:moveTo>
                                    <a:pt x="559321" y="2040"/>
                                  </a:moveTo>
                                  <a:cubicBezTo>
                                    <a:pt x="572297" y="3060"/>
                                    <a:pt x="585367" y="4730"/>
                                    <a:pt x="598565" y="7135"/>
                                  </a:cubicBezTo>
                                  <a:lnTo>
                                    <a:pt x="628690" y="14286"/>
                                  </a:lnTo>
                                  <a:lnTo>
                                    <a:pt x="628690" y="238084"/>
                                  </a:lnTo>
                                  <a:lnTo>
                                    <a:pt x="623625" y="236432"/>
                                  </a:lnTo>
                                  <a:cubicBezTo>
                                    <a:pt x="609005" y="233143"/>
                                    <a:pt x="594429" y="231336"/>
                                    <a:pt x="579896" y="230970"/>
                                  </a:cubicBezTo>
                                  <a:cubicBezTo>
                                    <a:pt x="550831" y="230238"/>
                                    <a:pt x="521938" y="235271"/>
                                    <a:pt x="493217" y="245742"/>
                                  </a:cubicBezTo>
                                  <a:cubicBezTo>
                                    <a:pt x="474523" y="252219"/>
                                    <a:pt x="457632" y="262252"/>
                                    <a:pt x="439636" y="275396"/>
                                  </a:cubicBezTo>
                                  <a:cubicBezTo>
                                    <a:pt x="421627" y="288541"/>
                                    <a:pt x="399631" y="308175"/>
                                    <a:pt x="374332" y="333461"/>
                                  </a:cubicBezTo>
                                  <a:cubicBezTo>
                                    <a:pt x="338442" y="369351"/>
                                    <a:pt x="302489" y="405304"/>
                                    <a:pt x="266611" y="441194"/>
                                  </a:cubicBezTo>
                                  <a:lnTo>
                                    <a:pt x="628690" y="803273"/>
                                  </a:lnTo>
                                  <a:lnTo>
                                    <a:pt x="628690" y="1058861"/>
                                  </a:lnTo>
                                  <a:lnTo>
                                    <a:pt x="52705" y="482876"/>
                                  </a:lnTo>
                                  <a:cubicBezTo>
                                    <a:pt x="21615" y="451786"/>
                                    <a:pt x="5537" y="424990"/>
                                    <a:pt x="2553" y="401444"/>
                                  </a:cubicBezTo>
                                  <a:cubicBezTo>
                                    <a:pt x="0" y="379828"/>
                                    <a:pt x="5359" y="362747"/>
                                    <a:pt x="16510" y="351596"/>
                                  </a:cubicBezTo>
                                  <a:cubicBezTo>
                                    <a:pt x="84607" y="283499"/>
                                    <a:pt x="152705" y="215401"/>
                                    <a:pt x="220815" y="147291"/>
                                  </a:cubicBezTo>
                                  <a:cubicBezTo>
                                    <a:pt x="245364" y="122742"/>
                                    <a:pt x="266611" y="103870"/>
                                    <a:pt x="284112" y="88731"/>
                                  </a:cubicBezTo>
                                  <a:cubicBezTo>
                                    <a:pt x="302247" y="75574"/>
                                    <a:pt x="319316" y="62989"/>
                                    <a:pt x="334454" y="52841"/>
                                  </a:cubicBezTo>
                                  <a:cubicBezTo>
                                    <a:pt x="382499" y="26730"/>
                                    <a:pt x="430479" y="8785"/>
                                    <a:pt x="482308" y="3058"/>
                                  </a:cubicBezTo>
                                  <a:cubicBezTo>
                                    <a:pt x="507791" y="562"/>
                                    <a:pt x="533368" y="0"/>
                                    <a:pt x="559321" y="2040"/>
                                  </a:cubicBezTo>
                                  <a:close/>
                                </a:path>
                              </a:pathLst>
                            </a:custGeom>
                            <a:solidFill>
                              <a:srgbClr val="C0C0C0">
                                <a:alpha val="49803"/>
                              </a:srgbClr>
                            </a:solidFill>
                            <a:ln>
                              <a:noFill/>
                            </a:ln>
                          </wps:spPr>
                          <wps:txbx>
                            <w:txbxContent>
                              <w:p w14:paraId="6A94249F"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75" name="Freeform: Shape 117575"/>
                          <wps:cNvSpPr/>
                          <wps:spPr>
                            <a:xfrm>
                              <a:off x="1995916" y="2604493"/>
                              <a:ext cx="1516569" cy="1918460"/>
                            </a:xfrm>
                            <a:custGeom>
                              <a:avLst/>
                              <a:gdLst/>
                              <a:ahLst/>
                              <a:cxnLst/>
                              <a:rect l="l" t="t" r="r" b="b"/>
                              <a:pathLst>
                                <a:path w="1516569" h="1918460" extrusionOk="0">
                                  <a:moveTo>
                                    <a:pt x="0" y="0"/>
                                  </a:moveTo>
                                  <a:lnTo>
                                    <a:pt x="9892" y="2348"/>
                                  </a:lnTo>
                                  <a:cubicBezTo>
                                    <a:pt x="63714" y="18172"/>
                                    <a:pt x="117118" y="40918"/>
                                    <a:pt x="170890" y="75742"/>
                                  </a:cubicBezTo>
                                  <a:cubicBezTo>
                                    <a:pt x="224661" y="110577"/>
                                    <a:pt x="278370" y="154939"/>
                                    <a:pt x="332192" y="208774"/>
                                  </a:cubicBezTo>
                                  <a:cubicBezTo>
                                    <a:pt x="383602" y="260171"/>
                                    <a:pt x="425652" y="311453"/>
                                    <a:pt x="458303" y="360171"/>
                                  </a:cubicBezTo>
                                  <a:cubicBezTo>
                                    <a:pt x="491450" y="410767"/>
                                    <a:pt x="514133" y="459611"/>
                                    <a:pt x="529271" y="506906"/>
                                  </a:cubicBezTo>
                                  <a:cubicBezTo>
                                    <a:pt x="545590" y="555382"/>
                                    <a:pt x="552944" y="602359"/>
                                    <a:pt x="553134" y="648156"/>
                                  </a:cubicBezTo>
                                  <a:cubicBezTo>
                                    <a:pt x="553261" y="693889"/>
                                    <a:pt x="547521" y="739367"/>
                                    <a:pt x="535189" y="783233"/>
                                  </a:cubicBezTo>
                                  <a:cubicBezTo>
                                    <a:pt x="561542" y="778687"/>
                                    <a:pt x="590764" y="777632"/>
                                    <a:pt x="620114" y="782052"/>
                                  </a:cubicBezTo>
                                  <a:cubicBezTo>
                                    <a:pt x="650645" y="787653"/>
                                    <a:pt x="683792" y="794765"/>
                                    <a:pt x="718742" y="807909"/>
                                  </a:cubicBezTo>
                                  <a:cubicBezTo>
                                    <a:pt x="753692" y="820927"/>
                                    <a:pt x="791831" y="837500"/>
                                    <a:pt x="832445" y="859179"/>
                                  </a:cubicBezTo>
                                  <a:cubicBezTo>
                                    <a:pt x="873073" y="880871"/>
                                    <a:pt x="918437" y="904670"/>
                                    <a:pt x="967472" y="934757"/>
                                  </a:cubicBezTo>
                                  <a:cubicBezTo>
                                    <a:pt x="1109470" y="1020304"/>
                                    <a:pt x="1252587" y="1103857"/>
                                    <a:pt x="1394522" y="1189468"/>
                                  </a:cubicBezTo>
                                  <a:cubicBezTo>
                                    <a:pt x="1429904" y="1211655"/>
                                    <a:pt x="1454771" y="1227289"/>
                                    <a:pt x="1467725" y="1235886"/>
                                  </a:cubicBezTo>
                                  <a:cubicBezTo>
                                    <a:pt x="1481872" y="1245666"/>
                                    <a:pt x="1492274" y="1254454"/>
                                    <a:pt x="1498256" y="1260436"/>
                                  </a:cubicBezTo>
                                  <a:cubicBezTo>
                                    <a:pt x="1504237" y="1266417"/>
                                    <a:pt x="1509406" y="1273212"/>
                                    <a:pt x="1512772" y="1279435"/>
                                  </a:cubicBezTo>
                                  <a:cubicBezTo>
                                    <a:pt x="1516137" y="1285670"/>
                                    <a:pt x="1516569" y="1292211"/>
                                    <a:pt x="1515083" y="1301063"/>
                                  </a:cubicBezTo>
                                  <a:cubicBezTo>
                                    <a:pt x="1513521" y="1309851"/>
                                    <a:pt x="1509101" y="1318881"/>
                                    <a:pt x="1501431" y="1329041"/>
                                  </a:cubicBezTo>
                                  <a:cubicBezTo>
                                    <a:pt x="1493709" y="1339125"/>
                                    <a:pt x="1482990" y="1352218"/>
                                    <a:pt x="1468157" y="1367039"/>
                                  </a:cubicBezTo>
                                  <a:cubicBezTo>
                                    <a:pt x="1455507" y="1379689"/>
                                    <a:pt x="1443925" y="1388909"/>
                                    <a:pt x="1434578" y="1395894"/>
                                  </a:cubicBezTo>
                                  <a:cubicBezTo>
                                    <a:pt x="1425167" y="1402802"/>
                                    <a:pt x="1416137" y="1407235"/>
                                    <a:pt x="1406104" y="1407540"/>
                                  </a:cubicBezTo>
                                  <a:cubicBezTo>
                                    <a:pt x="1397316" y="1409102"/>
                                    <a:pt x="1388782" y="1408162"/>
                                    <a:pt x="1380615" y="1404365"/>
                                  </a:cubicBezTo>
                                  <a:cubicBezTo>
                                    <a:pt x="1371713" y="1401304"/>
                                    <a:pt x="1361057" y="1395271"/>
                                    <a:pt x="1349284" y="1387854"/>
                                  </a:cubicBezTo>
                                  <a:cubicBezTo>
                                    <a:pt x="1198625" y="1295018"/>
                                    <a:pt x="1046656" y="1204238"/>
                                    <a:pt x="896009" y="1111401"/>
                                  </a:cubicBezTo>
                                  <a:cubicBezTo>
                                    <a:pt x="843913" y="1079753"/>
                                    <a:pt x="794942" y="1052334"/>
                                    <a:pt x="749209" y="1028533"/>
                                  </a:cubicBezTo>
                                  <a:cubicBezTo>
                                    <a:pt x="703604" y="1004734"/>
                                    <a:pt x="660055" y="988846"/>
                                    <a:pt x="619428" y="979003"/>
                                  </a:cubicBezTo>
                                  <a:cubicBezTo>
                                    <a:pt x="578737" y="969097"/>
                                    <a:pt x="541730" y="968475"/>
                                    <a:pt x="506589" y="974571"/>
                                  </a:cubicBezTo>
                                  <a:cubicBezTo>
                                    <a:pt x="472565" y="981925"/>
                                    <a:pt x="440104" y="1000314"/>
                                    <a:pt x="411135" y="1029283"/>
                                  </a:cubicBezTo>
                                  <a:cubicBezTo>
                                    <a:pt x="382662" y="1057756"/>
                                    <a:pt x="354189" y="1086229"/>
                                    <a:pt x="325715" y="1114703"/>
                                  </a:cubicBezTo>
                                  <a:cubicBezTo>
                                    <a:pt x="545463" y="1334464"/>
                                    <a:pt x="765161" y="1554149"/>
                                    <a:pt x="984845" y="1773846"/>
                                  </a:cubicBezTo>
                                  <a:cubicBezTo>
                                    <a:pt x="990827" y="1779827"/>
                                    <a:pt x="996059" y="1786546"/>
                                    <a:pt x="998625" y="1793594"/>
                                  </a:cubicBezTo>
                                  <a:cubicBezTo>
                                    <a:pt x="1001241" y="1800566"/>
                                    <a:pt x="1000987" y="1807793"/>
                                    <a:pt x="998929" y="1814714"/>
                                  </a:cubicBezTo>
                                  <a:cubicBezTo>
                                    <a:pt x="997495" y="1823503"/>
                                    <a:pt x="993761" y="1831846"/>
                                    <a:pt x="988020" y="1842439"/>
                                  </a:cubicBezTo>
                                  <a:cubicBezTo>
                                    <a:pt x="981048" y="1851785"/>
                                    <a:pt x="971828" y="1863381"/>
                                    <a:pt x="959242" y="1875966"/>
                                  </a:cubicBezTo>
                                  <a:cubicBezTo>
                                    <a:pt x="946593" y="1888616"/>
                                    <a:pt x="935747" y="1897087"/>
                                    <a:pt x="926400" y="1904059"/>
                                  </a:cubicBezTo>
                                  <a:cubicBezTo>
                                    <a:pt x="915808" y="1909799"/>
                                    <a:pt x="906778" y="1914219"/>
                                    <a:pt x="897927" y="1915717"/>
                                  </a:cubicBezTo>
                                  <a:cubicBezTo>
                                    <a:pt x="890332" y="1918460"/>
                                    <a:pt x="883791" y="1918016"/>
                                    <a:pt x="876807" y="1915400"/>
                                  </a:cubicBezTo>
                                  <a:cubicBezTo>
                                    <a:pt x="869834" y="1912784"/>
                                    <a:pt x="863040" y="1907615"/>
                                    <a:pt x="857058" y="1901633"/>
                                  </a:cubicBezTo>
                                  <a:lnTo>
                                    <a:pt x="0" y="1044575"/>
                                  </a:lnTo>
                                  <a:lnTo>
                                    <a:pt x="0" y="788988"/>
                                  </a:lnTo>
                                  <a:lnTo>
                                    <a:pt x="159485" y="948473"/>
                                  </a:lnTo>
                                  <a:cubicBezTo>
                                    <a:pt x="201103" y="906855"/>
                                    <a:pt x="242721" y="865237"/>
                                    <a:pt x="284275" y="823670"/>
                                  </a:cubicBezTo>
                                  <a:cubicBezTo>
                                    <a:pt x="317740" y="790218"/>
                                    <a:pt x="340600" y="753388"/>
                                    <a:pt x="351572" y="715631"/>
                                  </a:cubicBezTo>
                                  <a:cubicBezTo>
                                    <a:pt x="362660" y="677874"/>
                                    <a:pt x="365530" y="639863"/>
                                    <a:pt x="357491" y="599680"/>
                                  </a:cubicBezTo>
                                  <a:cubicBezTo>
                                    <a:pt x="350760" y="560678"/>
                                    <a:pt x="335748" y="521118"/>
                                    <a:pt x="311453" y="480744"/>
                                  </a:cubicBezTo>
                                  <a:cubicBezTo>
                                    <a:pt x="286396" y="441108"/>
                                    <a:pt x="255497" y="402601"/>
                                    <a:pt x="218426" y="365530"/>
                                  </a:cubicBezTo>
                                  <a:cubicBezTo>
                                    <a:pt x="157428" y="304532"/>
                                    <a:pt x="97737" y="261669"/>
                                    <a:pt x="38924" y="236498"/>
                                  </a:cubicBezTo>
                                  <a:lnTo>
                                    <a:pt x="0" y="223799"/>
                                  </a:lnTo>
                                  <a:lnTo>
                                    <a:pt x="0" y="0"/>
                                  </a:lnTo>
                                  <a:close/>
                                </a:path>
                              </a:pathLst>
                            </a:custGeom>
                            <a:solidFill>
                              <a:srgbClr val="C0C0C0">
                                <a:alpha val="49803"/>
                              </a:srgbClr>
                            </a:solidFill>
                            <a:ln>
                              <a:noFill/>
                            </a:ln>
                          </wps:spPr>
                          <wps:txbx>
                            <w:txbxContent>
                              <w:p w14:paraId="575E6530"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76" name="Freeform: Shape 117576"/>
                          <wps:cNvSpPr/>
                          <wps:spPr>
                            <a:xfrm>
                              <a:off x="2409177" y="1786690"/>
                              <a:ext cx="734403" cy="1318044"/>
                            </a:xfrm>
                            <a:custGeom>
                              <a:avLst/>
                              <a:gdLst/>
                              <a:ahLst/>
                              <a:cxnLst/>
                              <a:rect l="l" t="t" r="r" b="b"/>
                              <a:pathLst>
                                <a:path w="734403" h="1318044" extrusionOk="0">
                                  <a:moveTo>
                                    <a:pt x="143118" y="343"/>
                                  </a:moveTo>
                                  <a:cubicBezTo>
                                    <a:pt x="147619" y="0"/>
                                    <a:pt x="152025" y="327"/>
                                    <a:pt x="156820" y="1508"/>
                                  </a:cubicBezTo>
                                  <a:cubicBezTo>
                                    <a:pt x="166548" y="3870"/>
                                    <a:pt x="177203" y="9916"/>
                                    <a:pt x="187732" y="16088"/>
                                  </a:cubicBezTo>
                                  <a:lnTo>
                                    <a:pt x="734403" y="362456"/>
                                  </a:lnTo>
                                  <a:lnTo>
                                    <a:pt x="734403" y="577667"/>
                                  </a:lnTo>
                                  <a:lnTo>
                                    <a:pt x="265049" y="276095"/>
                                  </a:lnTo>
                                  <a:cubicBezTo>
                                    <a:pt x="264795" y="276336"/>
                                    <a:pt x="264554" y="276590"/>
                                    <a:pt x="264300" y="276844"/>
                                  </a:cubicBezTo>
                                  <a:cubicBezTo>
                                    <a:pt x="365894" y="432641"/>
                                    <a:pt x="466550" y="589061"/>
                                    <a:pt x="567214" y="745472"/>
                                  </a:cubicBezTo>
                                  <a:lnTo>
                                    <a:pt x="734403" y="1004067"/>
                                  </a:lnTo>
                                  <a:lnTo>
                                    <a:pt x="734403" y="1318044"/>
                                  </a:lnTo>
                                  <a:lnTo>
                                    <a:pt x="574148" y="1065135"/>
                                  </a:lnTo>
                                  <a:cubicBezTo>
                                    <a:pt x="388880" y="771360"/>
                                    <a:pt x="203613" y="477586"/>
                                    <a:pt x="16447" y="184998"/>
                                  </a:cubicBezTo>
                                  <a:cubicBezTo>
                                    <a:pt x="10224" y="174406"/>
                                    <a:pt x="5423" y="164995"/>
                                    <a:pt x="3048" y="155280"/>
                                  </a:cubicBezTo>
                                  <a:cubicBezTo>
                                    <a:pt x="0" y="146377"/>
                                    <a:pt x="1054" y="138338"/>
                                    <a:pt x="4051" y="127988"/>
                                  </a:cubicBezTo>
                                  <a:cubicBezTo>
                                    <a:pt x="6287" y="118526"/>
                                    <a:pt x="12217" y="107985"/>
                                    <a:pt x="20625" y="97088"/>
                                  </a:cubicBezTo>
                                  <a:cubicBezTo>
                                    <a:pt x="29032" y="86179"/>
                                    <a:pt x="40996" y="74343"/>
                                    <a:pt x="55829" y="59522"/>
                                  </a:cubicBezTo>
                                  <a:cubicBezTo>
                                    <a:pt x="71463" y="43875"/>
                                    <a:pt x="84735" y="30477"/>
                                    <a:pt x="96393" y="21320"/>
                                  </a:cubicBezTo>
                                  <a:cubicBezTo>
                                    <a:pt x="108039" y="12164"/>
                                    <a:pt x="118567" y="6245"/>
                                    <a:pt x="128854" y="3197"/>
                                  </a:cubicBezTo>
                                  <a:cubicBezTo>
                                    <a:pt x="134023" y="1698"/>
                                    <a:pt x="138617" y="686"/>
                                    <a:pt x="143118" y="343"/>
                                  </a:cubicBezTo>
                                  <a:close/>
                                </a:path>
                              </a:pathLst>
                            </a:custGeom>
                            <a:solidFill>
                              <a:srgbClr val="C0C0C0">
                                <a:alpha val="49803"/>
                              </a:srgbClr>
                            </a:solidFill>
                            <a:ln>
                              <a:noFill/>
                            </a:ln>
                          </wps:spPr>
                          <wps:txbx>
                            <w:txbxContent>
                              <w:p w14:paraId="0F7923ED"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77" name="Freeform: Shape 117577"/>
                          <wps:cNvSpPr/>
                          <wps:spPr>
                            <a:xfrm>
                              <a:off x="3143580" y="2149147"/>
                              <a:ext cx="1283754" cy="1652916"/>
                            </a:xfrm>
                            <a:custGeom>
                              <a:avLst/>
                              <a:gdLst/>
                              <a:ahLst/>
                              <a:cxnLst/>
                              <a:rect l="l" t="t" r="r" b="b"/>
                              <a:pathLst>
                                <a:path w="1283754" h="1652916" extrusionOk="0">
                                  <a:moveTo>
                                    <a:pt x="0" y="0"/>
                                  </a:moveTo>
                                  <a:lnTo>
                                    <a:pt x="333496" y="211301"/>
                                  </a:lnTo>
                                  <a:cubicBezTo>
                                    <a:pt x="627269" y="396569"/>
                                    <a:pt x="921042" y="581837"/>
                                    <a:pt x="1213663" y="768971"/>
                                  </a:cubicBezTo>
                                  <a:cubicBezTo>
                                    <a:pt x="1235215" y="783296"/>
                                    <a:pt x="1250671" y="794142"/>
                                    <a:pt x="1262202" y="804175"/>
                                  </a:cubicBezTo>
                                  <a:cubicBezTo>
                                    <a:pt x="1272984" y="814958"/>
                                    <a:pt x="1278953" y="825549"/>
                                    <a:pt x="1281392" y="835201"/>
                                  </a:cubicBezTo>
                                  <a:cubicBezTo>
                                    <a:pt x="1283754" y="844917"/>
                                    <a:pt x="1280516" y="855140"/>
                                    <a:pt x="1272794" y="865364"/>
                                  </a:cubicBezTo>
                                  <a:cubicBezTo>
                                    <a:pt x="1264374" y="876133"/>
                                    <a:pt x="1253668" y="889227"/>
                                    <a:pt x="1238021" y="904861"/>
                                  </a:cubicBezTo>
                                  <a:cubicBezTo>
                                    <a:pt x="1222451" y="920444"/>
                                    <a:pt x="1210615" y="932395"/>
                                    <a:pt x="1200455" y="940065"/>
                                  </a:cubicBezTo>
                                  <a:cubicBezTo>
                                    <a:pt x="1189546" y="948473"/>
                                    <a:pt x="1180516" y="952905"/>
                                    <a:pt x="1172477" y="953705"/>
                                  </a:cubicBezTo>
                                  <a:cubicBezTo>
                                    <a:pt x="1164882" y="956448"/>
                                    <a:pt x="1158265" y="955953"/>
                                    <a:pt x="1151293" y="953337"/>
                                  </a:cubicBezTo>
                                  <a:cubicBezTo>
                                    <a:pt x="1144321" y="950721"/>
                                    <a:pt x="1136028" y="947038"/>
                                    <a:pt x="1126681" y="942059"/>
                                  </a:cubicBezTo>
                                  <a:cubicBezTo>
                                    <a:pt x="973976" y="843304"/>
                                    <a:pt x="820077" y="746479"/>
                                    <a:pt x="667360" y="647724"/>
                                  </a:cubicBezTo>
                                  <a:cubicBezTo>
                                    <a:pt x="534149" y="780934"/>
                                    <a:pt x="400876" y="914208"/>
                                    <a:pt x="267665" y="1047418"/>
                                  </a:cubicBezTo>
                                  <a:cubicBezTo>
                                    <a:pt x="366039" y="1197266"/>
                                    <a:pt x="462559" y="1348358"/>
                                    <a:pt x="560934" y="1498205"/>
                                  </a:cubicBezTo>
                                  <a:cubicBezTo>
                                    <a:pt x="566738" y="1506866"/>
                                    <a:pt x="570344" y="1515096"/>
                                    <a:pt x="572960" y="1522068"/>
                                  </a:cubicBezTo>
                                  <a:cubicBezTo>
                                    <a:pt x="576707" y="1530298"/>
                                    <a:pt x="576516" y="1537588"/>
                                    <a:pt x="575704" y="1545627"/>
                                  </a:cubicBezTo>
                                  <a:cubicBezTo>
                                    <a:pt x="575399" y="1555647"/>
                                    <a:pt x="570967" y="1564689"/>
                                    <a:pt x="564058" y="1574100"/>
                                  </a:cubicBezTo>
                                  <a:cubicBezTo>
                                    <a:pt x="556323" y="1584184"/>
                                    <a:pt x="546354" y="1596528"/>
                                    <a:pt x="532219" y="1610676"/>
                                  </a:cubicBezTo>
                                  <a:cubicBezTo>
                                    <a:pt x="518135" y="1624748"/>
                                    <a:pt x="505054" y="1635467"/>
                                    <a:pt x="494957" y="1643188"/>
                                  </a:cubicBezTo>
                                  <a:cubicBezTo>
                                    <a:pt x="482867" y="1650427"/>
                                    <a:pt x="473278" y="1652916"/>
                                    <a:pt x="463677" y="1650542"/>
                                  </a:cubicBezTo>
                                  <a:cubicBezTo>
                                    <a:pt x="453961" y="1648179"/>
                                    <a:pt x="443370" y="1642070"/>
                                    <a:pt x="433337" y="1630666"/>
                                  </a:cubicBezTo>
                                  <a:cubicBezTo>
                                    <a:pt x="422554" y="1619897"/>
                                    <a:pt x="411709" y="1604441"/>
                                    <a:pt x="397446" y="1582825"/>
                                  </a:cubicBezTo>
                                  <a:lnTo>
                                    <a:pt x="0" y="955588"/>
                                  </a:lnTo>
                                  <a:lnTo>
                                    <a:pt x="0" y="641610"/>
                                  </a:lnTo>
                                  <a:lnTo>
                                    <a:pt x="135763" y="851597"/>
                                  </a:lnTo>
                                  <a:cubicBezTo>
                                    <a:pt x="247167" y="740193"/>
                                    <a:pt x="358635" y="628725"/>
                                    <a:pt x="470103" y="517257"/>
                                  </a:cubicBezTo>
                                  <a:cubicBezTo>
                                    <a:pt x="313963" y="416006"/>
                                    <a:pt x="157185" y="315740"/>
                                    <a:pt x="398" y="215467"/>
                                  </a:cubicBezTo>
                                  <a:lnTo>
                                    <a:pt x="0" y="215211"/>
                                  </a:lnTo>
                                  <a:lnTo>
                                    <a:pt x="0" y="0"/>
                                  </a:lnTo>
                                  <a:close/>
                                </a:path>
                              </a:pathLst>
                            </a:custGeom>
                            <a:solidFill>
                              <a:srgbClr val="C0C0C0">
                                <a:alpha val="49803"/>
                              </a:srgbClr>
                            </a:solidFill>
                            <a:ln>
                              <a:noFill/>
                            </a:ln>
                          </wps:spPr>
                          <wps:txbx>
                            <w:txbxContent>
                              <w:p w14:paraId="55EF6D22"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78" name="Freeform: Shape 117578"/>
                          <wps:cNvSpPr/>
                          <wps:spPr>
                            <a:xfrm>
                              <a:off x="3073803" y="797215"/>
                              <a:ext cx="1630426" cy="2019160"/>
                            </a:xfrm>
                            <a:custGeom>
                              <a:avLst/>
                              <a:gdLst/>
                              <a:ahLst/>
                              <a:cxnLst/>
                              <a:rect l="l" t="t" r="r" b="b"/>
                              <a:pathLst>
                                <a:path w="1630426" h="2019160" extrusionOk="0">
                                  <a:moveTo>
                                    <a:pt x="464122" y="0"/>
                                  </a:moveTo>
                                  <a:cubicBezTo>
                                    <a:pt x="470662" y="686"/>
                                    <a:pt x="478447" y="2362"/>
                                    <a:pt x="487794" y="7353"/>
                                  </a:cubicBezTo>
                                  <a:cubicBezTo>
                                    <a:pt x="497269" y="12332"/>
                                    <a:pt x="509041" y="19621"/>
                                    <a:pt x="520573" y="29655"/>
                                  </a:cubicBezTo>
                                  <a:cubicBezTo>
                                    <a:pt x="533273" y="40869"/>
                                    <a:pt x="547167" y="53264"/>
                                    <a:pt x="562750" y="68847"/>
                                  </a:cubicBezTo>
                                  <a:cubicBezTo>
                                    <a:pt x="578269" y="84366"/>
                                    <a:pt x="590664" y="98260"/>
                                    <a:pt x="600697" y="109779"/>
                                  </a:cubicBezTo>
                                  <a:cubicBezTo>
                                    <a:pt x="610731" y="121310"/>
                                    <a:pt x="618020" y="133084"/>
                                    <a:pt x="621818" y="141376"/>
                                  </a:cubicBezTo>
                                  <a:cubicBezTo>
                                    <a:pt x="626796" y="150711"/>
                                    <a:pt x="628485" y="158509"/>
                                    <a:pt x="629171" y="165049"/>
                                  </a:cubicBezTo>
                                  <a:cubicBezTo>
                                    <a:pt x="629107" y="172339"/>
                                    <a:pt x="627304" y="176517"/>
                                    <a:pt x="623557" y="180251"/>
                                  </a:cubicBezTo>
                                  <a:cubicBezTo>
                                    <a:pt x="506171" y="297637"/>
                                    <a:pt x="388785" y="415023"/>
                                    <a:pt x="271399" y="532410"/>
                                  </a:cubicBezTo>
                                  <a:cubicBezTo>
                                    <a:pt x="446862" y="707860"/>
                                    <a:pt x="622313" y="883310"/>
                                    <a:pt x="797700" y="1058710"/>
                                  </a:cubicBezTo>
                                  <a:cubicBezTo>
                                    <a:pt x="908672" y="947738"/>
                                    <a:pt x="1019645" y="836765"/>
                                    <a:pt x="1130542" y="725869"/>
                                  </a:cubicBezTo>
                                  <a:cubicBezTo>
                                    <a:pt x="1134288" y="722122"/>
                                    <a:pt x="1138453" y="720319"/>
                                    <a:pt x="1144562" y="719074"/>
                                  </a:cubicBezTo>
                                  <a:cubicBezTo>
                                    <a:pt x="1151103" y="719760"/>
                                    <a:pt x="1158888" y="721436"/>
                                    <a:pt x="1167054" y="725246"/>
                                  </a:cubicBezTo>
                                  <a:cubicBezTo>
                                    <a:pt x="1175347" y="729044"/>
                                    <a:pt x="1185939" y="735152"/>
                                    <a:pt x="1197458" y="745185"/>
                                  </a:cubicBezTo>
                                  <a:cubicBezTo>
                                    <a:pt x="1208926" y="755142"/>
                                    <a:pt x="1224064" y="768795"/>
                                    <a:pt x="1240765" y="785495"/>
                                  </a:cubicBezTo>
                                  <a:cubicBezTo>
                                    <a:pt x="1256335" y="801065"/>
                                    <a:pt x="1267562" y="813778"/>
                                    <a:pt x="1277582" y="825310"/>
                                  </a:cubicBezTo>
                                  <a:cubicBezTo>
                                    <a:pt x="1287615" y="836829"/>
                                    <a:pt x="1294905" y="848602"/>
                                    <a:pt x="1298651" y="856831"/>
                                  </a:cubicBezTo>
                                  <a:cubicBezTo>
                                    <a:pt x="1303693" y="866242"/>
                                    <a:pt x="1305370" y="874027"/>
                                    <a:pt x="1306056" y="880567"/>
                                  </a:cubicBezTo>
                                  <a:cubicBezTo>
                                    <a:pt x="1306004" y="887857"/>
                                    <a:pt x="1305370" y="893217"/>
                                    <a:pt x="1301636" y="896963"/>
                                  </a:cubicBezTo>
                                  <a:cubicBezTo>
                                    <a:pt x="1190727" y="1007859"/>
                                    <a:pt x="1079767" y="1118832"/>
                                    <a:pt x="968794" y="1229805"/>
                                  </a:cubicBezTo>
                                  <a:cubicBezTo>
                                    <a:pt x="1183691" y="1444688"/>
                                    <a:pt x="1398588" y="1659585"/>
                                    <a:pt x="1613535" y="1874546"/>
                                  </a:cubicBezTo>
                                  <a:cubicBezTo>
                                    <a:pt x="1619517" y="1880527"/>
                                    <a:pt x="1623504" y="1886001"/>
                                    <a:pt x="1626121" y="1892986"/>
                                  </a:cubicBezTo>
                                  <a:cubicBezTo>
                                    <a:pt x="1629931" y="1901266"/>
                                    <a:pt x="1630426" y="1907756"/>
                                    <a:pt x="1627683" y="1915350"/>
                                  </a:cubicBezTo>
                                  <a:cubicBezTo>
                                    <a:pt x="1626184" y="1924203"/>
                                    <a:pt x="1622514" y="1932483"/>
                                    <a:pt x="1616774" y="1943075"/>
                                  </a:cubicBezTo>
                                  <a:cubicBezTo>
                                    <a:pt x="1609738" y="1952485"/>
                                    <a:pt x="1600517" y="1964081"/>
                                    <a:pt x="1587932" y="1976666"/>
                                  </a:cubicBezTo>
                                  <a:cubicBezTo>
                                    <a:pt x="1576032" y="1988566"/>
                                    <a:pt x="1564437" y="1997786"/>
                                    <a:pt x="1555090" y="2004759"/>
                                  </a:cubicBezTo>
                                  <a:cubicBezTo>
                                    <a:pt x="1544498" y="2010499"/>
                                    <a:pt x="1535468" y="2014919"/>
                                    <a:pt x="1526616" y="2016417"/>
                                  </a:cubicBezTo>
                                  <a:cubicBezTo>
                                    <a:pt x="1519022" y="2019160"/>
                                    <a:pt x="1512481" y="2018716"/>
                                    <a:pt x="1504252" y="2014855"/>
                                  </a:cubicBezTo>
                                  <a:cubicBezTo>
                                    <a:pt x="1497279" y="2012239"/>
                                    <a:pt x="1491730" y="2008314"/>
                                    <a:pt x="1485748" y="2002333"/>
                                  </a:cubicBezTo>
                                  <a:cubicBezTo>
                                    <a:pt x="1008050" y="1524635"/>
                                    <a:pt x="530403" y="1046988"/>
                                    <a:pt x="52705" y="569290"/>
                                  </a:cubicBezTo>
                                  <a:cubicBezTo>
                                    <a:pt x="21615" y="538201"/>
                                    <a:pt x="5537" y="511416"/>
                                    <a:pt x="2553" y="487858"/>
                                  </a:cubicBezTo>
                                  <a:cubicBezTo>
                                    <a:pt x="0" y="466243"/>
                                    <a:pt x="5423" y="449098"/>
                                    <a:pt x="16510" y="438010"/>
                                  </a:cubicBezTo>
                                  <a:cubicBezTo>
                                    <a:pt x="160681" y="293840"/>
                                    <a:pt x="304800" y="149721"/>
                                    <a:pt x="448920" y="5601"/>
                                  </a:cubicBezTo>
                                  <a:cubicBezTo>
                                    <a:pt x="452653" y="1867"/>
                                    <a:pt x="456832" y="64"/>
                                    <a:pt x="464122" y="0"/>
                                  </a:cubicBezTo>
                                  <a:close/>
                                </a:path>
                              </a:pathLst>
                            </a:custGeom>
                            <a:solidFill>
                              <a:srgbClr val="C0C0C0">
                                <a:alpha val="49803"/>
                              </a:srgbClr>
                            </a:solidFill>
                            <a:ln>
                              <a:noFill/>
                            </a:ln>
                          </wps:spPr>
                          <wps:txbx>
                            <w:txbxContent>
                              <w:p w14:paraId="2C256F8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79" name="Freeform: Shape 117579"/>
                          <wps:cNvSpPr/>
                          <wps:spPr>
                            <a:xfrm>
                              <a:off x="3644284" y="0"/>
                              <a:ext cx="1938096" cy="1938223"/>
                            </a:xfrm>
                            <a:custGeom>
                              <a:avLst/>
                              <a:gdLst/>
                              <a:ahLst/>
                              <a:cxnLst/>
                              <a:rect l="l" t="t" r="r" b="b"/>
                              <a:pathLst>
                                <a:path w="1938096" h="1938223" extrusionOk="0">
                                  <a:moveTo>
                                    <a:pt x="690855" y="0"/>
                                  </a:moveTo>
                                  <a:cubicBezTo>
                                    <a:pt x="697395" y="686"/>
                                    <a:pt x="705180" y="2362"/>
                                    <a:pt x="714528" y="7353"/>
                                  </a:cubicBezTo>
                                  <a:cubicBezTo>
                                    <a:pt x="723938" y="12395"/>
                                    <a:pt x="735025" y="20371"/>
                                    <a:pt x="746557" y="30404"/>
                                  </a:cubicBezTo>
                                  <a:cubicBezTo>
                                    <a:pt x="759206" y="41681"/>
                                    <a:pt x="773151" y="54013"/>
                                    <a:pt x="788734" y="69596"/>
                                  </a:cubicBezTo>
                                  <a:cubicBezTo>
                                    <a:pt x="804253" y="85115"/>
                                    <a:pt x="816585" y="99073"/>
                                    <a:pt x="826681" y="110528"/>
                                  </a:cubicBezTo>
                                  <a:cubicBezTo>
                                    <a:pt x="836714" y="122060"/>
                                    <a:pt x="844690" y="133147"/>
                                    <a:pt x="848551" y="141376"/>
                                  </a:cubicBezTo>
                                  <a:cubicBezTo>
                                    <a:pt x="853529" y="150724"/>
                                    <a:pt x="855218" y="158509"/>
                                    <a:pt x="855904" y="165049"/>
                                  </a:cubicBezTo>
                                  <a:cubicBezTo>
                                    <a:pt x="855840" y="172339"/>
                                    <a:pt x="853288" y="177267"/>
                                    <a:pt x="849541" y="181000"/>
                                  </a:cubicBezTo>
                                  <a:cubicBezTo>
                                    <a:pt x="759384" y="271158"/>
                                    <a:pt x="669290" y="361251"/>
                                    <a:pt x="579133" y="451409"/>
                                  </a:cubicBezTo>
                                  <a:cubicBezTo>
                                    <a:pt x="1026490" y="898766"/>
                                    <a:pt x="1473911" y="1346187"/>
                                    <a:pt x="1921269" y="1793545"/>
                                  </a:cubicBezTo>
                                  <a:cubicBezTo>
                                    <a:pt x="1927251" y="1799526"/>
                                    <a:pt x="1932419" y="1806321"/>
                                    <a:pt x="1935036" y="1813293"/>
                                  </a:cubicBezTo>
                                  <a:cubicBezTo>
                                    <a:pt x="1937652" y="1820278"/>
                                    <a:pt x="1938096" y="1826819"/>
                                    <a:pt x="1935353" y="1834413"/>
                                  </a:cubicBezTo>
                                  <a:cubicBezTo>
                                    <a:pt x="1933855" y="1843265"/>
                                    <a:pt x="1930184" y="1851559"/>
                                    <a:pt x="1924444" y="1862150"/>
                                  </a:cubicBezTo>
                                  <a:cubicBezTo>
                                    <a:pt x="1917471" y="1871498"/>
                                    <a:pt x="1908251" y="1883080"/>
                                    <a:pt x="1895602" y="1895729"/>
                                  </a:cubicBezTo>
                                  <a:cubicBezTo>
                                    <a:pt x="1883702" y="1907629"/>
                                    <a:pt x="1872107" y="1916849"/>
                                    <a:pt x="1862760" y="1923834"/>
                                  </a:cubicBezTo>
                                  <a:cubicBezTo>
                                    <a:pt x="1852168" y="1929562"/>
                                    <a:pt x="1843139" y="1933981"/>
                                    <a:pt x="1834287" y="1935480"/>
                                  </a:cubicBezTo>
                                  <a:cubicBezTo>
                                    <a:pt x="1826692" y="1938223"/>
                                    <a:pt x="1820202" y="1937728"/>
                                    <a:pt x="1813167" y="1935163"/>
                                  </a:cubicBezTo>
                                  <a:cubicBezTo>
                                    <a:pt x="1806194" y="1932546"/>
                                    <a:pt x="1799463" y="1927314"/>
                                    <a:pt x="1793481" y="1921332"/>
                                  </a:cubicBezTo>
                                  <a:cubicBezTo>
                                    <a:pt x="1346124" y="1473975"/>
                                    <a:pt x="898703" y="1026554"/>
                                    <a:pt x="451345" y="579196"/>
                                  </a:cubicBezTo>
                                  <a:cubicBezTo>
                                    <a:pt x="361188" y="669354"/>
                                    <a:pt x="271031" y="759511"/>
                                    <a:pt x="180873" y="849668"/>
                                  </a:cubicBezTo>
                                  <a:cubicBezTo>
                                    <a:pt x="177191" y="853351"/>
                                    <a:pt x="172276" y="855904"/>
                                    <a:pt x="165672" y="855282"/>
                                  </a:cubicBezTo>
                                  <a:cubicBezTo>
                                    <a:pt x="158382" y="855345"/>
                                    <a:pt x="151333" y="852919"/>
                                    <a:pt x="141986" y="847928"/>
                                  </a:cubicBezTo>
                                  <a:cubicBezTo>
                                    <a:pt x="133769" y="844067"/>
                                    <a:pt x="122682" y="836092"/>
                                    <a:pt x="111214" y="825995"/>
                                  </a:cubicBezTo>
                                  <a:cubicBezTo>
                                    <a:pt x="98933" y="816712"/>
                                    <a:pt x="85039" y="804316"/>
                                    <a:pt x="69533" y="788797"/>
                                  </a:cubicBezTo>
                                  <a:cubicBezTo>
                                    <a:pt x="53950" y="773227"/>
                                    <a:pt x="41554" y="759333"/>
                                    <a:pt x="31090" y="745871"/>
                                  </a:cubicBezTo>
                                  <a:cubicBezTo>
                                    <a:pt x="20993" y="734403"/>
                                    <a:pt x="13018" y="723316"/>
                                    <a:pt x="7976" y="713905"/>
                                  </a:cubicBezTo>
                                  <a:cubicBezTo>
                                    <a:pt x="2985" y="704558"/>
                                    <a:pt x="559" y="697522"/>
                                    <a:pt x="622" y="690232"/>
                                  </a:cubicBezTo>
                                  <a:cubicBezTo>
                                    <a:pt x="0" y="683628"/>
                                    <a:pt x="2553" y="678701"/>
                                    <a:pt x="6223" y="675030"/>
                                  </a:cubicBezTo>
                                  <a:cubicBezTo>
                                    <a:pt x="229159" y="452095"/>
                                    <a:pt x="452031" y="229222"/>
                                    <a:pt x="674903" y="6350"/>
                                  </a:cubicBezTo>
                                  <a:cubicBezTo>
                                    <a:pt x="678637" y="2616"/>
                                    <a:pt x="683565" y="63"/>
                                    <a:pt x="690855" y="0"/>
                                  </a:cubicBezTo>
                                  <a:close/>
                                </a:path>
                              </a:pathLst>
                            </a:custGeom>
                            <a:solidFill>
                              <a:srgbClr val="C0C0C0">
                                <a:alpha val="49803"/>
                              </a:srgbClr>
                            </a:solidFill>
                            <a:ln>
                              <a:noFill/>
                            </a:ln>
                          </wps:spPr>
                          <wps:txbx>
                            <w:txbxContent>
                              <w:p w14:paraId="66FBB2B0"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80" name="Freeform: Shape 117580"/>
                          <wps:cNvSpPr/>
                          <wps:spPr>
                            <a:xfrm>
                              <a:off x="0" y="4416917"/>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s:wsp>
                          <wps:cNvPr id="117581" name="Freeform: Shape 117581"/>
                          <wps:cNvSpPr/>
                          <wps:spPr>
                            <a:xfrm>
                              <a:off x="0" y="4849733"/>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anchor>
            </w:drawing>
          </mc:Choice>
          <mc:Fallback>
            <w:pict>
              <v:group w14:anchorId="672D15CA" id="Group 117569" o:spid="_x0000_s1213" alt="P185#y1" style="position:absolute;left:0;text-align:left;margin-left:-1pt;margin-top:-129pt;width:475.7pt;height:428.55pt;z-index:-251644928;mso-wrap-distance-left:0;mso-wrap-distance-right:0;mso-position-horizontal-relative:text;mso-position-vertical-relative:text" coordorigin="23254,10588" coordsize="60411,5442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">
                <v:group id="Group 117570" o:spid="_x0000_s1214" style="position:absolute;left:23254;top:10588;width:60411;height:54423" coordsize="60411,5442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">
                  <v:rect id="Rectangle 117571" o:spid="_x0000_s1215" style="position:absolute;width:60411;height:5442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" filled="f" stroked="f">
                    <v:textbox inset="2.53958mm,2.53958mm,2.53958mm,2.53958mm">
                      <w:txbxContent>
                        <w:p w14:paraId="213E23F6" w14:textId="77777777" w:rsidR="00CF54CB" w:rsidRDefault="00CF54CB">
                          <w:pPr>
                            <w:spacing w:after="0" w:line="240" w:lineRule="auto"/>
                            <w:ind w:left="0" w:firstLine="0"/>
                            <w:jc w:val="left"/>
                            <w:textDirection w:val="btLr"/>
                          </w:pPr>
                        </w:p>
                      </w:txbxContent>
                    </v:textbox>
                  </v:rect>
                  <v:shape id="Freeform: Shape 117572" o:spid="_x0000_s1216" style="position:absolute;left:4310;top:34844;width:10006;height:14727;visibility:visible;mso-wrap-style:square;v-text-anchor:middle" coordsize="1000596,147266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" adj="-11796480,,5400" path="m639526,592v49112,592,99671,7164,151506,20245c843153,34890,896506,53877,950816,78416r49780,24876l1000596,330497,954591,304878c913406,283927,872750,267167,832777,254238,772874,234893,715315,227570,659761,230085v-18518,838,-36813,2769,-54898,5713c532460,247507,463931,288134,397827,354238v-43306,43307,-86677,86677,-130035,130035l1000596,1217085r,255579l52705,524773c21615,493684,5537,466887,2553,443341,,421725,5410,404580,16574,393430,89090,320913,161684,248320,234201,175790,317449,92554,404609,37906,496697,16227,542747,5388,590414,,639526,592xe" fillcolor="silver" stroked="f">
                    <v:fill opacity="32639f"/>
                    <v:stroke joinstyle="miter"/>
                    <v:formulas/>
                    <v:path arrowok="t" o:extrusionok="f" o:connecttype="custom" textboxrect="0,0,1000596,1472664"/>
                    <v:textbox inset="2.53958mm,2.53958mm,2.53958mm,2.53958mm">
                      <w:txbxContent>
                        <w:p w14:paraId="6ECFF3E5" w14:textId="77777777" w:rsidR="00CF54CB" w:rsidRDefault="00CF54CB">
                          <w:pPr>
                            <w:spacing w:after="0" w:line="240" w:lineRule="auto"/>
                            <w:ind w:left="0" w:firstLine="0"/>
                            <w:jc w:val="left"/>
                            <w:textDirection w:val="btLr"/>
                          </w:pPr>
                        </w:p>
                      </w:txbxContent>
                    </v:textbox>
                  </v:shape>
                  <v:shape id="Freeform: Shape 117573" o:spid="_x0000_s1217" style="position:absolute;left:14316;top:35877;width:9593;height:18545;visibility:visible;mso-wrap-style:square;v-text-anchor:middle" coordsize="959243,185452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" adj="-11796480,,5400" path="m,l32368,16175v27599,15124,55404,31714,83379,49846c227583,138487,342785,233623,458863,349701,592822,483660,699172,611575,777366,732136v79451,121679,130035,235204,155956,341630c959243,1180179,957185,1280928,930833,1372953v-26366,91910,-81001,179069,-163437,261505c699553,1702302,631697,1770158,563841,1838013v-11151,11152,-28347,16511,-51092,12828c490384,1849038,463587,1832959,432497,1801870l,1369372,,1113793r471753,471758c515619,1541685,559485,1497819,603287,1454017v61684,-61684,101562,-124740,118199,-192342c738123,1194073,737247,1122051,713320,1042550,689520,963047,648651,877691,584656,786035,521918,695623,438047,597808,332751,492512,249020,408768,164400,337991,78980,277361,57936,262518,36986,248812,16149,236197l,227205,,xe" fillcolor="silver" stroked="f">
                    <v:fill opacity="32639f"/>
                    <v:stroke joinstyle="miter"/>
                    <v:formulas/>
                    <v:path arrowok="t" o:extrusionok="f" o:connecttype="custom" textboxrect="0,0,959243,1854524"/>
                    <v:textbox inset="2.53958mm,2.53958mm,2.53958mm,2.53958mm">
                      <w:txbxContent>
                        <w:p w14:paraId="55D6EE3F" w14:textId="77777777" w:rsidR="00CF54CB" w:rsidRDefault="00CF54CB">
                          <w:pPr>
                            <w:spacing w:after="0" w:line="240" w:lineRule="auto"/>
                            <w:ind w:left="0" w:firstLine="0"/>
                            <w:jc w:val="left"/>
                            <w:textDirection w:val="btLr"/>
                          </w:pPr>
                        </w:p>
                      </w:txbxContent>
                    </v:textbox>
                  </v:shape>
                  <v:shape id="Freeform: Shape 117574" o:spid="_x0000_s1218" style="position:absolute;left:13672;top:25902;width:6287;height:10588;visibility:visible;mso-wrap-style:square;v-text-anchor:middle" coordsize="628690,1058861"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" adj="-11796480,,5400" path="m559321,2040v12976,1020,26046,2690,39244,5095l628690,14286r,223798l623625,236432v-14620,-3289,-29196,-5096,-43729,-5462c550831,230238,521938,235271,493217,245742v-18694,6477,-35585,16510,-53581,29654c421627,288541,399631,308175,374332,333461v-35890,35890,-71843,71843,-107721,107733l628690,803273r,255588l52705,482876c21615,451786,5537,424990,2553,401444,,379828,5359,362747,16510,351596,84607,283499,152705,215401,220815,147291v24549,-24549,45796,-43421,63297,-58560c302247,75574,319316,62989,334454,52841,382499,26730,430479,8785,482308,3058,507791,562,533368,,559321,2040xe" fillcolor="silver" stroked="f">
                    <v:fill opacity="32639f"/>
                    <v:stroke joinstyle="miter"/>
                    <v:formulas/>
                    <v:path arrowok="t" o:extrusionok="f" o:connecttype="custom" textboxrect="0,0,628690,1058861"/>
                    <v:textbox inset="2.53958mm,2.53958mm,2.53958mm,2.53958mm">
                      <w:txbxContent>
                        <w:p w14:paraId="6A94249F" w14:textId="77777777" w:rsidR="00CF54CB" w:rsidRDefault="00CF54CB">
                          <w:pPr>
                            <w:spacing w:after="0" w:line="240" w:lineRule="auto"/>
                            <w:ind w:left="0" w:firstLine="0"/>
                            <w:jc w:val="left"/>
                            <w:textDirection w:val="btLr"/>
                          </w:pPr>
                        </w:p>
                      </w:txbxContent>
                    </v:textbox>
                  </v:shape>
                  <v:shape id="Freeform: Shape 117575" o:spid="_x0000_s1219" style="position:absolute;left:19959;top:26044;width:15165;height:19185;visibility:visible;mso-wrap-style:square;v-text-anchor:middle" coordsize="1516569,19184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" adj="-11796480,,5400" path="m,l9892,2348c63714,18172,117118,40918,170890,75742v53771,34835,107480,79197,161302,133032c383602,260171,425652,311453,458303,360171v33147,50596,55830,99440,70968,146735c545590,555382,552944,602359,553134,648156v127,45733,-5613,91211,-17945,135077c561542,778687,590764,777632,620114,782052v30531,5601,63678,12713,98628,25857c753692,820927,791831,837500,832445,859179v40628,21692,85992,45491,135027,75578c1109470,1020304,1252587,1103857,1394522,1189468v35382,22187,60249,37821,73203,46418c1481872,1245666,1492274,1254454,1498256,1260436v5981,5981,11150,12776,14516,18999c1516137,1285670,1516569,1292211,1515083,1301063v-1562,8788,-5982,17818,-13652,27978c1493709,1339125,1482990,1352218,1468157,1367039v-12650,12650,-24232,21870,-33579,28855c1425167,1402802,1416137,1407235,1406104,1407540v-8788,1562,-17322,622,-25489,-3175c1371713,1401304,1361057,1395271,1349284,1387854,1198625,1295018,1046656,1204238,896009,1111401v-52096,-31648,-101067,-59067,-146800,-82868c703604,1004734,660055,988846,619428,979003v-40691,-9906,-77698,-10528,-112839,-4432c472565,981925,440104,1000314,411135,1029283v-28473,28473,-56946,56946,-85420,85420c545463,1334464,765161,1554149,984845,1773846v5982,5981,11214,12700,13780,19748c1001241,1800566,1000987,1807793,998929,1814714v-1434,8789,-5168,17132,-10909,27725c981048,1851785,971828,1863381,959242,1875966v-12649,12650,-23495,21121,-32842,28093c915808,1909799,906778,1914219,897927,1915717v-7595,2743,-14136,2299,-21120,-317c869834,1912784,863040,1907615,857058,1901633l,1044575,,788988,159485,948473v41618,-41618,83236,-83236,124790,-124803c317740,790218,340600,753388,351572,715631v11088,-37757,13958,-75768,5919,-115951c350760,560678,335748,521118,311453,480744,286396,441108,255497,402601,218426,365530,157428,304532,97737,261669,38924,236498l,223799,,xe" fillcolor="silver" stroked="f">
                    <v:fill opacity="32639f"/>
                    <v:stroke joinstyle="miter"/>
                    <v:formulas/>
                    <v:path arrowok="t" o:extrusionok="f" o:connecttype="custom" textboxrect="0,0,1516569,1918460"/>
                    <v:textbox inset="2.53958mm,2.53958mm,2.53958mm,2.53958mm">
                      <w:txbxContent>
                        <w:p w14:paraId="575E6530" w14:textId="77777777" w:rsidR="00CF54CB" w:rsidRDefault="00CF54CB">
                          <w:pPr>
                            <w:spacing w:after="0" w:line="240" w:lineRule="auto"/>
                            <w:ind w:left="0" w:firstLine="0"/>
                            <w:jc w:val="left"/>
                            <w:textDirection w:val="btLr"/>
                          </w:pPr>
                        </w:p>
                      </w:txbxContent>
                    </v:textbox>
                  </v:shape>
                  <v:shape id="Freeform: Shape 117576" o:spid="_x0000_s1220" style="position:absolute;left:24091;top:17866;width:7344;height:13181;visibility:visible;mso-wrap-style:square;v-text-anchor:middle" coordsize="734403,131804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" adj="-11796480,,5400" path="m143118,343v4501,-343,8907,-16,13702,1165c166548,3870,177203,9916,187732,16088l734403,362456r,215211l265049,276095v-254,241,-495,495,-749,749c365894,432641,466550,589061,567214,745472r167189,258595l734403,1318044,574148,1065135c388880,771360,203613,477586,16447,184998,10224,174406,5423,164995,3048,155280,,146377,1054,138338,4051,127988v2236,-9462,8166,-20003,16574,-30900c29032,86179,40996,74343,55829,59522,71463,43875,84735,30477,96393,21320,108039,12164,118567,6245,128854,3197,134023,1698,138617,686,143118,343xe" fillcolor="silver" stroked="f">
                    <v:fill opacity="32639f"/>
                    <v:stroke joinstyle="miter"/>
                    <v:formulas/>
                    <v:path arrowok="t" o:extrusionok="f" o:connecttype="custom" textboxrect="0,0,734403,1318044"/>
                    <v:textbox inset="2.53958mm,2.53958mm,2.53958mm,2.53958mm">
                      <w:txbxContent>
                        <w:p w14:paraId="0F7923ED" w14:textId="77777777" w:rsidR="00CF54CB" w:rsidRDefault="00CF54CB">
                          <w:pPr>
                            <w:spacing w:after="0" w:line="240" w:lineRule="auto"/>
                            <w:ind w:left="0" w:firstLine="0"/>
                            <w:jc w:val="left"/>
                            <w:textDirection w:val="btLr"/>
                          </w:pPr>
                        </w:p>
                      </w:txbxContent>
                    </v:textbox>
                  </v:shape>
                  <v:shape id="Freeform: Shape 117577" o:spid="_x0000_s1221" style="position:absolute;left:31435;top:21491;width:12838;height:16529;visibility:visible;mso-wrap-style:square;v-text-anchor:middle" coordsize="1283754,165291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" adj="-11796480,,5400" path="m,l333496,211301v293773,185268,587546,370536,880167,557670c1235215,783296,1250671,794142,1262202,804175v10782,10783,16751,21374,19190,31026c1283754,844917,1280516,855140,1272794,865364v-8420,10769,-19126,23863,-34773,39497c1222451,920444,1210615,932395,1200455,940065v-10909,8408,-19939,12840,-27978,13640c1164882,956448,1158265,955953,1151293,953337v-6972,-2616,-15265,-6299,-24612,-11278c973976,843304,820077,746479,667360,647724,534149,780934,400876,914208,267665,1047418v98374,149848,194894,300940,293269,450787c566738,1506866,570344,1515096,572960,1522068v3747,8230,3556,15520,2744,23559c575399,1555647,570967,1564689,564058,1574100v-7735,10084,-17704,22428,-31839,36576c518135,1624748,505054,1635467,494957,1643188v-12090,7239,-21679,9728,-31280,7354c453961,1648179,443370,1642070,433337,1630666v-10783,-10769,-21628,-26225,-35891,-47841l,955588,,641610,135763,851597c247167,740193,358635,628725,470103,517257,313963,416006,157185,315740,398,215467l,215211,,xe" fillcolor="silver" stroked="f">
                    <v:fill opacity="32639f"/>
                    <v:stroke joinstyle="miter"/>
                    <v:formulas/>
                    <v:path arrowok="t" o:extrusionok="f" o:connecttype="custom" textboxrect="0,0,1283754,1652916"/>
                    <v:textbox inset="2.53958mm,2.53958mm,2.53958mm,2.53958mm">
                      <w:txbxContent>
                        <w:p w14:paraId="55EF6D22" w14:textId="77777777" w:rsidR="00CF54CB" w:rsidRDefault="00CF54CB">
                          <w:pPr>
                            <w:spacing w:after="0" w:line="240" w:lineRule="auto"/>
                            <w:ind w:left="0" w:firstLine="0"/>
                            <w:jc w:val="left"/>
                            <w:textDirection w:val="btLr"/>
                          </w:pPr>
                        </w:p>
                      </w:txbxContent>
                    </v:textbox>
                  </v:shape>
                  <v:shape id="Freeform: Shape 117578" o:spid="_x0000_s1222" style="position:absolute;left:30738;top:7972;width:16304;height:20191;visibility:visible;mso-wrap-style:square;v-text-anchor:middle" coordsize="1630426,20191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" adj="-11796480,,5400" path="m464122,v6540,686,14325,2362,23672,7353c497269,12332,509041,19621,520573,29655v12700,11214,26594,23609,42177,39192c578269,84366,590664,98260,600697,109779v10034,11531,17323,23305,21121,31597c626796,150711,628485,158509,629171,165049v-64,7290,-1867,11468,-5614,15202c506171,297637,388785,415023,271399,532410v175463,175450,350914,350900,526301,526300c908672,947738,1019645,836765,1130542,725869v3746,-3747,7911,-5550,14020,-6795c1151103,719760,1158888,721436,1167054,725246v8293,3798,18885,9906,30404,19939c1208926,755142,1224064,768795,1240765,785495v15570,15570,26797,28283,36817,39815c1287615,836829,1294905,848602,1298651,856831v5042,9411,6719,17196,7405,23736c1306004,887857,1305370,893217,1301636,896963v-110909,110896,-221869,221869,-332842,332842c1183691,1444688,1398588,1659585,1613535,1874546v5982,5981,9969,11455,12586,18440c1629931,1901266,1630426,1907756,1627683,1915350v-1499,8853,-5169,17133,-10909,27725c1609738,1952485,1600517,1964081,1587932,1976666v-11900,11900,-23495,21120,-32842,28093c1544498,2010499,1535468,2014919,1526616,2016417v-7594,2743,-14135,2299,-22364,-1562c1497279,2012239,1491730,2008314,1485748,2002333,1008050,1524635,530403,1046988,52705,569290,21615,538201,5537,511416,2553,487858,,466243,5423,449098,16510,438010,160681,293840,304800,149721,448920,5601,452653,1867,456832,64,464122,xe" fillcolor="silver" stroked="f">
                    <v:fill opacity="32639f"/>
                    <v:stroke joinstyle="miter"/>
                    <v:formulas/>
                    <v:path arrowok="t" o:extrusionok="f" o:connecttype="custom" textboxrect="0,0,1630426,2019160"/>
                    <v:textbox inset="2.53958mm,2.53958mm,2.53958mm,2.53958mm">
                      <w:txbxContent>
                        <w:p w14:paraId="2C256F84" w14:textId="77777777" w:rsidR="00CF54CB" w:rsidRDefault="00CF54CB">
                          <w:pPr>
                            <w:spacing w:after="0" w:line="240" w:lineRule="auto"/>
                            <w:ind w:left="0" w:firstLine="0"/>
                            <w:jc w:val="left"/>
                            <w:textDirection w:val="btLr"/>
                          </w:pPr>
                        </w:p>
                      </w:txbxContent>
                    </v:textbox>
                  </v:shape>
                  <v:shape id="Freeform: Shape 117579" o:spid="_x0000_s1223" style="position:absolute;left:36442;width:19381;height:19382;visibility:visible;mso-wrap-style:square;v-text-anchor:middle" coordsize="1938096,193822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" adj="-11796480,,5400" path="m690855,v6540,686,14325,2362,23673,7353c723938,12395,735025,20371,746557,30404v12649,11277,26594,23609,42177,39192c804253,85115,816585,99073,826681,110528v10033,11532,18009,22619,21870,30848c853529,150724,855218,158509,855904,165049v-64,7290,-2616,12218,-6363,15951c759384,271158,669290,361251,579133,451409v447357,447357,894778,894778,1342136,1342136c1927251,1799526,1932419,1806321,1935036,1813293v2616,6985,3060,13526,317,21120c1933855,1843265,1930184,1851559,1924444,1862150v-6973,9348,-16193,20930,-28842,33579c1883702,1907629,1872107,1916849,1862760,1923834v-10592,5728,-19621,10147,-28473,11646c1826692,1938223,1820202,1937728,1813167,1935163v-6973,-2617,-13704,-7849,-19686,-13831c1346124,1473975,898703,1026554,451345,579196,361188,669354,271031,759511,180873,849668v-3682,3683,-8597,6236,-15201,5614c158382,855345,151333,852919,141986,847928v-8217,-3861,-19304,-11836,-30772,-21933c98933,816712,85039,804316,69533,788797,53950,773227,41554,759333,31090,745871,20993,734403,13018,723316,7976,713905,2985,704558,559,697522,622,690232,,683628,2553,678701,6223,675030,229159,452095,452031,229222,674903,6350,678637,2616,683565,63,690855,xe" fillcolor="silver" stroked="f">
                    <v:fill opacity="32639f"/>
                    <v:stroke joinstyle="miter"/>
                    <v:formulas/>
                    <v:path arrowok="t" o:extrusionok="f" o:connecttype="custom" textboxrect="0,0,1938096,1938223"/>
                    <v:textbox inset="2.53958mm,2.53958mm,2.53958mm,2.53958mm">
                      <w:txbxContent>
                        <w:p w14:paraId="66FBB2B0" w14:textId="77777777" w:rsidR="00CF54CB" w:rsidRDefault="00CF54CB">
                          <w:pPr>
                            <w:spacing w:after="0" w:line="240" w:lineRule="auto"/>
                            <w:ind w:left="0" w:firstLine="0"/>
                            <w:jc w:val="left"/>
                            <w:textDirection w:val="btLr"/>
                          </w:pPr>
                        </w:p>
                      </w:txbxContent>
                    </v:textbox>
                  </v:shape>
                  <v:shape id="Freeform: Shape 117580" o:spid="_x0000_s1224" style="position:absolute;top:44169;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" path="m,l6041149,r,9144l,9144,,e" fillcolor="#4472c4" stroked="f">
                    <v:path arrowok="t" o:extrusionok="f"/>
                  </v:shape>
                  <v:shape id="Freeform: Shape 117581" o:spid="_x0000_s1225" style="position:absolute;top:48497;width:60411;height:91;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" path="m,l6041149,r,9144l,9144,,e" fillcolor="#4472c4" stroked="f">
                    <v:path arrowok="t" o:extrusionok="f"/>
                  </v:shape>
                </v:group>
              </v:group>
            </w:pict>
          </mc:Fallback>
        </mc:AlternateContent>
      </w:r>
    </w:p>
    <w:p w14:paraId="434C72D5" w14:textId="77777777" w:rsidR="00CF54CB" w:rsidRDefault="00CF54CB">
      <w:pPr>
        <w:spacing w:after="0" w:line="242" w:lineRule="auto"/>
        <w:ind w:left="-14" w:right="58" w:firstLine="706"/>
        <w:jc w:val="left"/>
      </w:pPr>
    </w:p>
    <w:p w14:paraId="66DE27F3" w14:textId="40090506" w:rsidR="00CF54CB" w:rsidRDefault="00344004">
      <w:pPr>
        <w:spacing w:after="0" w:line="242" w:lineRule="auto"/>
        <w:ind w:left="-14" w:right="58" w:firstLine="706"/>
        <w:jc w:val="left"/>
      </w:pPr>
      <w:r>
        <w:t xml:space="preserve">The </w:t>
      </w:r>
      <w:sdt>
        <w:sdtPr>
          <w:tag w:val="goog_rdk_198"/>
          <w:id w:val="795791807"/>
        </w:sdtPr>
        <w:sdtEndPr/>
        <w:sdtContent>
          <w:del w:id="421" w:author="Daveline, Dan" w:date="2021-12-16T13:15:00Z">
            <w:r>
              <w:delText>nature</w:delText>
            </w:r>
          </w:del>
        </w:sdtContent>
      </w:sdt>
      <w:sdt>
        <w:sdtPr>
          <w:tag w:val="goog_rdk_199"/>
          <w:id w:val="-293985776"/>
        </w:sdtPr>
        <w:sdtEndPr/>
        <w:sdtContent>
          <w:ins w:id="422" w:author="Daveline, Dan" w:date="2021-12-16T13:15:00Z">
            <w:r>
              <w:t>circumstances</w:t>
            </w:r>
          </w:ins>
        </w:sdtContent>
      </w:sdt>
      <w:r>
        <w:t xml:space="preserve"> of long-term care </w:t>
      </w:r>
      <w:ins w:id="423" w:author="Daveline, Dan" w:date="2021-12-20T15:21:00Z">
        <w:r w:rsidR="00CC5811">
          <w:t xml:space="preserve">insurance </w:t>
        </w:r>
      </w:ins>
      <w:r>
        <w:t xml:space="preserve">policyholders will make restructuring challenging especially with a transfer to a completely new insurer in a new holding company system.  Long-term care policyholders are individuals who may find it much more </w:t>
      </w:r>
      <w:r>
        <w:lastRenderedPageBreak/>
        <w:t xml:space="preserve">challenging to assert their rights in a court proceeding than a corporate entity would. </w:t>
      </w:r>
      <w:sdt>
        <w:sdtPr>
          <w:tag w:val="goog_rdk_200"/>
          <w:id w:val="-15391132"/>
        </w:sdtPr>
        <w:sdtEndPr/>
        <w:sdtContent>
          <w:ins w:id="424" w:author="Daveline, Dan" w:date="2021-12-16T13:16:00Z">
            <w:r>
              <w:t xml:space="preserve">Furthermore, if the block of business has been in runoff for a substantial period of time, the policyholders will be aging and many will be disabled. </w:t>
            </w:r>
          </w:ins>
        </w:sdtContent>
      </w:sdt>
      <w:r>
        <w:t xml:space="preserve">This fact, along with the traditional inability of insurers to properly estimate future liabilities in this line of business, makes it a line of business that likely is not appropriate for restructuring mechanisms. This conclusion, however, could be refuted if the appropriate plan addresses these issues and provides benefit to the policyholders. </w:t>
      </w:r>
      <w:ins w:id="425" w:author="Daveline, Dan" w:date="2021-12-20T14:19:00Z">
        <w:r w:rsidR="00844641">
          <w:t xml:space="preserve">That being said, there should be increased scrutiny </w:t>
        </w:r>
        <w:r w:rsidR="00522687">
          <w:t>for any block transfers, not just those relating to long-term c</w:t>
        </w:r>
      </w:ins>
      <w:ins w:id="426" w:author="Daveline, Dan" w:date="2021-12-20T14:20:00Z">
        <w:r w:rsidR="00522687">
          <w:t xml:space="preserve">are insurance, that are currently in a projected deficit </w:t>
        </w:r>
        <w:r w:rsidR="005F3E40">
          <w:t xml:space="preserve">situation. </w:t>
        </w:r>
      </w:ins>
    </w:p>
    <w:p w14:paraId="6F83C161" w14:textId="2F77BD94" w:rsidR="00625FDE" w:rsidRDefault="00625FDE">
      <w:pPr>
        <w:ind w:firstLine="2"/>
        <w:rPr>
          <w:i/>
          <w:color w:val="2F5496"/>
        </w:rPr>
      </w:pPr>
      <w:r>
        <w:rPr>
          <w:i/>
          <w:color w:val="2F5496"/>
        </w:rPr>
        <w:br w:type="page"/>
      </w:r>
    </w:p>
    <w:p w14:paraId="73AF758F" w14:textId="69B3B948" w:rsidR="00CF54CB" w:rsidRDefault="00344004" w:rsidP="00B078CA">
      <w:pPr>
        <w:pStyle w:val="Heading1"/>
      </w:pPr>
      <w:r>
        <w:lastRenderedPageBreak/>
        <w:t xml:space="preserve">Section 5: </w:t>
      </w:r>
      <w:r w:rsidRPr="00B078CA">
        <w:t>Legal</w:t>
      </w:r>
      <w:r>
        <w:t xml:space="preserve"> Impacts of IBT and CD Laws </w:t>
      </w:r>
    </w:p>
    <w:p w14:paraId="2D3DD873" w14:textId="77777777" w:rsidR="00CF54CB" w:rsidRDefault="00344004" w:rsidP="00B078CA">
      <w:pPr>
        <w:pStyle w:val="Heading2"/>
      </w:pPr>
      <w:r>
        <w:t>A.</w:t>
      </w:r>
      <w:r>
        <w:tab/>
        <w:t>How Other Jurisdictions Might Analyze IBT or CD Decisions from Other States</w:t>
      </w:r>
    </w:p>
    <w:p w14:paraId="38A58407" w14:textId="01672F8C" w:rsidR="00CF54CB" w:rsidRDefault="00344004">
      <w:pPr>
        <w:spacing w:after="324" w:line="242" w:lineRule="auto"/>
        <w:ind w:left="-11" w:right="59" w:firstLine="710"/>
        <w:jc w:val="left"/>
      </w:pPr>
      <w:r>
        <w:t>As previously discussed by others,</w:t>
      </w:r>
      <w:r>
        <w:rPr>
          <w:rFonts w:ascii="ZWAdobeF" w:eastAsia="ZWAdobeF" w:hAnsi="ZWAdobeF" w:cs="ZWAdobeF"/>
          <w:sz w:val="2"/>
          <w:szCs w:val="2"/>
        </w:rPr>
        <w:t>27F</w:t>
      </w:r>
      <w:r>
        <w:rPr>
          <w:vertAlign w:val="superscript"/>
        </w:rPr>
        <w:footnoteReference w:id="29"/>
      </w:r>
      <w:r>
        <w:t xml:space="preserve"> a restructuring mechanism in one state will not provide finality unless the decision is recognized by other jurisdictions. The US Constitution includes the Full Faith and Credit Clause as well as the Privileges and Immunities Clause</w:t>
      </w:r>
      <w:del w:id="427" w:author="Gendron, Matthew (DBR)" w:date="2022-03-11T18:00:00Z">
        <w:r w:rsidDel="00762E76">
          <w:delText xml:space="preserve"> (also referred to as the doctrine of Comity) </w:delText>
        </w:r>
      </w:del>
      <w:r>
        <w:t>in Article IV</w:t>
      </w:r>
      <w:ins w:id="428" w:author="Gendron, Matthew (DBR)" w:date="2022-03-11T18:00:00Z">
        <w:r w:rsidR="006A5216">
          <w:t>, and separately courts have been known to honor decisions from other</w:t>
        </w:r>
      </w:ins>
      <w:ins w:id="429" w:author="Gendron, Matthew (DBR)" w:date="2022-03-11T18:01:00Z">
        <w:r w:rsidR="006A5216">
          <w:t xml:space="preserve"> courts through a doctrine of Comity</w:t>
        </w:r>
      </w:ins>
      <w:r>
        <w:t xml:space="preserve">. These </w:t>
      </w:r>
      <w:del w:id="430" w:author="Gendron, Matthew (DBR)" w:date="2022-03-11T18:01:00Z">
        <w:r w:rsidDel="006A5216">
          <w:delText xml:space="preserve">clauses </w:delText>
        </w:r>
      </w:del>
      <w:ins w:id="431" w:author="Gendron, Matthew (DBR)" w:date="2022-03-11T18:01:00Z">
        <w:r w:rsidR="006A5216">
          <w:t xml:space="preserve">are three </w:t>
        </w:r>
      </w:ins>
      <w:del w:id="432" w:author="Gendron, Matthew (DBR)" w:date="2022-03-11T18:01:00Z">
        <w:r w:rsidDel="006A5216">
          <w:delText xml:space="preserve">create </w:delText>
        </w:r>
      </w:del>
      <w:r>
        <w:t xml:space="preserve">methods </w:t>
      </w:r>
      <w:ins w:id="433" w:author="Gendron, Matthew (DBR)" w:date="2022-03-11T18:01:00Z">
        <w:r w:rsidR="006A5216">
          <w:t xml:space="preserve">used to </w:t>
        </w:r>
      </w:ins>
      <w:del w:id="434" w:author="Gendron, Matthew (DBR)" w:date="2022-03-11T18:01:00Z">
        <w:r w:rsidDel="006A5216">
          <w:delText xml:space="preserve">of </w:delText>
        </w:r>
      </w:del>
      <w:r>
        <w:t>extend</w:t>
      </w:r>
      <w:del w:id="435" w:author="Gendron, Matthew (DBR)" w:date="2022-03-11T18:01:00Z">
        <w:r w:rsidDel="006A5216">
          <w:delText>ing</w:delText>
        </w:r>
      </w:del>
      <w:r>
        <w:t xml:space="preserve"> the effect of a restructuring mechanism beyond the state that issued the judgment</w:t>
      </w:r>
      <w:ins w:id="436" w:author="Gendron, Matthew (DBR)" w:date="2022-03-11T18:01:00Z">
        <w:r w:rsidR="00E576C0">
          <w:t>,</w:t>
        </w:r>
      </w:ins>
      <w:r>
        <w:t xml:space="preserve"> and </w:t>
      </w:r>
      <w:ins w:id="437" w:author="Gendron, Matthew (DBR)" w:date="2022-03-11T18:02:00Z">
        <w:r w:rsidR="00E576C0">
          <w:t xml:space="preserve">effectuating the restructuring transaction </w:t>
        </w:r>
      </w:ins>
      <w:del w:id="438" w:author="Gendron, Matthew (DBR)" w:date="2022-03-11T18:02:00Z">
        <w:r w:rsidDel="00E576C0">
          <w:delText xml:space="preserve">giving that state’s judgment effect </w:delText>
        </w:r>
      </w:del>
      <w:r>
        <w:t>in all other states in which the insurer does business.</w:t>
      </w:r>
      <w:r>
        <w:rPr>
          <w:vertAlign w:val="superscript"/>
        </w:rPr>
        <w:t>32</w:t>
      </w:r>
      <w:r>
        <w:t xml:space="preserve"> </w:t>
      </w:r>
    </w:p>
    <w:p w14:paraId="40C6C8A0" w14:textId="0515968C" w:rsidR="00CF54CB" w:rsidDel="00D252B4" w:rsidRDefault="00344004">
      <w:pPr>
        <w:spacing w:after="272" w:line="242" w:lineRule="auto"/>
        <w:ind w:left="-11" w:right="59" w:firstLine="710"/>
        <w:jc w:val="left"/>
        <w:rPr>
          <w:del w:id="439" w:author="Gendron, Matthew (DBR)" w:date="2022-03-11T18:03:00Z"/>
        </w:rPr>
      </w:pPr>
      <w:del w:id="440" w:author="Gendron, Matthew (DBR)" w:date="2022-03-11T18:03:00Z">
        <w:r w:rsidDel="00D252B4">
          <w:delText xml:space="preserve">Thus, the Privileges and Immunities Clause or the Full Faith and Credit Clause are two methods stemming from the US Constitution that provide for recognition of court orders from other states.  We will briefly touch on both concepts but leave these non-core insurance topics to others to discuss in more depth. </w:delText>
        </w:r>
      </w:del>
    </w:p>
    <w:p w14:paraId="250B71ED" w14:textId="77777777" w:rsidR="00CF54CB" w:rsidRDefault="00344004">
      <w:pPr>
        <w:spacing w:after="272" w:line="242" w:lineRule="auto"/>
        <w:ind w:left="-11" w:right="59" w:firstLine="710"/>
        <w:jc w:val="left"/>
      </w:pPr>
      <w:r>
        <w:t xml:space="preserve">The policyholder challenging the decision must first identify the property of which they are being deprived. Assuming the resulting insurer is sufficiently capitalized, a policyholder who has been reallocated to the resulting insurer, but alleges no additional harm, may have difficulty identifying the property interest of which they have been deprived.  The determination on full faith and credit will likely rely upon the issues raised and considered in the Court of the domestic state. </w:t>
      </w:r>
    </w:p>
    <w:p w14:paraId="431E55BB" w14:textId="77777777" w:rsidR="00CF54CB" w:rsidRDefault="00344004">
      <w:pPr>
        <w:spacing w:after="272" w:line="242" w:lineRule="auto"/>
        <w:ind w:left="-11" w:right="59" w:firstLine="710"/>
        <w:jc w:val="left"/>
      </w:pPr>
      <w:r>
        <w:t xml:space="preserve">The issue is not likely to be ripe until an insolvency occurs with the assuming insurer. At that point, if the assuming insurer is insolvent and the original insurer is still financially sound, will a court give full faith and credit to the approval of the IBT or CD?  This is an open question that is unlikely to be resolved until the specific factual scenario presents itself to the courts.  The fact that this issue exists makes it even more important that only transactions with the greatest chance for success be subject to corporate restructuring process. </w:t>
      </w:r>
    </w:p>
    <w:p w14:paraId="7DCBCF75" w14:textId="77777777" w:rsidR="00CF54CB" w:rsidRDefault="00344004">
      <w:pPr>
        <w:spacing w:after="301" w:line="242" w:lineRule="auto"/>
        <w:ind w:left="-11" w:right="59" w:firstLine="710"/>
        <w:jc w:val="left"/>
      </w:pPr>
      <w:r>
        <w:t xml:space="preserve">Comity is typically understood to be a courtesy provided between jurisdictions, not necessarily as a right but rather out of deference and good will.  As such, comity might not require in this context that a state honor the decision of another state.  This is an analysis to be conducted by the individual jurisdictions.   </w:t>
      </w:r>
    </w:p>
    <w:p w14:paraId="0EE2A442" w14:textId="77777777" w:rsidR="00CF54CB" w:rsidRDefault="00344004" w:rsidP="00B078CA">
      <w:pPr>
        <w:pStyle w:val="Heading2"/>
      </w:pPr>
      <w:r>
        <w:t>B.</w:t>
      </w:r>
      <w:r>
        <w:tab/>
        <w:t>Impact of UK Part VII Transactions in the US</w:t>
      </w:r>
    </w:p>
    <w:p w14:paraId="59AA6F44" w14:textId="77777777" w:rsidR="00784C4C" w:rsidRDefault="00784C4C" w:rsidP="00784C4C">
      <w:pPr>
        <w:spacing w:after="0" w:line="240" w:lineRule="auto"/>
        <w:ind w:firstLine="810"/>
      </w:pPr>
      <w:r w:rsidRPr="0047779C">
        <w:t xml:space="preserve">Although there has been limited experience in the US courts in approving commutations and </w:t>
      </w:r>
      <w:r>
        <w:t>IBT</w:t>
      </w:r>
      <w:r w:rsidRPr="0047779C">
        <w:t>s, some US courts have had opportunities to review these</w:t>
      </w:r>
      <w:r>
        <w:t xml:space="preserve"> types of</w:t>
      </w:r>
      <w:r w:rsidRPr="0047779C">
        <w:t xml:space="preserve"> issues because </w:t>
      </w:r>
      <w:r>
        <w:t xml:space="preserve">US </w:t>
      </w:r>
      <w:r w:rsidRPr="0047779C">
        <w:t xml:space="preserve">insurers have been involved with UK-based commutations or transfers. Since the 2000 and 2005 </w:t>
      </w:r>
      <w:r w:rsidRPr="0047779C">
        <w:lastRenderedPageBreak/>
        <w:t xml:space="preserve">revisions to UK laws, solvent schemes and Part VII </w:t>
      </w:r>
      <w:r>
        <w:t>t</w:t>
      </w:r>
      <w:r w:rsidRPr="0047779C">
        <w:t>ransfers have been employed much more frequently in the UK.</w:t>
      </w:r>
      <w:r w:rsidRPr="0047779C">
        <w:rPr>
          <w:vertAlign w:val="superscript"/>
        </w:rPr>
        <w:footnoteReference w:id="30"/>
      </w:r>
      <w:r w:rsidRPr="0047779C">
        <w:t xml:space="preserve"> This has led to more frequent reviews by US courts of the underlying UK</w:t>
      </w:r>
      <w:r w:rsidRPr="0047779C" w:rsidDel="00EE4173">
        <w:t xml:space="preserve"> </w:t>
      </w:r>
      <w:r w:rsidRPr="0047779C">
        <w:t xml:space="preserve">transactions. Some of the impact </w:t>
      </w:r>
      <w:r>
        <w:t>i</w:t>
      </w:r>
      <w:r w:rsidRPr="0047779C">
        <w:t>n the US is felt in bankruptcy courts, which often are implicated because US policyholders obtain coverage from UK-based insurers on a regular basis,</w:t>
      </w:r>
      <w:r w:rsidRPr="0047779C">
        <w:rPr>
          <w:vertAlign w:val="superscript"/>
        </w:rPr>
        <w:footnoteReference w:id="31"/>
      </w:r>
      <w:r w:rsidRPr="0047779C">
        <w:t xml:space="preserve"> while others involve non-bankruptcy situations, such as when a policyholder wants to submit a claim for payment but no longer has coverage.</w:t>
      </w:r>
    </w:p>
    <w:p w14:paraId="7A7B70DF" w14:textId="77777777" w:rsidR="00784C4C" w:rsidRPr="0047779C" w:rsidRDefault="00784C4C" w:rsidP="00784C4C">
      <w:pPr>
        <w:spacing w:after="0" w:line="240" w:lineRule="auto"/>
        <w:ind w:firstLine="360"/>
      </w:pPr>
    </w:p>
    <w:p w14:paraId="2B67D6F4" w14:textId="6A19F698" w:rsidR="00CF54CB" w:rsidRDefault="00784C4C" w:rsidP="00625FDE">
      <w:pPr>
        <w:spacing w:after="272" w:line="242" w:lineRule="auto"/>
        <w:ind w:left="-11" w:right="59" w:firstLine="710"/>
        <w:jc w:val="left"/>
      </w:pPr>
      <w:r w:rsidRPr="0047779C">
        <w:t xml:space="preserve">There are several interesting cases that provide </w:t>
      </w:r>
      <w:r>
        <w:t xml:space="preserve">some </w:t>
      </w:r>
      <w:r w:rsidRPr="0047779C">
        <w:t xml:space="preserve">guidance </w:t>
      </w:r>
      <w:r>
        <w:t>on these issues.</w:t>
      </w:r>
      <w:r w:rsidRPr="0047779C">
        <w:t xml:space="preserve"> </w:t>
      </w:r>
      <w:r w:rsidRPr="0047779C">
        <w:rPr>
          <w:i/>
        </w:rPr>
        <w:t>Narragansett Electric Co. v. American Home Assurance Co.</w:t>
      </w:r>
      <w:r>
        <w:t xml:space="preserve"> is one such case</w:t>
      </w:r>
      <w:r w:rsidRPr="0047779C">
        <w:t>.</w:t>
      </w:r>
      <w:r w:rsidRPr="0047779C">
        <w:rPr>
          <w:vertAlign w:val="superscript"/>
        </w:rPr>
        <w:footnoteReference w:id="32"/>
      </w:r>
      <w:r w:rsidRPr="0047779C">
        <w:t xml:space="preserve">  In </w:t>
      </w:r>
      <w:r w:rsidRPr="0047779C">
        <w:rPr>
          <w:i/>
        </w:rPr>
        <w:t>Narragansett Electric Co.</w:t>
      </w:r>
      <w:r w:rsidRPr="0047779C">
        <w:t>,</w:t>
      </w:r>
      <w:r w:rsidRPr="0047779C">
        <w:rPr>
          <w:i/>
        </w:rPr>
        <w:t xml:space="preserve"> </w:t>
      </w:r>
      <w:r w:rsidRPr="0047779C">
        <w:t xml:space="preserve">the court </w:t>
      </w:r>
      <w:r w:rsidR="00344004">
        <w:t xml:space="preserve">reviewed claims by </w:t>
      </w:r>
      <w:sdt>
        <w:sdtPr>
          <w:tag w:val="goog_rdk_201"/>
          <w:id w:val="348535400"/>
        </w:sdtPr>
        <w:sdtEndPr/>
        <w:sdtContent>
          <w:ins w:id="441" w:author="Daveline, Dan" w:date="2021-12-16T15:25:00Z">
            <w:r w:rsidR="00344004">
              <w:t xml:space="preserve">a </w:t>
            </w:r>
          </w:ins>
        </w:sdtContent>
      </w:sdt>
      <w:r w:rsidR="00344004">
        <w:t>London-based insurer, Equitas, that the plaintiff had sued the wrong insurer on a claim that was alleged to have occurred more than sixty years earlier.</w:t>
      </w:r>
      <w:r w:rsidR="00344004">
        <w:rPr>
          <w:vertAlign w:val="superscript"/>
        </w:rPr>
        <w:t>36</w:t>
      </w:r>
      <w:r w:rsidR="00344004">
        <w:t xml:space="preserve">  Equitas </w:t>
      </w:r>
      <w:sdt>
        <w:sdtPr>
          <w:tag w:val="goog_rdk_202"/>
          <w:id w:val="-362982670"/>
        </w:sdtPr>
        <w:sdtEndPr/>
        <w:sdtContent>
          <w:ins w:id="442" w:author="Daveline, Dan" w:date="2021-12-16T15:25:00Z">
            <w:r w:rsidR="00344004">
              <w:t xml:space="preserve">had assumed a block of business from </w:t>
            </w:r>
          </w:ins>
          <w:ins w:id="443" w:author="Daveline, Dan" w:date="2021-12-20T13:01:00Z">
            <w:r w:rsidR="00A4428F">
              <w:t>Lloyd’s</w:t>
            </w:r>
          </w:ins>
          <w:ins w:id="444" w:author="Daveline, Dan" w:date="2021-12-16T15:25:00Z">
            <w:r w:rsidR="00344004">
              <w:t xml:space="preserve"> of London in a Part VII transfer, but </w:t>
            </w:r>
          </w:ins>
        </w:sdtContent>
      </w:sdt>
      <w:r w:rsidR="00344004">
        <w:t xml:space="preserve">argued that it had not assumed the obligations at issue.  As the court summarized, “Equitas’s motion to dismiss raises the question whether this </w:t>
      </w:r>
      <w:sdt>
        <w:sdtPr>
          <w:tag w:val="goog_rdk_203"/>
          <w:id w:val="1934859089"/>
        </w:sdtPr>
        <w:sdtEndPr/>
        <w:sdtContent>
          <w:del w:id="445" w:author="Daveline, Dan" w:date="2021-12-16T15:27:00Z">
            <w:r w:rsidR="00344004">
              <w:delText>[Part VII]</w:delText>
            </w:r>
          </w:del>
        </w:sdtContent>
      </w:sdt>
      <w:r w:rsidR="00344004">
        <w:t xml:space="preserve"> transfer of insurance obligations from Lloyd’s to Equitas is effective and enforceable under U.S. law.” First, the court decided that it was sitting in diversity jurisdiction and that the appropriate substantive law to apply was English.  Next, the court discussed a prior District Court case where another Part VII transfer was discussed at length and not recognized as a foreign bankruptcy proceeding.  In reaching a conclusion to reject the request for dismissal, the court relied on a letter sent by Equitas to US policyholders notifying them that Equitas was assuming the obligations of the original insurer.  The court found that regardless of whether the Part VII had any effect the letter sent to US policyholders raised sufficient basis to let the suit continue.  Equitas attempted to argue that the Part VII transfer did not state that it would become effective in the US, rather that it was only effective in certain countries of Europe.  Nevertheless, the utility company alleged that it had not relied on the English High Court Order executing the Part VII transfer, but rather relied on the notice letter it received as the evidence of obligation by the new named insurer. </w:t>
      </w:r>
    </w:p>
    <w:p w14:paraId="49AE1273" w14:textId="77777777" w:rsidR="00CF54CB" w:rsidRDefault="00344004">
      <w:pPr>
        <w:spacing w:after="272" w:line="242" w:lineRule="auto"/>
        <w:ind w:left="-11" w:right="59" w:firstLine="710"/>
        <w:jc w:val="left"/>
      </w:pPr>
      <w:r>
        <w:rPr>
          <w:i/>
        </w:rPr>
        <w:t>Air &amp; Liquid System Corp. v. Allianz Insurance Co.</w:t>
      </w:r>
      <w:r>
        <w:t>, dealt with a discovery dispute as to whether a policyholder impacted by a Part VII transfer could later have access to the information that went into a UK’s independent expert’s report.</w:t>
      </w:r>
      <w:r>
        <w:rPr>
          <w:rFonts w:ascii="ZWAdobeF" w:eastAsia="ZWAdobeF" w:hAnsi="ZWAdobeF" w:cs="ZWAdobeF"/>
          <w:sz w:val="2"/>
          <w:szCs w:val="2"/>
        </w:rPr>
        <w:t>28F</w:t>
      </w:r>
      <w:r>
        <w:rPr>
          <w:vertAlign w:val="superscript"/>
        </w:rPr>
        <w:footnoteReference w:id="33"/>
      </w:r>
      <w:r>
        <w:t xml:space="preserve">  Ultimately, the special master in the District Court allowed discovery to proceed with a deposition of the expert.  </w:t>
      </w:r>
      <w:r>
        <w:rPr>
          <w:i/>
        </w:rPr>
        <w:t>Allianz</w:t>
      </w:r>
      <w:sdt>
        <w:sdtPr>
          <w:tag w:val="goog_rdk_204"/>
          <w:id w:val="-1065951987"/>
        </w:sdtPr>
        <w:sdtEndPr/>
        <w:sdtContent>
          <w:del w:id="446" w:author="Daveline, Dan" w:date="2021-12-16T15:28:00Z">
            <w:r>
              <w:rPr>
                <w:i/>
              </w:rPr>
              <w:delText xml:space="preserve"> Insurance </w:delText>
            </w:r>
            <w:r>
              <w:rPr>
                <w:i/>
              </w:rPr>
              <w:lastRenderedPageBreak/>
              <w:delText>Co.</w:delText>
            </w:r>
          </w:del>
        </w:sdtContent>
      </w:sdt>
      <w:r>
        <w:t xml:space="preserve"> is an example of one way that Part VII transfers can be used to add complication to an insurance coverage dispute, embroiling all involved in later litigation.  </w:t>
      </w:r>
      <w:r>
        <w:rPr>
          <w:i/>
        </w:rPr>
        <w:t xml:space="preserve">Allianz </w:t>
      </w:r>
      <w:sdt>
        <w:sdtPr>
          <w:tag w:val="goog_rdk_205"/>
          <w:id w:val="-1722974545"/>
        </w:sdtPr>
        <w:sdtEndPr/>
        <w:sdtContent>
          <w:del w:id="447" w:author="Daveline, Dan" w:date="2021-12-16T15:28:00Z">
            <w:r>
              <w:rPr>
                <w:i/>
              </w:rPr>
              <w:delText>Insurance Co.</w:delText>
            </w:r>
          </w:del>
        </w:sdtContent>
      </w:sdt>
      <w:r>
        <w:t xml:space="preserve"> also shows how the approval of such a transfer, even though well vetted originally, can later come under scrutiny in unintended or unforeseen locations.   </w:t>
      </w:r>
    </w:p>
    <w:p w14:paraId="252A42D9" w14:textId="15F8D7DB" w:rsidR="0066438E" w:rsidRPr="0066438E" w:rsidRDefault="00344004" w:rsidP="0066438E">
      <w:pPr>
        <w:spacing w:after="348" w:line="242" w:lineRule="auto"/>
        <w:ind w:left="-11" w:right="59" w:firstLine="710"/>
        <w:jc w:val="left"/>
      </w:pPr>
      <w:del w:id="448" w:author="Daveline, Dan" w:date="2021-12-20T14:21:00Z">
        <w:r w:rsidDel="004D2444">
          <w:rPr>
            <w:i/>
          </w:rPr>
          <w:delText>Allainz</w:delText>
        </w:r>
      </w:del>
      <w:ins w:id="449" w:author="Daveline, Dan" w:date="2021-12-20T14:21:00Z">
        <w:r w:rsidR="004D2444">
          <w:rPr>
            <w:i/>
          </w:rPr>
          <w:t>Allianz</w:t>
        </w:r>
      </w:ins>
      <w:r>
        <w:rPr>
          <w:i/>
        </w:rPr>
        <w:t xml:space="preserve"> </w:t>
      </w:r>
      <w:sdt>
        <w:sdtPr>
          <w:tag w:val="goog_rdk_206"/>
          <w:id w:val="1206446407"/>
        </w:sdtPr>
        <w:sdtEndPr/>
        <w:sdtContent>
          <w:del w:id="450" w:author="Daveline, Dan" w:date="2021-12-16T15:30:00Z">
            <w:r>
              <w:rPr>
                <w:i/>
              </w:rPr>
              <w:delText>Insurance Co.</w:delText>
            </w:r>
            <w:r>
              <w:delText xml:space="preserve"> concerned</w:delText>
            </w:r>
          </w:del>
        </w:sdtContent>
      </w:sdt>
      <w:r>
        <w:t xml:space="preserve"> </w:t>
      </w:r>
      <w:sdt>
        <w:sdtPr>
          <w:tag w:val="goog_rdk_207"/>
          <w:id w:val="-1493790337"/>
        </w:sdtPr>
        <w:sdtEndPr/>
        <w:sdtContent>
          <w:ins w:id="451" w:author="Daveline, Dan" w:date="2021-12-16T15:30:00Z">
            <w:r>
              <w:t xml:space="preserve">involved a dispute over liabilities incurred by </w:t>
            </w:r>
          </w:ins>
        </w:sdtContent>
      </w:sdt>
      <w:r>
        <w:t>General Star, which wrote policies for excess coverage outside the US for only three years, 1998–2000, and then was put into runoff and ceased writing new policies.  By 2010, it had substantially wound down its business and decided to transfer its policies to a new insurer via a Part VII transfer.  Both General Star (the transferor) and the transferee taking over the policies shared an ultimate parent company—Berkshire Hathaway.</w:t>
      </w:r>
      <w:r>
        <w:rPr>
          <w:vertAlign w:val="superscript"/>
        </w:rPr>
        <w:t>38</w:t>
      </w:r>
      <w:r>
        <w:t xml:space="preserve">  At issue here was whether the expert who opined on the Part VII transfer had properly included one particular US-based insured, Howden North America (“Howden”), and all three policies it had purchased from General Star.  That insurance contract had been for excess coverage, and Howden had informed General Star of 13,500 potential asbestos related claims that were likely to exceed the initial layers of insurance, making it likely that the General Star excess policy would be required to pay out claims.  The real issue in </w:t>
      </w:r>
      <w:r>
        <w:rPr>
          <w:i/>
        </w:rPr>
        <w:t xml:space="preserve">Allianz </w:t>
      </w:r>
      <w:sdt>
        <w:sdtPr>
          <w:tag w:val="goog_rdk_208"/>
          <w:id w:val="155040908"/>
        </w:sdtPr>
        <w:sdtEndPr/>
        <w:sdtContent>
          <w:del w:id="452" w:author="Daveline, Dan" w:date="2021-12-16T15:32:00Z">
            <w:r>
              <w:rPr>
                <w:i/>
              </w:rPr>
              <w:delText>Insurance Co.</w:delText>
            </w:r>
            <w:r>
              <w:delText xml:space="preserve"> </w:delText>
            </w:r>
          </w:del>
        </w:sdtContent>
      </w:sdt>
      <w:r>
        <w:t xml:space="preserve">seemed to be that the </w:t>
      </w:r>
      <w:sdt>
        <w:sdtPr>
          <w:tag w:val="goog_rdk_209"/>
          <w:id w:val="-1224131268"/>
        </w:sdtPr>
        <w:sdtEndPr/>
        <w:sdtContent>
          <w:del w:id="453" w:author="Daveline, Dan" w:date="2021-12-16T15:32:00Z">
            <w:r>
              <w:delText>post-Part VII</w:delText>
            </w:r>
          </w:del>
        </w:sdtContent>
      </w:sdt>
      <w:sdt>
        <w:sdtPr>
          <w:tag w:val="goog_rdk_210"/>
          <w:id w:val="1761324634"/>
        </w:sdtPr>
        <w:sdtEndPr/>
        <w:sdtContent>
          <w:ins w:id="454" w:author="Daveline, Dan" w:date="2021-12-16T15:32:00Z">
            <w:r>
              <w:t xml:space="preserve">transferee </w:t>
            </w:r>
          </w:ins>
        </w:sdtContent>
      </w:sdt>
      <w:r>
        <w:t xml:space="preserve"> insurer was put into voluntary liquidation days after the Part VII transfer concluded, leading to questions about whether and how the independent expert had valued Howden’s potential asbestos claim</w:t>
      </w:r>
      <w:r>
        <w:rPr>
          <w:noProof/>
        </w:rPr>
        <mc:AlternateContent>
          <mc:Choice Requires="wpg">
            <w:drawing>
              <wp:anchor distT="0" distB="0" distL="0" distR="0" simplePos="0" relativeHeight="251675648" behindDoc="1" locked="0" layoutInCell="1" hidden="0" allowOverlap="1" wp14:anchorId="3A91A7A5" wp14:editId="50F8408E">
                <wp:simplePos x="0" y="0"/>
                <wp:positionH relativeFrom="column">
                  <wp:posOffset>0</wp:posOffset>
                </wp:positionH>
                <wp:positionV relativeFrom="paragraph">
                  <wp:posOffset>-2857499</wp:posOffset>
                </wp:positionV>
                <wp:extent cx="5564092" cy="5442282"/>
                <wp:effectExtent l="0" t="0" r="0" b="0"/>
                <wp:wrapNone/>
                <wp:docPr id="117582" name="Group 117582" descr="P208#y1"/>
                <wp:cNvGraphicFramePr/>
                <a:graphic xmlns:a="http://schemas.openxmlformats.org/drawingml/2006/main">
                  <a:graphicData uri="http://schemas.microsoft.com/office/word/2010/wordprocessingGroup">
                    <wpg:wgp>
                      <wpg:cNvGrpSpPr/>
                      <wpg:grpSpPr>
                        <a:xfrm>
                          <a:off x="0" y="0"/>
                          <a:ext cx="5564092" cy="5442282"/>
                          <a:chOff x="2563954" y="1058859"/>
                          <a:chExt cx="5564092" cy="5442282"/>
                        </a:xfrm>
                      </wpg:grpSpPr>
                      <wpg:grpSp>
                        <wpg:cNvPr id="117583" name="Group 117583"/>
                        <wpg:cNvGrpSpPr/>
                        <wpg:grpSpPr>
                          <a:xfrm>
                            <a:off x="2563954" y="1058859"/>
                            <a:ext cx="5564092" cy="5442282"/>
                            <a:chOff x="0" y="0"/>
                            <a:chExt cx="5564092" cy="5442282"/>
                          </a:xfrm>
                        </wpg:grpSpPr>
                        <wps:wsp>
                          <wps:cNvPr id="117584" name="Rectangle 117584"/>
                          <wps:cNvSpPr/>
                          <wps:spPr>
                            <a:xfrm>
                              <a:off x="0" y="0"/>
                              <a:ext cx="5564075" cy="5442275"/>
                            </a:xfrm>
                            <a:prstGeom prst="rect">
                              <a:avLst/>
                            </a:prstGeom>
                            <a:noFill/>
                            <a:ln>
                              <a:noFill/>
                            </a:ln>
                          </wps:spPr>
                          <wps:txbx>
                            <w:txbxContent>
                              <w:p w14:paraId="420E9C2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85" name="Freeform: Shape 117585"/>
                          <wps:cNvSpPr/>
                          <wps:spPr>
                            <a:xfrm>
                              <a:off x="412784" y="3484466"/>
                              <a:ext cx="1000596" cy="1472664"/>
                            </a:xfrm>
                            <a:custGeom>
                              <a:avLst/>
                              <a:gdLst/>
                              <a:ahLst/>
                              <a:cxnLst/>
                              <a:rect l="l" t="t" r="r" b="b"/>
                              <a:pathLst>
                                <a:path w="1000596" h="1472664" extrusionOk="0">
                                  <a:moveTo>
                                    <a:pt x="639526" y="592"/>
                                  </a:moveTo>
                                  <a:cubicBezTo>
                                    <a:pt x="688638" y="1184"/>
                                    <a:pt x="739197" y="7756"/>
                                    <a:pt x="791032" y="20837"/>
                                  </a:cubicBezTo>
                                  <a:cubicBezTo>
                                    <a:pt x="843153" y="34890"/>
                                    <a:pt x="896506" y="53877"/>
                                    <a:pt x="950816" y="78416"/>
                                  </a:cubicBezTo>
                                  <a:lnTo>
                                    <a:pt x="1000596" y="103292"/>
                                  </a:lnTo>
                                  <a:lnTo>
                                    <a:pt x="1000596" y="330497"/>
                                  </a:lnTo>
                                  <a:lnTo>
                                    <a:pt x="954591" y="304878"/>
                                  </a:lnTo>
                                  <a:cubicBezTo>
                                    <a:pt x="913406" y="283927"/>
                                    <a:pt x="872750" y="267167"/>
                                    <a:pt x="832777" y="254238"/>
                                  </a:cubicBezTo>
                                  <a:cubicBezTo>
                                    <a:pt x="772874" y="234893"/>
                                    <a:pt x="715315" y="227570"/>
                                    <a:pt x="659761" y="230085"/>
                                  </a:cubicBezTo>
                                  <a:cubicBezTo>
                                    <a:pt x="641243" y="230923"/>
                                    <a:pt x="622948" y="232854"/>
                                    <a:pt x="604863" y="235798"/>
                                  </a:cubicBezTo>
                                  <a:cubicBezTo>
                                    <a:pt x="532460" y="247507"/>
                                    <a:pt x="463931" y="288134"/>
                                    <a:pt x="397827" y="354238"/>
                                  </a:cubicBezTo>
                                  <a:cubicBezTo>
                                    <a:pt x="354521" y="397545"/>
                                    <a:pt x="311150" y="440915"/>
                                    <a:pt x="267792" y="484273"/>
                                  </a:cubicBezTo>
                                  <a:lnTo>
                                    <a:pt x="1000596" y="1217085"/>
                                  </a:lnTo>
                                  <a:lnTo>
                                    <a:pt x="1000596" y="1472664"/>
                                  </a:lnTo>
                                  <a:lnTo>
                                    <a:pt x="52705" y="524773"/>
                                  </a:lnTo>
                                  <a:cubicBezTo>
                                    <a:pt x="21615" y="493684"/>
                                    <a:pt x="5537" y="466887"/>
                                    <a:pt x="2553" y="443341"/>
                                  </a:cubicBezTo>
                                  <a:cubicBezTo>
                                    <a:pt x="0" y="421725"/>
                                    <a:pt x="5410" y="404580"/>
                                    <a:pt x="16574" y="393430"/>
                                  </a:cubicBezTo>
                                  <a:cubicBezTo>
                                    <a:pt x="89090" y="320913"/>
                                    <a:pt x="161684" y="248320"/>
                                    <a:pt x="234201" y="175790"/>
                                  </a:cubicBezTo>
                                  <a:cubicBezTo>
                                    <a:pt x="317449" y="92554"/>
                                    <a:pt x="404609" y="37906"/>
                                    <a:pt x="496697" y="16227"/>
                                  </a:cubicBezTo>
                                  <a:cubicBezTo>
                                    <a:pt x="542747" y="5388"/>
                                    <a:pt x="590414" y="0"/>
                                    <a:pt x="639526" y="592"/>
                                  </a:cubicBezTo>
                                  <a:close/>
                                </a:path>
                              </a:pathLst>
                            </a:custGeom>
                            <a:solidFill>
                              <a:srgbClr val="C0C0C0">
                                <a:alpha val="49803"/>
                              </a:srgbClr>
                            </a:solidFill>
                            <a:ln>
                              <a:noFill/>
                            </a:ln>
                          </wps:spPr>
                          <wps:txbx>
                            <w:txbxContent>
                              <w:p w14:paraId="1D19AC5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86" name="Freeform: Shape 117586"/>
                          <wps:cNvSpPr/>
                          <wps:spPr>
                            <a:xfrm>
                              <a:off x="1413380" y="3587758"/>
                              <a:ext cx="959243" cy="1854524"/>
                            </a:xfrm>
                            <a:custGeom>
                              <a:avLst/>
                              <a:gdLst/>
                              <a:ahLst/>
                              <a:cxnLst/>
                              <a:rect l="l" t="t" r="r" b="b"/>
                              <a:pathLst>
                                <a:path w="959243" h="1854524" extrusionOk="0">
                                  <a:moveTo>
                                    <a:pt x="0" y="0"/>
                                  </a:moveTo>
                                  <a:lnTo>
                                    <a:pt x="32368" y="16175"/>
                                  </a:lnTo>
                                  <a:cubicBezTo>
                                    <a:pt x="59967" y="31299"/>
                                    <a:pt x="87772" y="47889"/>
                                    <a:pt x="115747" y="66021"/>
                                  </a:cubicBezTo>
                                  <a:cubicBezTo>
                                    <a:pt x="227583" y="138487"/>
                                    <a:pt x="342785" y="233623"/>
                                    <a:pt x="458863" y="349701"/>
                                  </a:cubicBezTo>
                                  <a:cubicBezTo>
                                    <a:pt x="592822" y="483660"/>
                                    <a:pt x="699172" y="611575"/>
                                    <a:pt x="777366" y="732136"/>
                                  </a:cubicBezTo>
                                  <a:cubicBezTo>
                                    <a:pt x="856817" y="853815"/>
                                    <a:pt x="907401" y="967340"/>
                                    <a:pt x="933322" y="1073766"/>
                                  </a:cubicBezTo>
                                  <a:cubicBezTo>
                                    <a:pt x="959243" y="1180179"/>
                                    <a:pt x="957185" y="1280928"/>
                                    <a:pt x="930833" y="1372953"/>
                                  </a:cubicBezTo>
                                  <a:cubicBezTo>
                                    <a:pt x="904467" y="1464863"/>
                                    <a:pt x="849832" y="1552022"/>
                                    <a:pt x="767396" y="1634458"/>
                                  </a:cubicBezTo>
                                  <a:cubicBezTo>
                                    <a:pt x="699553" y="1702302"/>
                                    <a:pt x="631697" y="1770158"/>
                                    <a:pt x="563841" y="1838013"/>
                                  </a:cubicBezTo>
                                  <a:cubicBezTo>
                                    <a:pt x="552690" y="1849165"/>
                                    <a:pt x="535494" y="1854524"/>
                                    <a:pt x="512749" y="1850841"/>
                                  </a:cubicBezTo>
                                  <a:cubicBezTo>
                                    <a:pt x="490384" y="1849038"/>
                                    <a:pt x="463587" y="1832959"/>
                                    <a:pt x="432497" y="1801870"/>
                                  </a:cubicBezTo>
                                  <a:lnTo>
                                    <a:pt x="0" y="1369372"/>
                                  </a:lnTo>
                                  <a:lnTo>
                                    <a:pt x="0" y="1113793"/>
                                  </a:lnTo>
                                  <a:lnTo>
                                    <a:pt x="471753" y="1585551"/>
                                  </a:lnTo>
                                  <a:cubicBezTo>
                                    <a:pt x="515619" y="1541685"/>
                                    <a:pt x="559485" y="1497819"/>
                                    <a:pt x="603287" y="1454017"/>
                                  </a:cubicBezTo>
                                  <a:cubicBezTo>
                                    <a:pt x="664971" y="1392333"/>
                                    <a:pt x="704849" y="1329277"/>
                                    <a:pt x="721486" y="1261675"/>
                                  </a:cubicBezTo>
                                  <a:cubicBezTo>
                                    <a:pt x="738123" y="1194073"/>
                                    <a:pt x="737247" y="1122051"/>
                                    <a:pt x="713320" y="1042550"/>
                                  </a:cubicBezTo>
                                  <a:cubicBezTo>
                                    <a:pt x="689520" y="963047"/>
                                    <a:pt x="648651" y="877691"/>
                                    <a:pt x="584656" y="786035"/>
                                  </a:cubicBezTo>
                                  <a:cubicBezTo>
                                    <a:pt x="521918" y="695623"/>
                                    <a:pt x="438047" y="597808"/>
                                    <a:pt x="332751" y="492512"/>
                                  </a:cubicBezTo>
                                  <a:cubicBezTo>
                                    <a:pt x="249020" y="408768"/>
                                    <a:pt x="164400" y="337991"/>
                                    <a:pt x="78980" y="277361"/>
                                  </a:cubicBezTo>
                                  <a:cubicBezTo>
                                    <a:pt x="57936" y="262518"/>
                                    <a:pt x="36986" y="248812"/>
                                    <a:pt x="16149" y="236197"/>
                                  </a:cubicBezTo>
                                  <a:lnTo>
                                    <a:pt x="0" y="227205"/>
                                  </a:lnTo>
                                  <a:lnTo>
                                    <a:pt x="0" y="0"/>
                                  </a:lnTo>
                                  <a:close/>
                                </a:path>
                              </a:pathLst>
                            </a:custGeom>
                            <a:solidFill>
                              <a:srgbClr val="C0C0C0">
                                <a:alpha val="49803"/>
                              </a:srgbClr>
                            </a:solidFill>
                            <a:ln>
                              <a:noFill/>
                            </a:ln>
                          </wps:spPr>
                          <wps:txbx>
                            <w:txbxContent>
                              <w:p w14:paraId="5BC8A8F8"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87" name="Freeform: Shape 117587"/>
                          <wps:cNvSpPr/>
                          <wps:spPr>
                            <a:xfrm>
                              <a:off x="1348938" y="2590207"/>
                              <a:ext cx="628690" cy="1058861"/>
                            </a:xfrm>
                            <a:custGeom>
                              <a:avLst/>
                              <a:gdLst/>
                              <a:ahLst/>
                              <a:cxnLst/>
                              <a:rect l="l" t="t" r="r" b="b"/>
                              <a:pathLst>
                                <a:path w="628690" h="1058861" extrusionOk="0">
                                  <a:moveTo>
                                    <a:pt x="559321" y="2040"/>
                                  </a:moveTo>
                                  <a:cubicBezTo>
                                    <a:pt x="572297" y="3060"/>
                                    <a:pt x="585367" y="4730"/>
                                    <a:pt x="598565" y="7135"/>
                                  </a:cubicBezTo>
                                  <a:lnTo>
                                    <a:pt x="628690" y="14286"/>
                                  </a:lnTo>
                                  <a:lnTo>
                                    <a:pt x="628690" y="238084"/>
                                  </a:lnTo>
                                  <a:lnTo>
                                    <a:pt x="623625" y="236432"/>
                                  </a:lnTo>
                                  <a:cubicBezTo>
                                    <a:pt x="609005" y="233143"/>
                                    <a:pt x="594429" y="231336"/>
                                    <a:pt x="579896" y="230970"/>
                                  </a:cubicBezTo>
                                  <a:cubicBezTo>
                                    <a:pt x="550831" y="230238"/>
                                    <a:pt x="521938" y="235271"/>
                                    <a:pt x="493217" y="245742"/>
                                  </a:cubicBezTo>
                                  <a:cubicBezTo>
                                    <a:pt x="474523" y="252219"/>
                                    <a:pt x="457632" y="262252"/>
                                    <a:pt x="439636" y="275396"/>
                                  </a:cubicBezTo>
                                  <a:cubicBezTo>
                                    <a:pt x="421627" y="288541"/>
                                    <a:pt x="399631" y="308175"/>
                                    <a:pt x="374332" y="333461"/>
                                  </a:cubicBezTo>
                                  <a:cubicBezTo>
                                    <a:pt x="338442" y="369351"/>
                                    <a:pt x="302489" y="405304"/>
                                    <a:pt x="266611" y="441194"/>
                                  </a:cubicBezTo>
                                  <a:lnTo>
                                    <a:pt x="628690" y="803273"/>
                                  </a:lnTo>
                                  <a:lnTo>
                                    <a:pt x="628690" y="1058861"/>
                                  </a:lnTo>
                                  <a:lnTo>
                                    <a:pt x="52705" y="482876"/>
                                  </a:lnTo>
                                  <a:cubicBezTo>
                                    <a:pt x="21615" y="451786"/>
                                    <a:pt x="5537" y="424990"/>
                                    <a:pt x="2553" y="401444"/>
                                  </a:cubicBezTo>
                                  <a:cubicBezTo>
                                    <a:pt x="0" y="379828"/>
                                    <a:pt x="5359" y="362747"/>
                                    <a:pt x="16510" y="351596"/>
                                  </a:cubicBezTo>
                                  <a:cubicBezTo>
                                    <a:pt x="84607" y="283499"/>
                                    <a:pt x="152705" y="215401"/>
                                    <a:pt x="220815" y="147291"/>
                                  </a:cubicBezTo>
                                  <a:cubicBezTo>
                                    <a:pt x="245364" y="122742"/>
                                    <a:pt x="266611" y="103870"/>
                                    <a:pt x="284112" y="88731"/>
                                  </a:cubicBezTo>
                                  <a:cubicBezTo>
                                    <a:pt x="302247" y="75574"/>
                                    <a:pt x="319316" y="62989"/>
                                    <a:pt x="334454" y="52841"/>
                                  </a:cubicBezTo>
                                  <a:cubicBezTo>
                                    <a:pt x="382499" y="26730"/>
                                    <a:pt x="430479" y="8785"/>
                                    <a:pt x="482308" y="3058"/>
                                  </a:cubicBezTo>
                                  <a:cubicBezTo>
                                    <a:pt x="507791" y="562"/>
                                    <a:pt x="533368" y="0"/>
                                    <a:pt x="559321" y="2040"/>
                                  </a:cubicBezTo>
                                  <a:close/>
                                </a:path>
                              </a:pathLst>
                            </a:custGeom>
                            <a:solidFill>
                              <a:srgbClr val="C0C0C0">
                                <a:alpha val="49803"/>
                              </a:srgbClr>
                            </a:solidFill>
                            <a:ln>
                              <a:noFill/>
                            </a:ln>
                          </wps:spPr>
                          <wps:txbx>
                            <w:txbxContent>
                              <w:p w14:paraId="78867D48"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88" name="Freeform: Shape 117588"/>
                          <wps:cNvSpPr/>
                          <wps:spPr>
                            <a:xfrm>
                              <a:off x="1977628" y="2604493"/>
                              <a:ext cx="1516569" cy="1918460"/>
                            </a:xfrm>
                            <a:custGeom>
                              <a:avLst/>
                              <a:gdLst/>
                              <a:ahLst/>
                              <a:cxnLst/>
                              <a:rect l="l" t="t" r="r" b="b"/>
                              <a:pathLst>
                                <a:path w="1516569" h="1918460" extrusionOk="0">
                                  <a:moveTo>
                                    <a:pt x="0" y="0"/>
                                  </a:moveTo>
                                  <a:lnTo>
                                    <a:pt x="9892" y="2348"/>
                                  </a:lnTo>
                                  <a:cubicBezTo>
                                    <a:pt x="63714" y="18172"/>
                                    <a:pt x="117118" y="40918"/>
                                    <a:pt x="170890" y="75742"/>
                                  </a:cubicBezTo>
                                  <a:cubicBezTo>
                                    <a:pt x="224661" y="110577"/>
                                    <a:pt x="278370" y="154939"/>
                                    <a:pt x="332192" y="208774"/>
                                  </a:cubicBezTo>
                                  <a:cubicBezTo>
                                    <a:pt x="383602" y="260171"/>
                                    <a:pt x="425652" y="311453"/>
                                    <a:pt x="458303" y="360171"/>
                                  </a:cubicBezTo>
                                  <a:cubicBezTo>
                                    <a:pt x="491450" y="410767"/>
                                    <a:pt x="514133" y="459611"/>
                                    <a:pt x="529271" y="506906"/>
                                  </a:cubicBezTo>
                                  <a:cubicBezTo>
                                    <a:pt x="545590" y="555382"/>
                                    <a:pt x="552944" y="602359"/>
                                    <a:pt x="553134" y="648156"/>
                                  </a:cubicBezTo>
                                  <a:cubicBezTo>
                                    <a:pt x="553261" y="693889"/>
                                    <a:pt x="547521" y="739367"/>
                                    <a:pt x="535189" y="783233"/>
                                  </a:cubicBezTo>
                                  <a:cubicBezTo>
                                    <a:pt x="561542" y="778687"/>
                                    <a:pt x="590764" y="777632"/>
                                    <a:pt x="620114" y="782052"/>
                                  </a:cubicBezTo>
                                  <a:cubicBezTo>
                                    <a:pt x="650645" y="787653"/>
                                    <a:pt x="683792" y="794765"/>
                                    <a:pt x="718742" y="807909"/>
                                  </a:cubicBezTo>
                                  <a:cubicBezTo>
                                    <a:pt x="753692" y="820927"/>
                                    <a:pt x="791831" y="837500"/>
                                    <a:pt x="832445" y="859179"/>
                                  </a:cubicBezTo>
                                  <a:cubicBezTo>
                                    <a:pt x="873073" y="880871"/>
                                    <a:pt x="918437" y="904670"/>
                                    <a:pt x="967472" y="934757"/>
                                  </a:cubicBezTo>
                                  <a:cubicBezTo>
                                    <a:pt x="1109470" y="1020304"/>
                                    <a:pt x="1252587" y="1103857"/>
                                    <a:pt x="1394522" y="1189468"/>
                                  </a:cubicBezTo>
                                  <a:cubicBezTo>
                                    <a:pt x="1429904" y="1211655"/>
                                    <a:pt x="1454771" y="1227289"/>
                                    <a:pt x="1467725" y="1235886"/>
                                  </a:cubicBezTo>
                                  <a:cubicBezTo>
                                    <a:pt x="1481872" y="1245666"/>
                                    <a:pt x="1492274" y="1254454"/>
                                    <a:pt x="1498256" y="1260436"/>
                                  </a:cubicBezTo>
                                  <a:cubicBezTo>
                                    <a:pt x="1504237" y="1266417"/>
                                    <a:pt x="1509406" y="1273212"/>
                                    <a:pt x="1512772" y="1279435"/>
                                  </a:cubicBezTo>
                                  <a:cubicBezTo>
                                    <a:pt x="1516137" y="1285670"/>
                                    <a:pt x="1516569" y="1292211"/>
                                    <a:pt x="1515083" y="1301063"/>
                                  </a:cubicBezTo>
                                  <a:cubicBezTo>
                                    <a:pt x="1513521" y="1309851"/>
                                    <a:pt x="1509101" y="1318881"/>
                                    <a:pt x="1501431" y="1329041"/>
                                  </a:cubicBezTo>
                                  <a:cubicBezTo>
                                    <a:pt x="1493709" y="1339125"/>
                                    <a:pt x="1482990" y="1352218"/>
                                    <a:pt x="1468157" y="1367039"/>
                                  </a:cubicBezTo>
                                  <a:cubicBezTo>
                                    <a:pt x="1455507" y="1379689"/>
                                    <a:pt x="1443925" y="1388909"/>
                                    <a:pt x="1434578" y="1395894"/>
                                  </a:cubicBezTo>
                                  <a:cubicBezTo>
                                    <a:pt x="1425167" y="1402802"/>
                                    <a:pt x="1416137" y="1407235"/>
                                    <a:pt x="1406104" y="1407540"/>
                                  </a:cubicBezTo>
                                  <a:cubicBezTo>
                                    <a:pt x="1397316" y="1409102"/>
                                    <a:pt x="1388782" y="1408162"/>
                                    <a:pt x="1380615" y="1404365"/>
                                  </a:cubicBezTo>
                                  <a:cubicBezTo>
                                    <a:pt x="1371713" y="1401304"/>
                                    <a:pt x="1361057" y="1395271"/>
                                    <a:pt x="1349284" y="1387854"/>
                                  </a:cubicBezTo>
                                  <a:cubicBezTo>
                                    <a:pt x="1198625" y="1295018"/>
                                    <a:pt x="1046656" y="1204238"/>
                                    <a:pt x="896009" y="1111401"/>
                                  </a:cubicBezTo>
                                  <a:cubicBezTo>
                                    <a:pt x="843913" y="1079753"/>
                                    <a:pt x="794942" y="1052334"/>
                                    <a:pt x="749209" y="1028533"/>
                                  </a:cubicBezTo>
                                  <a:cubicBezTo>
                                    <a:pt x="703604" y="1004734"/>
                                    <a:pt x="660055" y="988846"/>
                                    <a:pt x="619428" y="979003"/>
                                  </a:cubicBezTo>
                                  <a:cubicBezTo>
                                    <a:pt x="578737" y="969097"/>
                                    <a:pt x="541730" y="968475"/>
                                    <a:pt x="506589" y="974571"/>
                                  </a:cubicBezTo>
                                  <a:cubicBezTo>
                                    <a:pt x="472565" y="981925"/>
                                    <a:pt x="440104" y="1000314"/>
                                    <a:pt x="411135" y="1029283"/>
                                  </a:cubicBezTo>
                                  <a:cubicBezTo>
                                    <a:pt x="382662" y="1057756"/>
                                    <a:pt x="354189" y="1086229"/>
                                    <a:pt x="325715" y="1114703"/>
                                  </a:cubicBezTo>
                                  <a:cubicBezTo>
                                    <a:pt x="545463" y="1334464"/>
                                    <a:pt x="765161" y="1554149"/>
                                    <a:pt x="984845" y="1773846"/>
                                  </a:cubicBezTo>
                                  <a:cubicBezTo>
                                    <a:pt x="990827" y="1779827"/>
                                    <a:pt x="996059" y="1786546"/>
                                    <a:pt x="998625" y="1793594"/>
                                  </a:cubicBezTo>
                                  <a:cubicBezTo>
                                    <a:pt x="1001241" y="1800566"/>
                                    <a:pt x="1000987" y="1807793"/>
                                    <a:pt x="998929" y="1814714"/>
                                  </a:cubicBezTo>
                                  <a:cubicBezTo>
                                    <a:pt x="997495" y="1823503"/>
                                    <a:pt x="993761" y="1831846"/>
                                    <a:pt x="988020" y="1842439"/>
                                  </a:cubicBezTo>
                                  <a:cubicBezTo>
                                    <a:pt x="981048" y="1851785"/>
                                    <a:pt x="971828" y="1863381"/>
                                    <a:pt x="959242" y="1875966"/>
                                  </a:cubicBezTo>
                                  <a:cubicBezTo>
                                    <a:pt x="946593" y="1888616"/>
                                    <a:pt x="935747" y="1897087"/>
                                    <a:pt x="926400" y="1904059"/>
                                  </a:cubicBezTo>
                                  <a:cubicBezTo>
                                    <a:pt x="915808" y="1909799"/>
                                    <a:pt x="906778" y="1914219"/>
                                    <a:pt x="897927" y="1915717"/>
                                  </a:cubicBezTo>
                                  <a:cubicBezTo>
                                    <a:pt x="890332" y="1918460"/>
                                    <a:pt x="883791" y="1918016"/>
                                    <a:pt x="876807" y="1915400"/>
                                  </a:cubicBezTo>
                                  <a:cubicBezTo>
                                    <a:pt x="869834" y="1912784"/>
                                    <a:pt x="863040" y="1907615"/>
                                    <a:pt x="857058" y="1901633"/>
                                  </a:cubicBezTo>
                                  <a:lnTo>
                                    <a:pt x="0" y="1044575"/>
                                  </a:lnTo>
                                  <a:lnTo>
                                    <a:pt x="0" y="788988"/>
                                  </a:lnTo>
                                  <a:lnTo>
                                    <a:pt x="159485" y="948473"/>
                                  </a:lnTo>
                                  <a:cubicBezTo>
                                    <a:pt x="201103" y="906855"/>
                                    <a:pt x="242721" y="865237"/>
                                    <a:pt x="284275" y="823670"/>
                                  </a:cubicBezTo>
                                  <a:cubicBezTo>
                                    <a:pt x="317740" y="790218"/>
                                    <a:pt x="340600" y="753388"/>
                                    <a:pt x="351572" y="715631"/>
                                  </a:cubicBezTo>
                                  <a:cubicBezTo>
                                    <a:pt x="362660" y="677874"/>
                                    <a:pt x="365530" y="639863"/>
                                    <a:pt x="357491" y="599680"/>
                                  </a:cubicBezTo>
                                  <a:cubicBezTo>
                                    <a:pt x="350760" y="560678"/>
                                    <a:pt x="335748" y="521118"/>
                                    <a:pt x="311453" y="480744"/>
                                  </a:cubicBezTo>
                                  <a:cubicBezTo>
                                    <a:pt x="286396" y="441108"/>
                                    <a:pt x="255497" y="402601"/>
                                    <a:pt x="218426" y="365530"/>
                                  </a:cubicBezTo>
                                  <a:cubicBezTo>
                                    <a:pt x="157428" y="304532"/>
                                    <a:pt x="97737" y="261669"/>
                                    <a:pt x="38924" y="236498"/>
                                  </a:cubicBezTo>
                                  <a:lnTo>
                                    <a:pt x="0" y="223799"/>
                                  </a:lnTo>
                                  <a:lnTo>
                                    <a:pt x="0" y="0"/>
                                  </a:lnTo>
                                  <a:close/>
                                </a:path>
                              </a:pathLst>
                            </a:custGeom>
                            <a:solidFill>
                              <a:srgbClr val="C0C0C0">
                                <a:alpha val="49803"/>
                              </a:srgbClr>
                            </a:solidFill>
                            <a:ln>
                              <a:noFill/>
                            </a:ln>
                          </wps:spPr>
                          <wps:txbx>
                            <w:txbxContent>
                              <w:p w14:paraId="2917E81F"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89" name="Freeform: Shape 117589"/>
                          <wps:cNvSpPr/>
                          <wps:spPr>
                            <a:xfrm>
                              <a:off x="2390889" y="1786690"/>
                              <a:ext cx="734403" cy="1318044"/>
                            </a:xfrm>
                            <a:custGeom>
                              <a:avLst/>
                              <a:gdLst/>
                              <a:ahLst/>
                              <a:cxnLst/>
                              <a:rect l="l" t="t" r="r" b="b"/>
                              <a:pathLst>
                                <a:path w="734403" h="1318044" extrusionOk="0">
                                  <a:moveTo>
                                    <a:pt x="143118" y="343"/>
                                  </a:moveTo>
                                  <a:cubicBezTo>
                                    <a:pt x="147619" y="0"/>
                                    <a:pt x="152025" y="327"/>
                                    <a:pt x="156820" y="1508"/>
                                  </a:cubicBezTo>
                                  <a:cubicBezTo>
                                    <a:pt x="166548" y="3870"/>
                                    <a:pt x="177203" y="9916"/>
                                    <a:pt x="187732" y="16088"/>
                                  </a:cubicBezTo>
                                  <a:lnTo>
                                    <a:pt x="734403" y="362456"/>
                                  </a:lnTo>
                                  <a:lnTo>
                                    <a:pt x="734403" y="577667"/>
                                  </a:lnTo>
                                  <a:lnTo>
                                    <a:pt x="265049" y="276095"/>
                                  </a:lnTo>
                                  <a:cubicBezTo>
                                    <a:pt x="264795" y="276336"/>
                                    <a:pt x="264554" y="276590"/>
                                    <a:pt x="264300" y="276844"/>
                                  </a:cubicBezTo>
                                  <a:cubicBezTo>
                                    <a:pt x="365894" y="432641"/>
                                    <a:pt x="466550" y="589061"/>
                                    <a:pt x="567214" y="745472"/>
                                  </a:cubicBezTo>
                                  <a:lnTo>
                                    <a:pt x="734403" y="1004067"/>
                                  </a:lnTo>
                                  <a:lnTo>
                                    <a:pt x="734403" y="1318044"/>
                                  </a:lnTo>
                                  <a:lnTo>
                                    <a:pt x="574148" y="1065135"/>
                                  </a:lnTo>
                                  <a:cubicBezTo>
                                    <a:pt x="388880" y="771360"/>
                                    <a:pt x="203613" y="477586"/>
                                    <a:pt x="16447" y="184998"/>
                                  </a:cubicBezTo>
                                  <a:cubicBezTo>
                                    <a:pt x="10224" y="174406"/>
                                    <a:pt x="5423" y="164995"/>
                                    <a:pt x="3048" y="155280"/>
                                  </a:cubicBezTo>
                                  <a:cubicBezTo>
                                    <a:pt x="0" y="146377"/>
                                    <a:pt x="1054" y="138338"/>
                                    <a:pt x="4051" y="127988"/>
                                  </a:cubicBezTo>
                                  <a:cubicBezTo>
                                    <a:pt x="6287" y="118526"/>
                                    <a:pt x="12217" y="107985"/>
                                    <a:pt x="20625" y="97088"/>
                                  </a:cubicBezTo>
                                  <a:cubicBezTo>
                                    <a:pt x="29032" y="86179"/>
                                    <a:pt x="40996" y="74343"/>
                                    <a:pt x="55829" y="59522"/>
                                  </a:cubicBezTo>
                                  <a:cubicBezTo>
                                    <a:pt x="71463" y="43875"/>
                                    <a:pt x="84735" y="30477"/>
                                    <a:pt x="96393" y="21320"/>
                                  </a:cubicBezTo>
                                  <a:cubicBezTo>
                                    <a:pt x="108039" y="12164"/>
                                    <a:pt x="118567" y="6245"/>
                                    <a:pt x="128854" y="3197"/>
                                  </a:cubicBezTo>
                                  <a:cubicBezTo>
                                    <a:pt x="134023" y="1698"/>
                                    <a:pt x="138617" y="686"/>
                                    <a:pt x="143118" y="343"/>
                                  </a:cubicBezTo>
                                  <a:close/>
                                </a:path>
                              </a:pathLst>
                            </a:custGeom>
                            <a:solidFill>
                              <a:srgbClr val="C0C0C0">
                                <a:alpha val="49803"/>
                              </a:srgbClr>
                            </a:solidFill>
                            <a:ln>
                              <a:noFill/>
                            </a:ln>
                          </wps:spPr>
                          <wps:txbx>
                            <w:txbxContent>
                              <w:p w14:paraId="06371CF7"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90" name="Freeform: Shape 117590"/>
                          <wps:cNvSpPr/>
                          <wps:spPr>
                            <a:xfrm>
                              <a:off x="3125292" y="2149147"/>
                              <a:ext cx="1283754" cy="1652916"/>
                            </a:xfrm>
                            <a:custGeom>
                              <a:avLst/>
                              <a:gdLst/>
                              <a:ahLst/>
                              <a:cxnLst/>
                              <a:rect l="l" t="t" r="r" b="b"/>
                              <a:pathLst>
                                <a:path w="1283754" h="1652916" extrusionOk="0">
                                  <a:moveTo>
                                    <a:pt x="0" y="0"/>
                                  </a:moveTo>
                                  <a:lnTo>
                                    <a:pt x="333496" y="211301"/>
                                  </a:lnTo>
                                  <a:cubicBezTo>
                                    <a:pt x="627269" y="396569"/>
                                    <a:pt x="921042" y="581837"/>
                                    <a:pt x="1213663" y="768971"/>
                                  </a:cubicBezTo>
                                  <a:cubicBezTo>
                                    <a:pt x="1235215" y="783296"/>
                                    <a:pt x="1250671" y="794142"/>
                                    <a:pt x="1262202" y="804175"/>
                                  </a:cubicBezTo>
                                  <a:cubicBezTo>
                                    <a:pt x="1272984" y="814958"/>
                                    <a:pt x="1278953" y="825549"/>
                                    <a:pt x="1281392" y="835201"/>
                                  </a:cubicBezTo>
                                  <a:cubicBezTo>
                                    <a:pt x="1283754" y="844917"/>
                                    <a:pt x="1280516" y="855140"/>
                                    <a:pt x="1272794" y="865364"/>
                                  </a:cubicBezTo>
                                  <a:cubicBezTo>
                                    <a:pt x="1264374" y="876133"/>
                                    <a:pt x="1253668" y="889227"/>
                                    <a:pt x="1238021" y="904861"/>
                                  </a:cubicBezTo>
                                  <a:cubicBezTo>
                                    <a:pt x="1222451" y="920444"/>
                                    <a:pt x="1210615" y="932395"/>
                                    <a:pt x="1200455" y="940065"/>
                                  </a:cubicBezTo>
                                  <a:cubicBezTo>
                                    <a:pt x="1189546" y="948473"/>
                                    <a:pt x="1180516" y="952905"/>
                                    <a:pt x="1172477" y="953705"/>
                                  </a:cubicBezTo>
                                  <a:cubicBezTo>
                                    <a:pt x="1164882" y="956448"/>
                                    <a:pt x="1158265" y="955953"/>
                                    <a:pt x="1151293" y="953337"/>
                                  </a:cubicBezTo>
                                  <a:cubicBezTo>
                                    <a:pt x="1144321" y="950721"/>
                                    <a:pt x="1136028" y="947038"/>
                                    <a:pt x="1126681" y="942059"/>
                                  </a:cubicBezTo>
                                  <a:cubicBezTo>
                                    <a:pt x="973976" y="843304"/>
                                    <a:pt x="820077" y="746479"/>
                                    <a:pt x="667360" y="647724"/>
                                  </a:cubicBezTo>
                                  <a:cubicBezTo>
                                    <a:pt x="534149" y="780934"/>
                                    <a:pt x="400876" y="914208"/>
                                    <a:pt x="267665" y="1047418"/>
                                  </a:cubicBezTo>
                                  <a:cubicBezTo>
                                    <a:pt x="366039" y="1197266"/>
                                    <a:pt x="462559" y="1348358"/>
                                    <a:pt x="560934" y="1498205"/>
                                  </a:cubicBezTo>
                                  <a:cubicBezTo>
                                    <a:pt x="566738" y="1506866"/>
                                    <a:pt x="570344" y="1515096"/>
                                    <a:pt x="572960" y="1522068"/>
                                  </a:cubicBezTo>
                                  <a:cubicBezTo>
                                    <a:pt x="576707" y="1530298"/>
                                    <a:pt x="576516" y="1537588"/>
                                    <a:pt x="575704" y="1545627"/>
                                  </a:cubicBezTo>
                                  <a:cubicBezTo>
                                    <a:pt x="575399" y="1555647"/>
                                    <a:pt x="570967" y="1564689"/>
                                    <a:pt x="564058" y="1574100"/>
                                  </a:cubicBezTo>
                                  <a:cubicBezTo>
                                    <a:pt x="556323" y="1584184"/>
                                    <a:pt x="546354" y="1596528"/>
                                    <a:pt x="532219" y="1610676"/>
                                  </a:cubicBezTo>
                                  <a:cubicBezTo>
                                    <a:pt x="518135" y="1624748"/>
                                    <a:pt x="505054" y="1635467"/>
                                    <a:pt x="494957" y="1643188"/>
                                  </a:cubicBezTo>
                                  <a:cubicBezTo>
                                    <a:pt x="482867" y="1650427"/>
                                    <a:pt x="473278" y="1652916"/>
                                    <a:pt x="463677" y="1650542"/>
                                  </a:cubicBezTo>
                                  <a:cubicBezTo>
                                    <a:pt x="453961" y="1648179"/>
                                    <a:pt x="443370" y="1642070"/>
                                    <a:pt x="433337" y="1630666"/>
                                  </a:cubicBezTo>
                                  <a:cubicBezTo>
                                    <a:pt x="422554" y="1619897"/>
                                    <a:pt x="411709" y="1604441"/>
                                    <a:pt x="397446" y="1582825"/>
                                  </a:cubicBezTo>
                                  <a:lnTo>
                                    <a:pt x="0" y="955588"/>
                                  </a:lnTo>
                                  <a:lnTo>
                                    <a:pt x="0" y="641610"/>
                                  </a:lnTo>
                                  <a:lnTo>
                                    <a:pt x="135763" y="851597"/>
                                  </a:lnTo>
                                  <a:cubicBezTo>
                                    <a:pt x="247167" y="740193"/>
                                    <a:pt x="358635" y="628725"/>
                                    <a:pt x="470103" y="517257"/>
                                  </a:cubicBezTo>
                                  <a:cubicBezTo>
                                    <a:pt x="313963" y="416006"/>
                                    <a:pt x="157185" y="315740"/>
                                    <a:pt x="398" y="215467"/>
                                  </a:cubicBezTo>
                                  <a:lnTo>
                                    <a:pt x="0" y="215211"/>
                                  </a:lnTo>
                                  <a:lnTo>
                                    <a:pt x="0" y="0"/>
                                  </a:lnTo>
                                  <a:close/>
                                </a:path>
                              </a:pathLst>
                            </a:custGeom>
                            <a:solidFill>
                              <a:srgbClr val="C0C0C0">
                                <a:alpha val="49803"/>
                              </a:srgbClr>
                            </a:solidFill>
                            <a:ln>
                              <a:noFill/>
                            </a:ln>
                          </wps:spPr>
                          <wps:txbx>
                            <w:txbxContent>
                              <w:p w14:paraId="5178E2D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91" name="Freeform: Shape 117591"/>
                          <wps:cNvSpPr/>
                          <wps:spPr>
                            <a:xfrm>
                              <a:off x="3055515" y="797215"/>
                              <a:ext cx="1630426" cy="2019160"/>
                            </a:xfrm>
                            <a:custGeom>
                              <a:avLst/>
                              <a:gdLst/>
                              <a:ahLst/>
                              <a:cxnLst/>
                              <a:rect l="l" t="t" r="r" b="b"/>
                              <a:pathLst>
                                <a:path w="1630426" h="2019160" extrusionOk="0">
                                  <a:moveTo>
                                    <a:pt x="464122" y="0"/>
                                  </a:moveTo>
                                  <a:cubicBezTo>
                                    <a:pt x="470662" y="686"/>
                                    <a:pt x="478447" y="2362"/>
                                    <a:pt x="487794" y="7353"/>
                                  </a:cubicBezTo>
                                  <a:cubicBezTo>
                                    <a:pt x="497269" y="12332"/>
                                    <a:pt x="509041" y="19621"/>
                                    <a:pt x="520573" y="29655"/>
                                  </a:cubicBezTo>
                                  <a:cubicBezTo>
                                    <a:pt x="533273" y="40869"/>
                                    <a:pt x="547167" y="53264"/>
                                    <a:pt x="562750" y="68847"/>
                                  </a:cubicBezTo>
                                  <a:cubicBezTo>
                                    <a:pt x="578269" y="84366"/>
                                    <a:pt x="590664" y="98260"/>
                                    <a:pt x="600697" y="109779"/>
                                  </a:cubicBezTo>
                                  <a:cubicBezTo>
                                    <a:pt x="610731" y="121310"/>
                                    <a:pt x="618020" y="133084"/>
                                    <a:pt x="621818" y="141376"/>
                                  </a:cubicBezTo>
                                  <a:cubicBezTo>
                                    <a:pt x="626796" y="150711"/>
                                    <a:pt x="628485" y="158509"/>
                                    <a:pt x="629171" y="165049"/>
                                  </a:cubicBezTo>
                                  <a:cubicBezTo>
                                    <a:pt x="629107" y="172339"/>
                                    <a:pt x="627304" y="176517"/>
                                    <a:pt x="623557" y="180251"/>
                                  </a:cubicBezTo>
                                  <a:cubicBezTo>
                                    <a:pt x="506171" y="297637"/>
                                    <a:pt x="388785" y="415023"/>
                                    <a:pt x="271399" y="532410"/>
                                  </a:cubicBezTo>
                                  <a:cubicBezTo>
                                    <a:pt x="446862" y="707860"/>
                                    <a:pt x="622313" y="883310"/>
                                    <a:pt x="797700" y="1058710"/>
                                  </a:cubicBezTo>
                                  <a:cubicBezTo>
                                    <a:pt x="908672" y="947738"/>
                                    <a:pt x="1019645" y="836765"/>
                                    <a:pt x="1130542" y="725869"/>
                                  </a:cubicBezTo>
                                  <a:cubicBezTo>
                                    <a:pt x="1134288" y="722122"/>
                                    <a:pt x="1138453" y="720319"/>
                                    <a:pt x="1144562" y="719074"/>
                                  </a:cubicBezTo>
                                  <a:cubicBezTo>
                                    <a:pt x="1151103" y="719760"/>
                                    <a:pt x="1158888" y="721436"/>
                                    <a:pt x="1167054" y="725246"/>
                                  </a:cubicBezTo>
                                  <a:cubicBezTo>
                                    <a:pt x="1175347" y="729044"/>
                                    <a:pt x="1185939" y="735152"/>
                                    <a:pt x="1197458" y="745185"/>
                                  </a:cubicBezTo>
                                  <a:cubicBezTo>
                                    <a:pt x="1208926" y="755142"/>
                                    <a:pt x="1224064" y="768795"/>
                                    <a:pt x="1240765" y="785495"/>
                                  </a:cubicBezTo>
                                  <a:cubicBezTo>
                                    <a:pt x="1256335" y="801065"/>
                                    <a:pt x="1267562" y="813778"/>
                                    <a:pt x="1277582" y="825310"/>
                                  </a:cubicBezTo>
                                  <a:cubicBezTo>
                                    <a:pt x="1287615" y="836829"/>
                                    <a:pt x="1294905" y="848602"/>
                                    <a:pt x="1298651" y="856831"/>
                                  </a:cubicBezTo>
                                  <a:cubicBezTo>
                                    <a:pt x="1303693" y="866242"/>
                                    <a:pt x="1305370" y="874027"/>
                                    <a:pt x="1306056" y="880567"/>
                                  </a:cubicBezTo>
                                  <a:cubicBezTo>
                                    <a:pt x="1306004" y="887857"/>
                                    <a:pt x="1305370" y="893217"/>
                                    <a:pt x="1301636" y="896963"/>
                                  </a:cubicBezTo>
                                  <a:cubicBezTo>
                                    <a:pt x="1190727" y="1007859"/>
                                    <a:pt x="1079767" y="1118832"/>
                                    <a:pt x="968794" y="1229805"/>
                                  </a:cubicBezTo>
                                  <a:cubicBezTo>
                                    <a:pt x="1183691" y="1444688"/>
                                    <a:pt x="1398588" y="1659585"/>
                                    <a:pt x="1613535" y="1874546"/>
                                  </a:cubicBezTo>
                                  <a:cubicBezTo>
                                    <a:pt x="1619517" y="1880527"/>
                                    <a:pt x="1623504" y="1886001"/>
                                    <a:pt x="1626121" y="1892986"/>
                                  </a:cubicBezTo>
                                  <a:cubicBezTo>
                                    <a:pt x="1629931" y="1901266"/>
                                    <a:pt x="1630426" y="1907756"/>
                                    <a:pt x="1627683" y="1915350"/>
                                  </a:cubicBezTo>
                                  <a:cubicBezTo>
                                    <a:pt x="1626184" y="1924203"/>
                                    <a:pt x="1622514" y="1932483"/>
                                    <a:pt x="1616774" y="1943075"/>
                                  </a:cubicBezTo>
                                  <a:cubicBezTo>
                                    <a:pt x="1609738" y="1952485"/>
                                    <a:pt x="1600517" y="1964081"/>
                                    <a:pt x="1587932" y="1976666"/>
                                  </a:cubicBezTo>
                                  <a:cubicBezTo>
                                    <a:pt x="1576032" y="1988566"/>
                                    <a:pt x="1564437" y="1997786"/>
                                    <a:pt x="1555090" y="2004759"/>
                                  </a:cubicBezTo>
                                  <a:cubicBezTo>
                                    <a:pt x="1544498" y="2010499"/>
                                    <a:pt x="1535468" y="2014919"/>
                                    <a:pt x="1526616" y="2016417"/>
                                  </a:cubicBezTo>
                                  <a:cubicBezTo>
                                    <a:pt x="1519022" y="2019160"/>
                                    <a:pt x="1512481" y="2018716"/>
                                    <a:pt x="1504252" y="2014855"/>
                                  </a:cubicBezTo>
                                  <a:cubicBezTo>
                                    <a:pt x="1497279" y="2012239"/>
                                    <a:pt x="1491730" y="2008314"/>
                                    <a:pt x="1485748" y="2002333"/>
                                  </a:cubicBezTo>
                                  <a:cubicBezTo>
                                    <a:pt x="1008050" y="1524635"/>
                                    <a:pt x="530403" y="1046988"/>
                                    <a:pt x="52705" y="569290"/>
                                  </a:cubicBezTo>
                                  <a:cubicBezTo>
                                    <a:pt x="21615" y="538201"/>
                                    <a:pt x="5537" y="511416"/>
                                    <a:pt x="2553" y="487858"/>
                                  </a:cubicBezTo>
                                  <a:cubicBezTo>
                                    <a:pt x="0" y="466243"/>
                                    <a:pt x="5423" y="449098"/>
                                    <a:pt x="16510" y="438010"/>
                                  </a:cubicBezTo>
                                  <a:cubicBezTo>
                                    <a:pt x="160681" y="293840"/>
                                    <a:pt x="304800" y="149721"/>
                                    <a:pt x="448920" y="5601"/>
                                  </a:cubicBezTo>
                                  <a:cubicBezTo>
                                    <a:pt x="452653" y="1867"/>
                                    <a:pt x="456832" y="64"/>
                                    <a:pt x="464122" y="0"/>
                                  </a:cubicBezTo>
                                  <a:close/>
                                </a:path>
                              </a:pathLst>
                            </a:custGeom>
                            <a:solidFill>
                              <a:srgbClr val="C0C0C0">
                                <a:alpha val="49803"/>
                              </a:srgbClr>
                            </a:solidFill>
                            <a:ln>
                              <a:noFill/>
                            </a:ln>
                          </wps:spPr>
                          <wps:txbx>
                            <w:txbxContent>
                              <w:p w14:paraId="0DA675A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92" name="Freeform: Shape 117592"/>
                          <wps:cNvSpPr/>
                          <wps:spPr>
                            <a:xfrm>
                              <a:off x="3625996" y="0"/>
                              <a:ext cx="1938096" cy="1938223"/>
                            </a:xfrm>
                            <a:custGeom>
                              <a:avLst/>
                              <a:gdLst/>
                              <a:ahLst/>
                              <a:cxnLst/>
                              <a:rect l="l" t="t" r="r" b="b"/>
                              <a:pathLst>
                                <a:path w="1938096" h="1938223" extrusionOk="0">
                                  <a:moveTo>
                                    <a:pt x="690855" y="0"/>
                                  </a:moveTo>
                                  <a:cubicBezTo>
                                    <a:pt x="697395" y="686"/>
                                    <a:pt x="705180" y="2362"/>
                                    <a:pt x="714528" y="7353"/>
                                  </a:cubicBezTo>
                                  <a:cubicBezTo>
                                    <a:pt x="723938" y="12395"/>
                                    <a:pt x="735025" y="20371"/>
                                    <a:pt x="746557" y="30404"/>
                                  </a:cubicBezTo>
                                  <a:cubicBezTo>
                                    <a:pt x="759206" y="41681"/>
                                    <a:pt x="773151" y="54013"/>
                                    <a:pt x="788734" y="69596"/>
                                  </a:cubicBezTo>
                                  <a:cubicBezTo>
                                    <a:pt x="804253" y="85115"/>
                                    <a:pt x="816585" y="99073"/>
                                    <a:pt x="826681" y="110528"/>
                                  </a:cubicBezTo>
                                  <a:cubicBezTo>
                                    <a:pt x="836714" y="122060"/>
                                    <a:pt x="844690" y="133147"/>
                                    <a:pt x="848551" y="141376"/>
                                  </a:cubicBezTo>
                                  <a:cubicBezTo>
                                    <a:pt x="853529" y="150724"/>
                                    <a:pt x="855218" y="158509"/>
                                    <a:pt x="855904" y="165049"/>
                                  </a:cubicBezTo>
                                  <a:cubicBezTo>
                                    <a:pt x="855840" y="172339"/>
                                    <a:pt x="853288" y="177267"/>
                                    <a:pt x="849541" y="181000"/>
                                  </a:cubicBezTo>
                                  <a:cubicBezTo>
                                    <a:pt x="759384" y="271158"/>
                                    <a:pt x="669290" y="361251"/>
                                    <a:pt x="579133" y="451409"/>
                                  </a:cubicBezTo>
                                  <a:cubicBezTo>
                                    <a:pt x="1026490" y="898766"/>
                                    <a:pt x="1473911" y="1346187"/>
                                    <a:pt x="1921269" y="1793545"/>
                                  </a:cubicBezTo>
                                  <a:cubicBezTo>
                                    <a:pt x="1927251" y="1799526"/>
                                    <a:pt x="1932419" y="1806321"/>
                                    <a:pt x="1935036" y="1813293"/>
                                  </a:cubicBezTo>
                                  <a:cubicBezTo>
                                    <a:pt x="1937652" y="1820278"/>
                                    <a:pt x="1938096" y="1826819"/>
                                    <a:pt x="1935353" y="1834413"/>
                                  </a:cubicBezTo>
                                  <a:cubicBezTo>
                                    <a:pt x="1933855" y="1843265"/>
                                    <a:pt x="1930184" y="1851559"/>
                                    <a:pt x="1924444" y="1862150"/>
                                  </a:cubicBezTo>
                                  <a:cubicBezTo>
                                    <a:pt x="1917471" y="1871498"/>
                                    <a:pt x="1908251" y="1883080"/>
                                    <a:pt x="1895602" y="1895729"/>
                                  </a:cubicBezTo>
                                  <a:cubicBezTo>
                                    <a:pt x="1883702" y="1907629"/>
                                    <a:pt x="1872107" y="1916849"/>
                                    <a:pt x="1862760" y="1923834"/>
                                  </a:cubicBezTo>
                                  <a:cubicBezTo>
                                    <a:pt x="1852168" y="1929562"/>
                                    <a:pt x="1843139" y="1933981"/>
                                    <a:pt x="1834287" y="1935480"/>
                                  </a:cubicBezTo>
                                  <a:cubicBezTo>
                                    <a:pt x="1826692" y="1938223"/>
                                    <a:pt x="1820202" y="1937728"/>
                                    <a:pt x="1813167" y="1935163"/>
                                  </a:cubicBezTo>
                                  <a:cubicBezTo>
                                    <a:pt x="1806194" y="1932546"/>
                                    <a:pt x="1799463" y="1927314"/>
                                    <a:pt x="1793481" y="1921332"/>
                                  </a:cubicBezTo>
                                  <a:cubicBezTo>
                                    <a:pt x="1346124" y="1473975"/>
                                    <a:pt x="898703" y="1026554"/>
                                    <a:pt x="451345" y="579196"/>
                                  </a:cubicBezTo>
                                  <a:cubicBezTo>
                                    <a:pt x="361188" y="669354"/>
                                    <a:pt x="271031" y="759511"/>
                                    <a:pt x="180873" y="849668"/>
                                  </a:cubicBezTo>
                                  <a:cubicBezTo>
                                    <a:pt x="177191" y="853351"/>
                                    <a:pt x="172276" y="855904"/>
                                    <a:pt x="165672" y="855282"/>
                                  </a:cubicBezTo>
                                  <a:cubicBezTo>
                                    <a:pt x="158382" y="855345"/>
                                    <a:pt x="151333" y="852919"/>
                                    <a:pt x="141986" y="847928"/>
                                  </a:cubicBezTo>
                                  <a:cubicBezTo>
                                    <a:pt x="133769" y="844067"/>
                                    <a:pt x="122682" y="836092"/>
                                    <a:pt x="111214" y="825995"/>
                                  </a:cubicBezTo>
                                  <a:cubicBezTo>
                                    <a:pt x="98933" y="816712"/>
                                    <a:pt x="85039" y="804316"/>
                                    <a:pt x="69533" y="788797"/>
                                  </a:cubicBezTo>
                                  <a:cubicBezTo>
                                    <a:pt x="53950" y="773227"/>
                                    <a:pt x="41554" y="759333"/>
                                    <a:pt x="31090" y="745871"/>
                                  </a:cubicBezTo>
                                  <a:cubicBezTo>
                                    <a:pt x="20993" y="734403"/>
                                    <a:pt x="13018" y="723316"/>
                                    <a:pt x="7976" y="713905"/>
                                  </a:cubicBezTo>
                                  <a:cubicBezTo>
                                    <a:pt x="2985" y="704558"/>
                                    <a:pt x="559" y="697522"/>
                                    <a:pt x="622" y="690232"/>
                                  </a:cubicBezTo>
                                  <a:cubicBezTo>
                                    <a:pt x="0" y="683628"/>
                                    <a:pt x="2553" y="678701"/>
                                    <a:pt x="6223" y="675030"/>
                                  </a:cubicBezTo>
                                  <a:cubicBezTo>
                                    <a:pt x="229159" y="452095"/>
                                    <a:pt x="452031" y="229222"/>
                                    <a:pt x="674903" y="6350"/>
                                  </a:cubicBezTo>
                                  <a:cubicBezTo>
                                    <a:pt x="678637" y="2616"/>
                                    <a:pt x="683565" y="63"/>
                                    <a:pt x="690855" y="0"/>
                                  </a:cubicBezTo>
                                  <a:close/>
                                </a:path>
                              </a:pathLst>
                            </a:custGeom>
                            <a:solidFill>
                              <a:srgbClr val="C0C0C0">
                                <a:alpha val="49803"/>
                              </a:srgbClr>
                            </a:solidFill>
                            <a:ln>
                              <a:noFill/>
                            </a:ln>
                          </wps:spPr>
                          <wps:txbx>
                            <w:txbxContent>
                              <w:p w14:paraId="72853086"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93" name="Freeform: Shape 117593"/>
                          <wps:cNvSpPr/>
                          <wps:spPr>
                            <a:xfrm>
                              <a:off x="0" y="5276453"/>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anchor>
            </w:drawing>
          </mc:Choice>
          <mc:Fallback>
            <w:pict>
              <v:group w14:anchorId="3A91A7A5" id="Group 117582" o:spid="_x0000_s1226" alt="P208#y1" style="position:absolute;left:0;text-align:left;margin-left:0;margin-top:-225pt;width:438.1pt;height:428.55pt;z-index:-251640832;mso-wrap-distance-left:0;mso-wrap-distance-right:0;mso-position-horizontal-relative:text;mso-position-vertical-relative:text" coordorigin="25639,10588" coordsize="55640,5442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">
                <v:group id="Group 117583" o:spid="_x0000_s1227" style="position:absolute;left:25639;top:10588;width:55641;height:54423" coordsize="55640,5442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">
                  <v:rect id="Rectangle 117584" o:spid="_x0000_s1228" style="position:absolute;width:55640;height:5442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" filled="f" stroked="f">
                    <v:textbox inset="2.53958mm,2.53958mm,2.53958mm,2.53958mm">
                      <w:txbxContent>
                        <w:p w14:paraId="420E9C21" w14:textId="77777777" w:rsidR="00CF54CB" w:rsidRDefault="00CF54CB">
                          <w:pPr>
                            <w:spacing w:after="0" w:line="240" w:lineRule="auto"/>
                            <w:ind w:left="0" w:firstLine="0"/>
                            <w:jc w:val="left"/>
                            <w:textDirection w:val="btLr"/>
                          </w:pPr>
                        </w:p>
                      </w:txbxContent>
                    </v:textbox>
                  </v:rect>
                  <v:shape id="Freeform: Shape 117585" o:spid="_x0000_s1229" style="position:absolute;left:4127;top:34844;width:10006;height:14727;visibility:visible;mso-wrap-style:square;v-text-anchor:middle" coordsize="1000596,147266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" adj="-11796480,,5400" path="m639526,592v49112,592,99671,7164,151506,20245c843153,34890,896506,53877,950816,78416r49780,24876l1000596,330497,954591,304878c913406,283927,872750,267167,832777,254238,772874,234893,715315,227570,659761,230085v-18518,838,-36813,2769,-54898,5713c532460,247507,463931,288134,397827,354238v-43306,43307,-86677,86677,-130035,130035l1000596,1217085r,255579l52705,524773c21615,493684,5537,466887,2553,443341,,421725,5410,404580,16574,393430,89090,320913,161684,248320,234201,175790,317449,92554,404609,37906,496697,16227,542747,5388,590414,,639526,592xe" fillcolor="silver" stroked="f">
                    <v:fill opacity="32639f"/>
                    <v:stroke joinstyle="miter"/>
                    <v:formulas/>
                    <v:path arrowok="t" o:extrusionok="f" o:connecttype="custom" textboxrect="0,0,1000596,1472664"/>
                    <v:textbox inset="2.53958mm,2.53958mm,2.53958mm,2.53958mm">
                      <w:txbxContent>
                        <w:p w14:paraId="1D19AC55" w14:textId="77777777" w:rsidR="00CF54CB" w:rsidRDefault="00CF54CB">
                          <w:pPr>
                            <w:spacing w:after="0" w:line="240" w:lineRule="auto"/>
                            <w:ind w:left="0" w:firstLine="0"/>
                            <w:jc w:val="left"/>
                            <w:textDirection w:val="btLr"/>
                          </w:pPr>
                        </w:p>
                      </w:txbxContent>
                    </v:textbox>
                  </v:shape>
                  <v:shape id="Freeform: Shape 117586" o:spid="_x0000_s1230" style="position:absolute;left:14133;top:35877;width:9593;height:18545;visibility:visible;mso-wrap-style:square;v-text-anchor:middle" coordsize="959243,185452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" adj="-11796480,,5400" path="m,l32368,16175v27599,15124,55404,31714,83379,49846c227583,138487,342785,233623,458863,349701,592822,483660,699172,611575,777366,732136v79451,121679,130035,235204,155956,341630c959243,1180179,957185,1280928,930833,1372953v-26366,91910,-81001,179069,-163437,261505c699553,1702302,631697,1770158,563841,1838013v-11151,11152,-28347,16511,-51092,12828c490384,1849038,463587,1832959,432497,1801870l,1369372,,1113793r471753,471758c515619,1541685,559485,1497819,603287,1454017v61684,-61684,101562,-124740,118199,-192342c738123,1194073,737247,1122051,713320,1042550,689520,963047,648651,877691,584656,786035,521918,695623,438047,597808,332751,492512,249020,408768,164400,337991,78980,277361,57936,262518,36986,248812,16149,236197l,227205,,xe" fillcolor="silver" stroked="f">
                    <v:fill opacity="32639f"/>
                    <v:stroke joinstyle="miter"/>
                    <v:formulas/>
                    <v:path arrowok="t" o:extrusionok="f" o:connecttype="custom" textboxrect="0,0,959243,1854524"/>
                    <v:textbox inset="2.53958mm,2.53958mm,2.53958mm,2.53958mm">
                      <w:txbxContent>
                        <w:p w14:paraId="5BC8A8F8" w14:textId="77777777" w:rsidR="00CF54CB" w:rsidRDefault="00CF54CB">
                          <w:pPr>
                            <w:spacing w:after="0" w:line="240" w:lineRule="auto"/>
                            <w:ind w:left="0" w:firstLine="0"/>
                            <w:jc w:val="left"/>
                            <w:textDirection w:val="btLr"/>
                          </w:pPr>
                        </w:p>
                      </w:txbxContent>
                    </v:textbox>
                  </v:shape>
                  <v:shape id="Freeform: Shape 117587" o:spid="_x0000_s1231" style="position:absolute;left:13489;top:25902;width:6287;height:10588;visibility:visible;mso-wrap-style:square;v-text-anchor:middle" coordsize="628690,1058861"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" adj="-11796480,,5400" path="m559321,2040v12976,1020,26046,2690,39244,5095l628690,14286r,223798l623625,236432v-14620,-3289,-29196,-5096,-43729,-5462c550831,230238,521938,235271,493217,245742v-18694,6477,-35585,16510,-53581,29654c421627,288541,399631,308175,374332,333461v-35890,35890,-71843,71843,-107721,107733l628690,803273r,255588l52705,482876c21615,451786,5537,424990,2553,401444,,379828,5359,362747,16510,351596,84607,283499,152705,215401,220815,147291v24549,-24549,45796,-43421,63297,-58560c302247,75574,319316,62989,334454,52841,382499,26730,430479,8785,482308,3058,507791,562,533368,,559321,2040xe" fillcolor="silver" stroked="f">
                    <v:fill opacity="32639f"/>
                    <v:stroke joinstyle="miter"/>
                    <v:formulas/>
                    <v:path arrowok="t" o:extrusionok="f" o:connecttype="custom" textboxrect="0,0,628690,1058861"/>
                    <v:textbox inset="2.53958mm,2.53958mm,2.53958mm,2.53958mm">
                      <w:txbxContent>
                        <w:p w14:paraId="78867D48" w14:textId="77777777" w:rsidR="00CF54CB" w:rsidRDefault="00CF54CB">
                          <w:pPr>
                            <w:spacing w:after="0" w:line="240" w:lineRule="auto"/>
                            <w:ind w:left="0" w:firstLine="0"/>
                            <w:jc w:val="left"/>
                            <w:textDirection w:val="btLr"/>
                          </w:pPr>
                        </w:p>
                      </w:txbxContent>
                    </v:textbox>
                  </v:shape>
                  <v:shape id="Freeform: Shape 117588" o:spid="_x0000_s1232" style="position:absolute;left:19776;top:26044;width:15165;height:19185;visibility:visible;mso-wrap-style:square;v-text-anchor:middle" coordsize="1516569,19184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" adj="-11796480,,5400" path="m,l9892,2348c63714,18172,117118,40918,170890,75742v53771,34835,107480,79197,161302,133032c383602,260171,425652,311453,458303,360171v33147,50596,55830,99440,70968,146735c545590,555382,552944,602359,553134,648156v127,45733,-5613,91211,-17945,135077c561542,778687,590764,777632,620114,782052v30531,5601,63678,12713,98628,25857c753692,820927,791831,837500,832445,859179v40628,21692,85992,45491,135027,75578c1109470,1020304,1252587,1103857,1394522,1189468v35382,22187,60249,37821,73203,46418c1481872,1245666,1492274,1254454,1498256,1260436v5981,5981,11150,12776,14516,18999c1516137,1285670,1516569,1292211,1515083,1301063v-1562,8788,-5982,17818,-13652,27978c1493709,1339125,1482990,1352218,1468157,1367039v-12650,12650,-24232,21870,-33579,28855c1425167,1402802,1416137,1407235,1406104,1407540v-8788,1562,-17322,622,-25489,-3175c1371713,1401304,1361057,1395271,1349284,1387854,1198625,1295018,1046656,1204238,896009,1111401v-52096,-31648,-101067,-59067,-146800,-82868c703604,1004734,660055,988846,619428,979003v-40691,-9906,-77698,-10528,-112839,-4432c472565,981925,440104,1000314,411135,1029283v-28473,28473,-56946,56946,-85420,85420c545463,1334464,765161,1554149,984845,1773846v5982,5981,11214,12700,13780,19748c1001241,1800566,1000987,1807793,998929,1814714v-1434,8789,-5168,17132,-10909,27725c981048,1851785,971828,1863381,959242,1875966v-12649,12650,-23495,21121,-32842,28093c915808,1909799,906778,1914219,897927,1915717v-7595,2743,-14136,2299,-21120,-317c869834,1912784,863040,1907615,857058,1901633l,1044575,,788988,159485,948473v41618,-41618,83236,-83236,124790,-124803c317740,790218,340600,753388,351572,715631v11088,-37757,13958,-75768,5919,-115951c350760,560678,335748,521118,311453,480744,286396,441108,255497,402601,218426,365530,157428,304532,97737,261669,38924,236498l,223799,,xe" fillcolor="silver" stroked="f">
                    <v:fill opacity="32639f"/>
                    <v:stroke joinstyle="miter"/>
                    <v:formulas/>
                    <v:path arrowok="t" o:extrusionok="f" o:connecttype="custom" textboxrect="0,0,1516569,1918460"/>
                    <v:textbox inset="2.53958mm,2.53958mm,2.53958mm,2.53958mm">
                      <w:txbxContent>
                        <w:p w14:paraId="2917E81F" w14:textId="77777777" w:rsidR="00CF54CB" w:rsidRDefault="00CF54CB">
                          <w:pPr>
                            <w:spacing w:after="0" w:line="240" w:lineRule="auto"/>
                            <w:ind w:left="0" w:firstLine="0"/>
                            <w:jc w:val="left"/>
                            <w:textDirection w:val="btLr"/>
                          </w:pPr>
                        </w:p>
                      </w:txbxContent>
                    </v:textbox>
                  </v:shape>
                  <v:shape id="Freeform: Shape 117589" o:spid="_x0000_s1233" style="position:absolute;left:23908;top:17866;width:7344;height:13181;visibility:visible;mso-wrap-style:square;v-text-anchor:middle" coordsize="734403,131804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" adj="-11796480,,5400" path="m143118,343v4501,-343,8907,-16,13702,1165c166548,3870,177203,9916,187732,16088l734403,362456r,215211l265049,276095v-254,241,-495,495,-749,749c365894,432641,466550,589061,567214,745472r167189,258595l734403,1318044,574148,1065135c388880,771360,203613,477586,16447,184998,10224,174406,5423,164995,3048,155280,,146377,1054,138338,4051,127988v2236,-9462,8166,-20003,16574,-30900c29032,86179,40996,74343,55829,59522,71463,43875,84735,30477,96393,21320,108039,12164,118567,6245,128854,3197,134023,1698,138617,686,143118,343xe" fillcolor="silver" stroked="f">
                    <v:fill opacity="32639f"/>
                    <v:stroke joinstyle="miter"/>
                    <v:formulas/>
                    <v:path arrowok="t" o:extrusionok="f" o:connecttype="custom" textboxrect="0,0,734403,1318044"/>
                    <v:textbox inset="2.53958mm,2.53958mm,2.53958mm,2.53958mm">
                      <w:txbxContent>
                        <w:p w14:paraId="06371CF7" w14:textId="77777777" w:rsidR="00CF54CB" w:rsidRDefault="00CF54CB">
                          <w:pPr>
                            <w:spacing w:after="0" w:line="240" w:lineRule="auto"/>
                            <w:ind w:left="0" w:firstLine="0"/>
                            <w:jc w:val="left"/>
                            <w:textDirection w:val="btLr"/>
                          </w:pPr>
                        </w:p>
                      </w:txbxContent>
                    </v:textbox>
                  </v:shape>
                  <v:shape id="Freeform: Shape 117590" o:spid="_x0000_s1234" style="position:absolute;left:31252;top:21491;width:12838;height:16529;visibility:visible;mso-wrap-style:square;v-text-anchor:middle" coordsize="1283754,165291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" adj="-11796480,,5400" path="m,l333496,211301v293773,185268,587546,370536,880167,557670c1235215,783296,1250671,794142,1262202,804175v10782,10783,16751,21374,19190,31026c1283754,844917,1280516,855140,1272794,865364v-8420,10769,-19126,23863,-34773,39497c1222451,920444,1210615,932395,1200455,940065v-10909,8408,-19939,12840,-27978,13640c1164882,956448,1158265,955953,1151293,953337v-6972,-2616,-15265,-6299,-24612,-11278c973976,843304,820077,746479,667360,647724,534149,780934,400876,914208,267665,1047418v98374,149848,194894,300940,293269,450787c566738,1506866,570344,1515096,572960,1522068v3747,8230,3556,15520,2744,23559c575399,1555647,570967,1564689,564058,1574100v-7735,10084,-17704,22428,-31839,36576c518135,1624748,505054,1635467,494957,1643188v-12090,7239,-21679,9728,-31280,7354c453961,1648179,443370,1642070,433337,1630666v-10783,-10769,-21628,-26225,-35891,-47841l,955588,,641610,135763,851597c247167,740193,358635,628725,470103,517257,313963,416006,157185,315740,398,215467l,215211,,xe" fillcolor="silver" stroked="f">
                    <v:fill opacity="32639f"/>
                    <v:stroke joinstyle="miter"/>
                    <v:formulas/>
                    <v:path arrowok="t" o:extrusionok="f" o:connecttype="custom" textboxrect="0,0,1283754,1652916"/>
                    <v:textbox inset="2.53958mm,2.53958mm,2.53958mm,2.53958mm">
                      <w:txbxContent>
                        <w:p w14:paraId="5178E2D9" w14:textId="77777777" w:rsidR="00CF54CB" w:rsidRDefault="00CF54CB">
                          <w:pPr>
                            <w:spacing w:after="0" w:line="240" w:lineRule="auto"/>
                            <w:ind w:left="0" w:firstLine="0"/>
                            <w:jc w:val="left"/>
                            <w:textDirection w:val="btLr"/>
                          </w:pPr>
                        </w:p>
                      </w:txbxContent>
                    </v:textbox>
                  </v:shape>
                  <v:shape id="Freeform: Shape 117591" o:spid="_x0000_s1235" style="position:absolute;left:30555;top:7972;width:16304;height:20191;visibility:visible;mso-wrap-style:square;v-text-anchor:middle" coordsize="1630426,20191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" adj="-11796480,,5400" path="m464122,v6540,686,14325,2362,23672,7353c497269,12332,509041,19621,520573,29655v12700,11214,26594,23609,42177,39192c578269,84366,590664,98260,600697,109779v10034,11531,17323,23305,21121,31597c626796,150711,628485,158509,629171,165049v-64,7290,-1867,11468,-5614,15202c506171,297637,388785,415023,271399,532410v175463,175450,350914,350900,526301,526300c908672,947738,1019645,836765,1130542,725869v3746,-3747,7911,-5550,14020,-6795c1151103,719760,1158888,721436,1167054,725246v8293,3798,18885,9906,30404,19939c1208926,755142,1224064,768795,1240765,785495v15570,15570,26797,28283,36817,39815c1287615,836829,1294905,848602,1298651,856831v5042,9411,6719,17196,7405,23736c1306004,887857,1305370,893217,1301636,896963v-110909,110896,-221869,221869,-332842,332842c1183691,1444688,1398588,1659585,1613535,1874546v5982,5981,9969,11455,12586,18440c1629931,1901266,1630426,1907756,1627683,1915350v-1499,8853,-5169,17133,-10909,27725c1609738,1952485,1600517,1964081,1587932,1976666v-11900,11900,-23495,21120,-32842,28093c1544498,2010499,1535468,2014919,1526616,2016417v-7594,2743,-14135,2299,-22364,-1562c1497279,2012239,1491730,2008314,1485748,2002333,1008050,1524635,530403,1046988,52705,569290,21615,538201,5537,511416,2553,487858,,466243,5423,449098,16510,438010,160681,293840,304800,149721,448920,5601,452653,1867,456832,64,464122,xe" fillcolor="silver" stroked="f">
                    <v:fill opacity="32639f"/>
                    <v:stroke joinstyle="miter"/>
                    <v:formulas/>
                    <v:path arrowok="t" o:extrusionok="f" o:connecttype="custom" textboxrect="0,0,1630426,2019160"/>
                    <v:textbox inset="2.53958mm,2.53958mm,2.53958mm,2.53958mm">
                      <w:txbxContent>
                        <w:p w14:paraId="0DA675A6" w14:textId="77777777" w:rsidR="00CF54CB" w:rsidRDefault="00CF54CB">
                          <w:pPr>
                            <w:spacing w:after="0" w:line="240" w:lineRule="auto"/>
                            <w:ind w:left="0" w:firstLine="0"/>
                            <w:jc w:val="left"/>
                            <w:textDirection w:val="btLr"/>
                          </w:pPr>
                        </w:p>
                      </w:txbxContent>
                    </v:textbox>
                  </v:shape>
                  <v:shape id="Freeform: Shape 117592" o:spid="_x0000_s1236" style="position:absolute;left:36259;width:19381;height:19382;visibility:visible;mso-wrap-style:square;v-text-anchor:middle" coordsize="1938096,193822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" adj="-11796480,,5400" path="m690855,v6540,686,14325,2362,23673,7353c723938,12395,735025,20371,746557,30404v12649,11277,26594,23609,42177,39192c804253,85115,816585,99073,826681,110528v10033,11532,18009,22619,21870,30848c853529,150724,855218,158509,855904,165049v-64,7290,-2616,12218,-6363,15951c759384,271158,669290,361251,579133,451409v447357,447357,894778,894778,1342136,1342136c1927251,1799526,1932419,1806321,1935036,1813293v2616,6985,3060,13526,317,21120c1933855,1843265,1930184,1851559,1924444,1862150v-6973,9348,-16193,20930,-28842,33579c1883702,1907629,1872107,1916849,1862760,1923834v-10592,5728,-19621,10147,-28473,11646c1826692,1938223,1820202,1937728,1813167,1935163v-6973,-2617,-13704,-7849,-19686,-13831c1346124,1473975,898703,1026554,451345,579196,361188,669354,271031,759511,180873,849668v-3682,3683,-8597,6236,-15201,5614c158382,855345,151333,852919,141986,847928v-8217,-3861,-19304,-11836,-30772,-21933c98933,816712,85039,804316,69533,788797,53950,773227,41554,759333,31090,745871,20993,734403,13018,723316,7976,713905,2985,704558,559,697522,622,690232,,683628,2553,678701,6223,675030,229159,452095,452031,229222,674903,6350,678637,2616,683565,63,690855,xe" fillcolor="silver" stroked="f">
                    <v:fill opacity="32639f"/>
                    <v:stroke joinstyle="miter"/>
                    <v:formulas/>
                    <v:path arrowok="t" o:extrusionok="f" o:connecttype="custom" textboxrect="0,0,1938096,1938223"/>
                    <v:textbox inset="2.53958mm,2.53958mm,2.53958mm,2.53958mm">
                      <w:txbxContent>
                        <w:p w14:paraId="72853086" w14:textId="77777777" w:rsidR="00CF54CB" w:rsidRDefault="00CF54CB">
                          <w:pPr>
                            <w:spacing w:after="0" w:line="240" w:lineRule="auto"/>
                            <w:ind w:left="0" w:firstLine="0"/>
                            <w:jc w:val="left"/>
                            <w:textDirection w:val="btLr"/>
                          </w:pPr>
                        </w:p>
                      </w:txbxContent>
                    </v:textbox>
                  </v:shape>
                  <v:shape id="Freeform: Shape 117593" o:spid="_x0000_s1237" style="position:absolute;top:52764;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" path="m,l1828800,r,9144l,9144,,e" fillcolor="black" stroked="f">
                    <v:path arrowok="t" o:extrusionok="f"/>
                  </v:shape>
                </v:group>
              </v:group>
            </w:pict>
          </mc:Fallback>
        </mc:AlternateContent>
      </w:r>
    </w:p>
    <w:p w14:paraId="2DF10264" w14:textId="5B534927" w:rsidR="00CF54CB" w:rsidRDefault="00344004" w:rsidP="00625FDE">
      <w:pPr>
        <w:spacing w:after="520" w:line="242" w:lineRule="auto"/>
        <w:ind w:left="0" w:right="59" w:firstLine="699"/>
        <w:jc w:val="left"/>
      </w:pPr>
      <w:r>
        <w:rPr>
          <w:i/>
        </w:rPr>
        <w:t>In re Board of Directors of</w:t>
      </w:r>
      <w:r>
        <w:t xml:space="preserve"> </w:t>
      </w:r>
      <w:r>
        <w:rPr>
          <w:i/>
        </w:rPr>
        <w:t xml:space="preserve">Hopewell International Insurance Ltd. </w:t>
      </w:r>
      <w:r>
        <w:t>involved a New York bankruptcy judge analyzed a solvent scheme of arrangement that occurred in Bermuda, and applied Bermuda law, rather than the requested Minnesota law.</w:t>
      </w:r>
      <w:r>
        <w:rPr>
          <w:rFonts w:ascii="ZWAdobeF" w:eastAsia="ZWAdobeF" w:hAnsi="ZWAdobeF" w:cs="ZWAdobeF"/>
          <w:sz w:val="2"/>
          <w:szCs w:val="2"/>
        </w:rPr>
        <w:t>29F</w:t>
      </w:r>
      <w:r>
        <w:rPr>
          <w:vertAlign w:val="superscript"/>
        </w:rPr>
        <w:footnoteReference w:id="34"/>
      </w:r>
      <w:r>
        <w:t xml:space="preserve">  The court determined that, given the location of the petitioner’s assets, Respondents had failed to object to the solvent scheme as proposed when they had been provided notice, and that petitioner had been subjected to a foreign proceeding, it had jurisdiction.  As such, the court enjoined the respondent from taking action against petitioner based on the underlying action.</w:t>
      </w:r>
      <w:r>
        <w:rPr>
          <w:rFonts w:ascii="ZWAdobeF" w:eastAsia="ZWAdobeF" w:hAnsi="ZWAdobeF" w:cs="ZWAdobeF"/>
          <w:sz w:val="2"/>
          <w:szCs w:val="2"/>
        </w:rPr>
        <w:t>30F</w:t>
      </w:r>
      <w:r>
        <w:rPr>
          <w:vertAlign w:val="superscript"/>
        </w:rPr>
        <w:footnoteReference w:id="35"/>
      </w:r>
      <w:r>
        <w:t xml:space="preserve">  The court in </w:t>
      </w:r>
      <w:r>
        <w:rPr>
          <w:i/>
        </w:rPr>
        <w:t xml:space="preserve">Hopewell </w:t>
      </w:r>
      <w:r>
        <w:t>also recognized the Bermuda solvent scheme as one qualifying as a foreign proceeding under US Bankruptcy Code.</w:t>
      </w:r>
      <w:r>
        <w:rPr>
          <w:vertAlign w:val="superscript"/>
        </w:rPr>
        <w:t>41</w:t>
      </w:r>
      <w:r>
        <w:t xml:space="preserve"> </w:t>
      </w:r>
    </w:p>
    <w:p w14:paraId="11F581A2" w14:textId="77777777" w:rsidR="00CF54CB" w:rsidRDefault="00344004" w:rsidP="00B078CA">
      <w:pPr>
        <w:pStyle w:val="Heading1"/>
      </w:pPr>
      <w:r>
        <w:t xml:space="preserve">Section 6: Recommendations </w:t>
      </w:r>
    </w:p>
    <w:p w14:paraId="127AEC63" w14:textId="77777777" w:rsidR="00CF54CB" w:rsidRDefault="00344004" w:rsidP="00B078CA">
      <w:pPr>
        <w:pStyle w:val="Heading2"/>
      </w:pPr>
      <w:r>
        <w:t>A.</w:t>
      </w:r>
      <w:r>
        <w:tab/>
        <w:t>Financial Standards Developed by Subgroup</w:t>
      </w:r>
    </w:p>
    <w:p w14:paraId="10CB3EDA" w14:textId="77777777" w:rsidR="00CF54CB" w:rsidRDefault="00344004">
      <w:pPr>
        <w:spacing w:after="272" w:line="242" w:lineRule="auto"/>
        <w:ind w:left="-11" w:right="59" w:firstLine="710"/>
        <w:jc w:val="left"/>
      </w:pPr>
      <w:r>
        <w:t xml:space="preserve">As reflected in this whitepaper, these restructuring mechanisms depend considerably upon the specific plan being proposed. Currently, each state with relevant statutes is being presented with plans for evaluation with no standard set of criteria under which to judge the financial underpinnings of the plan. The Working Group believes </w:t>
      </w:r>
      <w:sdt>
        <w:sdtPr>
          <w:tag w:val="goog_rdk_211"/>
          <w:id w:val="327940611"/>
        </w:sdtPr>
        <w:sdtEndPr/>
        <w:sdtContent>
          <w:del w:id="455" w:author="Daveline, Dan" w:date="2021-12-16T15:46:00Z">
            <w:r>
              <w:delText xml:space="preserve">that trust in these mechanisms and protection of the policyholders who will be impacted by them, demands </w:delText>
            </w:r>
          </w:del>
        </w:sdtContent>
      </w:sdt>
      <w:r>
        <w:t xml:space="preserve">a standard set of </w:t>
      </w:r>
      <w:r>
        <w:lastRenderedPageBreak/>
        <w:t>financial principles under which to judge the</w:t>
      </w:r>
      <w:sdt>
        <w:sdtPr>
          <w:tag w:val="goog_rdk_212"/>
          <w:id w:val="-1565026905"/>
        </w:sdtPr>
        <w:sdtEndPr/>
        <w:sdtContent>
          <w:ins w:id="456" w:author="Daveline, Dan" w:date="2021-12-16T15:46:00Z">
            <w:r>
              <w:t>se</w:t>
            </w:r>
          </w:ins>
        </w:sdtContent>
      </w:sdt>
      <w:r>
        <w:t xml:space="preserve"> transaction</w:t>
      </w:r>
      <w:sdt>
        <w:sdtPr>
          <w:tag w:val="goog_rdk_213"/>
          <w:id w:val="2041929527"/>
        </w:sdtPr>
        <w:sdtEndPr/>
        <w:sdtContent>
          <w:ins w:id="457" w:author="Daveline, Dan" w:date="2021-12-16T15:46:00Z">
            <w:r>
              <w:t>s should exist</w:t>
            </w:r>
          </w:ins>
        </w:sdtContent>
      </w:sdt>
      <w:r>
        <w:t xml:space="preserve">. </w:t>
      </w:r>
      <w:sdt>
        <w:sdtPr>
          <w:tag w:val="goog_rdk_214"/>
          <w:id w:val="649176346"/>
        </w:sdtPr>
        <w:sdtEndPr/>
        <w:sdtContent>
          <w:ins w:id="458" w:author="Daveline, Dan" w:date="2021-12-16T15:47:00Z">
            <w:r>
              <w:t xml:space="preserve">Accordingly, </w:t>
            </w:r>
          </w:ins>
        </w:sdtContent>
      </w:sdt>
      <w:sdt>
        <w:sdtPr>
          <w:tag w:val="goog_rdk_215"/>
          <w:id w:val="1075165106"/>
        </w:sdtPr>
        <w:sdtEndPr/>
        <w:sdtContent>
          <w:del w:id="459" w:author="Daveline, Dan" w:date="2021-12-16T15:47:00Z">
            <w:r>
              <w:delText>As such,</w:delText>
            </w:r>
          </w:del>
        </w:sdtContent>
      </w:sdt>
      <w:r>
        <w:t xml:space="preserve"> the Working Group created a subgroup to specifically address these financial issues.   </w:t>
      </w:r>
      <w:r>
        <w:rPr>
          <w:noProof/>
        </w:rPr>
        <mc:AlternateContent>
          <mc:Choice Requires="wpg">
            <w:drawing>
              <wp:anchor distT="0" distB="0" distL="0" distR="0" simplePos="0" relativeHeight="251679744" behindDoc="1" locked="0" layoutInCell="1" hidden="0" allowOverlap="1" wp14:anchorId="29CBAA83" wp14:editId="5ED15E6D">
                <wp:simplePos x="0" y="0"/>
                <wp:positionH relativeFrom="column">
                  <wp:posOffset>-12699</wp:posOffset>
                </wp:positionH>
                <wp:positionV relativeFrom="paragraph">
                  <wp:posOffset>-1384299</wp:posOffset>
                </wp:positionV>
                <wp:extent cx="6041149" cy="5442282"/>
                <wp:effectExtent l="0" t="0" r="0" b="0"/>
                <wp:wrapNone/>
                <wp:docPr id="117594" name="Group 117594" descr="P217#y1"/>
                <wp:cNvGraphicFramePr/>
                <a:graphic xmlns:a="http://schemas.openxmlformats.org/drawingml/2006/main">
                  <a:graphicData uri="http://schemas.microsoft.com/office/word/2010/wordprocessingGroup">
                    <wpg:wgp>
                      <wpg:cNvGrpSpPr/>
                      <wpg:grpSpPr>
                        <a:xfrm>
                          <a:off x="0" y="0"/>
                          <a:ext cx="6041149" cy="5442282"/>
                          <a:chOff x="2325426" y="1058859"/>
                          <a:chExt cx="6041149" cy="5442282"/>
                        </a:xfrm>
                      </wpg:grpSpPr>
                      <wpg:grpSp>
                        <wpg:cNvPr id="117595" name="Group 117595"/>
                        <wpg:cNvGrpSpPr/>
                        <wpg:grpSpPr>
                          <a:xfrm>
                            <a:off x="2325426" y="1058859"/>
                            <a:ext cx="6041149" cy="5442282"/>
                            <a:chOff x="0" y="0"/>
                            <a:chExt cx="6041149" cy="5442282"/>
                          </a:xfrm>
                        </wpg:grpSpPr>
                        <wps:wsp>
                          <wps:cNvPr id="117596" name="Rectangle 117596"/>
                          <wps:cNvSpPr/>
                          <wps:spPr>
                            <a:xfrm>
                              <a:off x="0" y="0"/>
                              <a:ext cx="6041125" cy="5442275"/>
                            </a:xfrm>
                            <a:prstGeom prst="rect">
                              <a:avLst/>
                            </a:prstGeom>
                            <a:noFill/>
                            <a:ln>
                              <a:noFill/>
                            </a:ln>
                          </wps:spPr>
                          <wps:txbx>
                            <w:txbxContent>
                              <w:p w14:paraId="6D1C900F"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97" name="Freeform: Shape 117597"/>
                          <wps:cNvSpPr/>
                          <wps:spPr>
                            <a:xfrm>
                              <a:off x="431072" y="3484466"/>
                              <a:ext cx="1000596" cy="1472664"/>
                            </a:xfrm>
                            <a:custGeom>
                              <a:avLst/>
                              <a:gdLst/>
                              <a:ahLst/>
                              <a:cxnLst/>
                              <a:rect l="l" t="t" r="r" b="b"/>
                              <a:pathLst>
                                <a:path w="1000596" h="1472664" extrusionOk="0">
                                  <a:moveTo>
                                    <a:pt x="639526" y="592"/>
                                  </a:moveTo>
                                  <a:cubicBezTo>
                                    <a:pt x="688638" y="1184"/>
                                    <a:pt x="739197" y="7756"/>
                                    <a:pt x="791032" y="20837"/>
                                  </a:cubicBezTo>
                                  <a:cubicBezTo>
                                    <a:pt x="843153" y="34890"/>
                                    <a:pt x="896506" y="53877"/>
                                    <a:pt x="950816" y="78416"/>
                                  </a:cubicBezTo>
                                  <a:lnTo>
                                    <a:pt x="1000596" y="103292"/>
                                  </a:lnTo>
                                  <a:lnTo>
                                    <a:pt x="1000596" y="330497"/>
                                  </a:lnTo>
                                  <a:lnTo>
                                    <a:pt x="954591" y="304878"/>
                                  </a:lnTo>
                                  <a:cubicBezTo>
                                    <a:pt x="913406" y="283927"/>
                                    <a:pt x="872750" y="267167"/>
                                    <a:pt x="832777" y="254238"/>
                                  </a:cubicBezTo>
                                  <a:cubicBezTo>
                                    <a:pt x="772874" y="234893"/>
                                    <a:pt x="715315" y="227570"/>
                                    <a:pt x="659761" y="230085"/>
                                  </a:cubicBezTo>
                                  <a:cubicBezTo>
                                    <a:pt x="641243" y="230923"/>
                                    <a:pt x="622948" y="232854"/>
                                    <a:pt x="604863" y="235798"/>
                                  </a:cubicBezTo>
                                  <a:cubicBezTo>
                                    <a:pt x="532460" y="247507"/>
                                    <a:pt x="463931" y="288134"/>
                                    <a:pt x="397827" y="354238"/>
                                  </a:cubicBezTo>
                                  <a:cubicBezTo>
                                    <a:pt x="354521" y="397545"/>
                                    <a:pt x="311150" y="440915"/>
                                    <a:pt x="267792" y="484273"/>
                                  </a:cubicBezTo>
                                  <a:lnTo>
                                    <a:pt x="1000596" y="1217085"/>
                                  </a:lnTo>
                                  <a:lnTo>
                                    <a:pt x="1000596" y="1472664"/>
                                  </a:lnTo>
                                  <a:lnTo>
                                    <a:pt x="52705" y="524773"/>
                                  </a:lnTo>
                                  <a:cubicBezTo>
                                    <a:pt x="21615" y="493684"/>
                                    <a:pt x="5537" y="466887"/>
                                    <a:pt x="2553" y="443341"/>
                                  </a:cubicBezTo>
                                  <a:cubicBezTo>
                                    <a:pt x="0" y="421725"/>
                                    <a:pt x="5410" y="404580"/>
                                    <a:pt x="16574" y="393430"/>
                                  </a:cubicBezTo>
                                  <a:cubicBezTo>
                                    <a:pt x="89090" y="320913"/>
                                    <a:pt x="161684" y="248320"/>
                                    <a:pt x="234201" y="175790"/>
                                  </a:cubicBezTo>
                                  <a:cubicBezTo>
                                    <a:pt x="317449" y="92554"/>
                                    <a:pt x="404609" y="37906"/>
                                    <a:pt x="496697" y="16227"/>
                                  </a:cubicBezTo>
                                  <a:cubicBezTo>
                                    <a:pt x="542747" y="5388"/>
                                    <a:pt x="590414" y="0"/>
                                    <a:pt x="639526" y="592"/>
                                  </a:cubicBezTo>
                                  <a:close/>
                                </a:path>
                              </a:pathLst>
                            </a:custGeom>
                            <a:solidFill>
                              <a:srgbClr val="C0C0C0">
                                <a:alpha val="49803"/>
                              </a:srgbClr>
                            </a:solidFill>
                            <a:ln>
                              <a:noFill/>
                            </a:ln>
                          </wps:spPr>
                          <wps:txbx>
                            <w:txbxContent>
                              <w:p w14:paraId="602680B2"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98" name="Freeform: Shape 117598"/>
                          <wps:cNvSpPr/>
                          <wps:spPr>
                            <a:xfrm>
                              <a:off x="1431668" y="3587758"/>
                              <a:ext cx="959243" cy="1854524"/>
                            </a:xfrm>
                            <a:custGeom>
                              <a:avLst/>
                              <a:gdLst/>
                              <a:ahLst/>
                              <a:cxnLst/>
                              <a:rect l="l" t="t" r="r" b="b"/>
                              <a:pathLst>
                                <a:path w="959243" h="1854524" extrusionOk="0">
                                  <a:moveTo>
                                    <a:pt x="0" y="0"/>
                                  </a:moveTo>
                                  <a:lnTo>
                                    <a:pt x="32368" y="16175"/>
                                  </a:lnTo>
                                  <a:cubicBezTo>
                                    <a:pt x="59967" y="31299"/>
                                    <a:pt x="87772" y="47889"/>
                                    <a:pt x="115747" y="66021"/>
                                  </a:cubicBezTo>
                                  <a:cubicBezTo>
                                    <a:pt x="227583" y="138487"/>
                                    <a:pt x="342785" y="233623"/>
                                    <a:pt x="458863" y="349701"/>
                                  </a:cubicBezTo>
                                  <a:cubicBezTo>
                                    <a:pt x="592822" y="483660"/>
                                    <a:pt x="699172" y="611575"/>
                                    <a:pt x="777366" y="732136"/>
                                  </a:cubicBezTo>
                                  <a:cubicBezTo>
                                    <a:pt x="856817" y="853815"/>
                                    <a:pt x="907401" y="967340"/>
                                    <a:pt x="933322" y="1073766"/>
                                  </a:cubicBezTo>
                                  <a:cubicBezTo>
                                    <a:pt x="959243" y="1180179"/>
                                    <a:pt x="957185" y="1280928"/>
                                    <a:pt x="930833" y="1372953"/>
                                  </a:cubicBezTo>
                                  <a:cubicBezTo>
                                    <a:pt x="904467" y="1464863"/>
                                    <a:pt x="849832" y="1552022"/>
                                    <a:pt x="767396" y="1634458"/>
                                  </a:cubicBezTo>
                                  <a:cubicBezTo>
                                    <a:pt x="699553" y="1702302"/>
                                    <a:pt x="631697" y="1770158"/>
                                    <a:pt x="563841" y="1838013"/>
                                  </a:cubicBezTo>
                                  <a:cubicBezTo>
                                    <a:pt x="552690" y="1849165"/>
                                    <a:pt x="535494" y="1854524"/>
                                    <a:pt x="512749" y="1850841"/>
                                  </a:cubicBezTo>
                                  <a:cubicBezTo>
                                    <a:pt x="490384" y="1849038"/>
                                    <a:pt x="463587" y="1832959"/>
                                    <a:pt x="432497" y="1801870"/>
                                  </a:cubicBezTo>
                                  <a:lnTo>
                                    <a:pt x="0" y="1369372"/>
                                  </a:lnTo>
                                  <a:lnTo>
                                    <a:pt x="0" y="1113793"/>
                                  </a:lnTo>
                                  <a:lnTo>
                                    <a:pt x="471753" y="1585551"/>
                                  </a:lnTo>
                                  <a:cubicBezTo>
                                    <a:pt x="515619" y="1541685"/>
                                    <a:pt x="559485" y="1497819"/>
                                    <a:pt x="603287" y="1454017"/>
                                  </a:cubicBezTo>
                                  <a:cubicBezTo>
                                    <a:pt x="664971" y="1392333"/>
                                    <a:pt x="704849" y="1329277"/>
                                    <a:pt x="721486" y="1261675"/>
                                  </a:cubicBezTo>
                                  <a:cubicBezTo>
                                    <a:pt x="738123" y="1194073"/>
                                    <a:pt x="737247" y="1122051"/>
                                    <a:pt x="713320" y="1042550"/>
                                  </a:cubicBezTo>
                                  <a:cubicBezTo>
                                    <a:pt x="689520" y="963047"/>
                                    <a:pt x="648651" y="877691"/>
                                    <a:pt x="584656" y="786035"/>
                                  </a:cubicBezTo>
                                  <a:cubicBezTo>
                                    <a:pt x="521918" y="695623"/>
                                    <a:pt x="438047" y="597808"/>
                                    <a:pt x="332751" y="492512"/>
                                  </a:cubicBezTo>
                                  <a:cubicBezTo>
                                    <a:pt x="249020" y="408768"/>
                                    <a:pt x="164400" y="337991"/>
                                    <a:pt x="78980" y="277361"/>
                                  </a:cubicBezTo>
                                  <a:cubicBezTo>
                                    <a:pt x="57936" y="262518"/>
                                    <a:pt x="36986" y="248812"/>
                                    <a:pt x="16149" y="236197"/>
                                  </a:cubicBezTo>
                                  <a:lnTo>
                                    <a:pt x="0" y="227205"/>
                                  </a:lnTo>
                                  <a:lnTo>
                                    <a:pt x="0" y="0"/>
                                  </a:lnTo>
                                  <a:close/>
                                </a:path>
                              </a:pathLst>
                            </a:custGeom>
                            <a:solidFill>
                              <a:srgbClr val="C0C0C0">
                                <a:alpha val="49803"/>
                              </a:srgbClr>
                            </a:solidFill>
                            <a:ln>
                              <a:noFill/>
                            </a:ln>
                          </wps:spPr>
                          <wps:txbx>
                            <w:txbxContent>
                              <w:p w14:paraId="4392B81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599" name="Freeform: Shape 117599"/>
                          <wps:cNvSpPr/>
                          <wps:spPr>
                            <a:xfrm>
                              <a:off x="1367226" y="2590207"/>
                              <a:ext cx="628690" cy="1058861"/>
                            </a:xfrm>
                            <a:custGeom>
                              <a:avLst/>
                              <a:gdLst/>
                              <a:ahLst/>
                              <a:cxnLst/>
                              <a:rect l="l" t="t" r="r" b="b"/>
                              <a:pathLst>
                                <a:path w="628690" h="1058861" extrusionOk="0">
                                  <a:moveTo>
                                    <a:pt x="559321" y="2040"/>
                                  </a:moveTo>
                                  <a:cubicBezTo>
                                    <a:pt x="572297" y="3060"/>
                                    <a:pt x="585367" y="4730"/>
                                    <a:pt x="598565" y="7135"/>
                                  </a:cubicBezTo>
                                  <a:lnTo>
                                    <a:pt x="628690" y="14286"/>
                                  </a:lnTo>
                                  <a:lnTo>
                                    <a:pt x="628690" y="238084"/>
                                  </a:lnTo>
                                  <a:lnTo>
                                    <a:pt x="623625" y="236432"/>
                                  </a:lnTo>
                                  <a:cubicBezTo>
                                    <a:pt x="609005" y="233143"/>
                                    <a:pt x="594429" y="231336"/>
                                    <a:pt x="579896" y="230970"/>
                                  </a:cubicBezTo>
                                  <a:cubicBezTo>
                                    <a:pt x="550831" y="230238"/>
                                    <a:pt x="521938" y="235271"/>
                                    <a:pt x="493217" y="245742"/>
                                  </a:cubicBezTo>
                                  <a:cubicBezTo>
                                    <a:pt x="474523" y="252219"/>
                                    <a:pt x="457632" y="262252"/>
                                    <a:pt x="439636" y="275396"/>
                                  </a:cubicBezTo>
                                  <a:cubicBezTo>
                                    <a:pt x="421627" y="288541"/>
                                    <a:pt x="399631" y="308175"/>
                                    <a:pt x="374332" y="333461"/>
                                  </a:cubicBezTo>
                                  <a:cubicBezTo>
                                    <a:pt x="338442" y="369351"/>
                                    <a:pt x="302489" y="405304"/>
                                    <a:pt x="266611" y="441194"/>
                                  </a:cubicBezTo>
                                  <a:lnTo>
                                    <a:pt x="628690" y="803273"/>
                                  </a:lnTo>
                                  <a:lnTo>
                                    <a:pt x="628690" y="1058861"/>
                                  </a:lnTo>
                                  <a:lnTo>
                                    <a:pt x="52705" y="482876"/>
                                  </a:lnTo>
                                  <a:cubicBezTo>
                                    <a:pt x="21615" y="451786"/>
                                    <a:pt x="5537" y="424990"/>
                                    <a:pt x="2553" y="401444"/>
                                  </a:cubicBezTo>
                                  <a:cubicBezTo>
                                    <a:pt x="0" y="379828"/>
                                    <a:pt x="5359" y="362747"/>
                                    <a:pt x="16510" y="351596"/>
                                  </a:cubicBezTo>
                                  <a:cubicBezTo>
                                    <a:pt x="84607" y="283499"/>
                                    <a:pt x="152705" y="215401"/>
                                    <a:pt x="220815" y="147291"/>
                                  </a:cubicBezTo>
                                  <a:cubicBezTo>
                                    <a:pt x="245364" y="122742"/>
                                    <a:pt x="266611" y="103870"/>
                                    <a:pt x="284112" y="88731"/>
                                  </a:cubicBezTo>
                                  <a:cubicBezTo>
                                    <a:pt x="302247" y="75574"/>
                                    <a:pt x="319316" y="62989"/>
                                    <a:pt x="334454" y="52841"/>
                                  </a:cubicBezTo>
                                  <a:cubicBezTo>
                                    <a:pt x="382499" y="26730"/>
                                    <a:pt x="430479" y="8785"/>
                                    <a:pt x="482308" y="3058"/>
                                  </a:cubicBezTo>
                                  <a:cubicBezTo>
                                    <a:pt x="507791" y="562"/>
                                    <a:pt x="533368" y="0"/>
                                    <a:pt x="559321" y="2040"/>
                                  </a:cubicBezTo>
                                  <a:close/>
                                </a:path>
                              </a:pathLst>
                            </a:custGeom>
                            <a:solidFill>
                              <a:srgbClr val="C0C0C0">
                                <a:alpha val="49803"/>
                              </a:srgbClr>
                            </a:solidFill>
                            <a:ln>
                              <a:noFill/>
                            </a:ln>
                          </wps:spPr>
                          <wps:txbx>
                            <w:txbxContent>
                              <w:p w14:paraId="79DE10B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00" name="Freeform: Shape 117600"/>
                          <wps:cNvSpPr/>
                          <wps:spPr>
                            <a:xfrm>
                              <a:off x="1995916" y="2604493"/>
                              <a:ext cx="1516569" cy="1918460"/>
                            </a:xfrm>
                            <a:custGeom>
                              <a:avLst/>
                              <a:gdLst/>
                              <a:ahLst/>
                              <a:cxnLst/>
                              <a:rect l="l" t="t" r="r" b="b"/>
                              <a:pathLst>
                                <a:path w="1516569" h="1918460" extrusionOk="0">
                                  <a:moveTo>
                                    <a:pt x="0" y="0"/>
                                  </a:moveTo>
                                  <a:lnTo>
                                    <a:pt x="9892" y="2348"/>
                                  </a:lnTo>
                                  <a:cubicBezTo>
                                    <a:pt x="63714" y="18172"/>
                                    <a:pt x="117118" y="40918"/>
                                    <a:pt x="170890" y="75742"/>
                                  </a:cubicBezTo>
                                  <a:cubicBezTo>
                                    <a:pt x="224661" y="110577"/>
                                    <a:pt x="278370" y="154939"/>
                                    <a:pt x="332192" y="208774"/>
                                  </a:cubicBezTo>
                                  <a:cubicBezTo>
                                    <a:pt x="383602" y="260171"/>
                                    <a:pt x="425652" y="311453"/>
                                    <a:pt x="458303" y="360171"/>
                                  </a:cubicBezTo>
                                  <a:cubicBezTo>
                                    <a:pt x="491450" y="410767"/>
                                    <a:pt x="514133" y="459611"/>
                                    <a:pt x="529271" y="506906"/>
                                  </a:cubicBezTo>
                                  <a:cubicBezTo>
                                    <a:pt x="545590" y="555382"/>
                                    <a:pt x="552944" y="602359"/>
                                    <a:pt x="553134" y="648156"/>
                                  </a:cubicBezTo>
                                  <a:cubicBezTo>
                                    <a:pt x="553261" y="693889"/>
                                    <a:pt x="547521" y="739367"/>
                                    <a:pt x="535189" y="783233"/>
                                  </a:cubicBezTo>
                                  <a:cubicBezTo>
                                    <a:pt x="561542" y="778687"/>
                                    <a:pt x="590764" y="777632"/>
                                    <a:pt x="620114" y="782052"/>
                                  </a:cubicBezTo>
                                  <a:cubicBezTo>
                                    <a:pt x="650645" y="787653"/>
                                    <a:pt x="683792" y="794765"/>
                                    <a:pt x="718742" y="807909"/>
                                  </a:cubicBezTo>
                                  <a:cubicBezTo>
                                    <a:pt x="753692" y="820927"/>
                                    <a:pt x="791831" y="837500"/>
                                    <a:pt x="832445" y="859179"/>
                                  </a:cubicBezTo>
                                  <a:cubicBezTo>
                                    <a:pt x="873073" y="880871"/>
                                    <a:pt x="918437" y="904670"/>
                                    <a:pt x="967472" y="934757"/>
                                  </a:cubicBezTo>
                                  <a:cubicBezTo>
                                    <a:pt x="1109470" y="1020304"/>
                                    <a:pt x="1252587" y="1103857"/>
                                    <a:pt x="1394522" y="1189468"/>
                                  </a:cubicBezTo>
                                  <a:cubicBezTo>
                                    <a:pt x="1429904" y="1211655"/>
                                    <a:pt x="1454771" y="1227289"/>
                                    <a:pt x="1467725" y="1235886"/>
                                  </a:cubicBezTo>
                                  <a:cubicBezTo>
                                    <a:pt x="1481872" y="1245666"/>
                                    <a:pt x="1492274" y="1254454"/>
                                    <a:pt x="1498256" y="1260436"/>
                                  </a:cubicBezTo>
                                  <a:cubicBezTo>
                                    <a:pt x="1504237" y="1266417"/>
                                    <a:pt x="1509406" y="1273212"/>
                                    <a:pt x="1512772" y="1279435"/>
                                  </a:cubicBezTo>
                                  <a:cubicBezTo>
                                    <a:pt x="1516137" y="1285670"/>
                                    <a:pt x="1516569" y="1292211"/>
                                    <a:pt x="1515083" y="1301063"/>
                                  </a:cubicBezTo>
                                  <a:cubicBezTo>
                                    <a:pt x="1513521" y="1309851"/>
                                    <a:pt x="1509101" y="1318881"/>
                                    <a:pt x="1501431" y="1329041"/>
                                  </a:cubicBezTo>
                                  <a:cubicBezTo>
                                    <a:pt x="1493709" y="1339125"/>
                                    <a:pt x="1482990" y="1352218"/>
                                    <a:pt x="1468157" y="1367039"/>
                                  </a:cubicBezTo>
                                  <a:cubicBezTo>
                                    <a:pt x="1455507" y="1379689"/>
                                    <a:pt x="1443925" y="1388909"/>
                                    <a:pt x="1434578" y="1395894"/>
                                  </a:cubicBezTo>
                                  <a:cubicBezTo>
                                    <a:pt x="1425167" y="1402802"/>
                                    <a:pt x="1416137" y="1407235"/>
                                    <a:pt x="1406104" y="1407540"/>
                                  </a:cubicBezTo>
                                  <a:cubicBezTo>
                                    <a:pt x="1397316" y="1409102"/>
                                    <a:pt x="1388782" y="1408162"/>
                                    <a:pt x="1380615" y="1404365"/>
                                  </a:cubicBezTo>
                                  <a:cubicBezTo>
                                    <a:pt x="1371713" y="1401304"/>
                                    <a:pt x="1361057" y="1395271"/>
                                    <a:pt x="1349284" y="1387854"/>
                                  </a:cubicBezTo>
                                  <a:cubicBezTo>
                                    <a:pt x="1198625" y="1295018"/>
                                    <a:pt x="1046656" y="1204238"/>
                                    <a:pt x="896009" y="1111401"/>
                                  </a:cubicBezTo>
                                  <a:cubicBezTo>
                                    <a:pt x="843913" y="1079753"/>
                                    <a:pt x="794942" y="1052334"/>
                                    <a:pt x="749209" y="1028533"/>
                                  </a:cubicBezTo>
                                  <a:cubicBezTo>
                                    <a:pt x="703604" y="1004734"/>
                                    <a:pt x="660055" y="988846"/>
                                    <a:pt x="619428" y="979003"/>
                                  </a:cubicBezTo>
                                  <a:cubicBezTo>
                                    <a:pt x="578737" y="969097"/>
                                    <a:pt x="541730" y="968475"/>
                                    <a:pt x="506589" y="974571"/>
                                  </a:cubicBezTo>
                                  <a:cubicBezTo>
                                    <a:pt x="472565" y="981925"/>
                                    <a:pt x="440104" y="1000314"/>
                                    <a:pt x="411135" y="1029283"/>
                                  </a:cubicBezTo>
                                  <a:cubicBezTo>
                                    <a:pt x="382662" y="1057756"/>
                                    <a:pt x="354189" y="1086229"/>
                                    <a:pt x="325715" y="1114703"/>
                                  </a:cubicBezTo>
                                  <a:cubicBezTo>
                                    <a:pt x="545463" y="1334464"/>
                                    <a:pt x="765161" y="1554149"/>
                                    <a:pt x="984845" y="1773846"/>
                                  </a:cubicBezTo>
                                  <a:cubicBezTo>
                                    <a:pt x="990827" y="1779827"/>
                                    <a:pt x="996059" y="1786546"/>
                                    <a:pt x="998625" y="1793594"/>
                                  </a:cubicBezTo>
                                  <a:cubicBezTo>
                                    <a:pt x="1001241" y="1800566"/>
                                    <a:pt x="1000987" y="1807793"/>
                                    <a:pt x="998929" y="1814714"/>
                                  </a:cubicBezTo>
                                  <a:cubicBezTo>
                                    <a:pt x="997495" y="1823503"/>
                                    <a:pt x="993761" y="1831846"/>
                                    <a:pt x="988020" y="1842439"/>
                                  </a:cubicBezTo>
                                  <a:cubicBezTo>
                                    <a:pt x="981048" y="1851785"/>
                                    <a:pt x="971828" y="1863381"/>
                                    <a:pt x="959242" y="1875966"/>
                                  </a:cubicBezTo>
                                  <a:cubicBezTo>
                                    <a:pt x="946593" y="1888616"/>
                                    <a:pt x="935747" y="1897087"/>
                                    <a:pt x="926400" y="1904059"/>
                                  </a:cubicBezTo>
                                  <a:cubicBezTo>
                                    <a:pt x="915808" y="1909799"/>
                                    <a:pt x="906778" y="1914219"/>
                                    <a:pt x="897927" y="1915717"/>
                                  </a:cubicBezTo>
                                  <a:cubicBezTo>
                                    <a:pt x="890332" y="1918460"/>
                                    <a:pt x="883791" y="1918016"/>
                                    <a:pt x="876807" y="1915400"/>
                                  </a:cubicBezTo>
                                  <a:cubicBezTo>
                                    <a:pt x="869834" y="1912784"/>
                                    <a:pt x="863040" y="1907615"/>
                                    <a:pt x="857058" y="1901633"/>
                                  </a:cubicBezTo>
                                  <a:lnTo>
                                    <a:pt x="0" y="1044575"/>
                                  </a:lnTo>
                                  <a:lnTo>
                                    <a:pt x="0" y="788988"/>
                                  </a:lnTo>
                                  <a:lnTo>
                                    <a:pt x="159485" y="948473"/>
                                  </a:lnTo>
                                  <a:cubicBezTo>
                                    <a:pt x="201103" y="906855"/>
                                    <a:pt x="242721" y="865237"/>
                                    <a:pt x="284275" y="823670"/>
                                  </a:cubicBezTo>
                                  <a:cubicBezTo>
                                    <a:pt x="317740" y="790218"/>
                                    <a:pt x="340600" y="753388"/>
                                    <a:pt x="351572" y="715631"/>
                                  </a:cubicBezTo>
                                  <a:cubicBezTo>
                                    <a:pt x="362660" y="677874"/>
                                    <a:pt x="365530" y="639863"/>
                                    <a:pt x="357491" y="599680"/>
                                  </a:cubicBezTo>
                                  <a:cubicBezTo>
                                    <a:pt x="350760" y="560678"/>
                                    <a:pt x="335748" y="521118"/>
                                    <a:pt x="311453" y="480744"/>
                                  </a:cubicBezTo>
                                  <a:cubicBezTo>
                                    <a:pt x="286396" y="441108"/>
                                    <a:pt x="255497" y="402601"/>
                                    <a:pt x="218426" y="365530"/>
                                  </a:cubicBezTo>
                                  <a:cubicBezTo>
                                    <a:pt x="157428" y="304532"/>
                                    <a:pt x="97737" y="261669"/>
                                    <a:pt x="38924" y="236498"/>
                                  </a:cubicBezTo>
                                  <a:lnTo>
                                    <a:pt x="0" y="223799"/>
                                  </a:lnTo>
                                  <a:lnTo>
                                    <a:pt x="0" y="0"/>
                                  </a:lnTo>
                                  <a:close/>
                                </a:path>
                              </a:pathLst>
                            </a:custGeom>
                            <a:solidFill>
                              <a:srgbClr val="C0C0C0">
                                <a:alpha val="49803"/>
                              </a:srgbClr>
                            </a:solidFill>
                            <a:ln>
                              <a:noFill/>
                            </a:ln>
                          </wps:spPr>
                          <wps:txbx>
                            <w:txbxContent>
                              <w:p w14:paraId="180C35ED"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01" name="Freeform: Shape 117601"/>
                          <wps:cNvSpPr/>
                          <wps:spPr>
                            <a:xfrm>
                              <a:off x="2409177" y="1786690"/>
                              <a:ext cx="734403" cy="1318044"/>
                            </a:xfrm>
                            <a:custGeom>
                              <a:avLst/>
                              <a:gdLst/>
                              <a:ahLst/>
                              <a:cxnLst/>
                              <a:rect l="l" t="t" r="r" b="b"/>
                              <a:pathLst>
                                <a:path w="734403" h="1318044" extrusionOk="0">
                                  <a:moveTo>
                                    <a:pt x="143118" y="343"/>
                                  </a:moveTo>
                                  <a:cubicBezTo>
                                    <a:pt x="147619" y="0"/>
                                    <a:pt x="152025" y="327"/>
                                    <a:pt x="156820" y="1508"/>
                                  </a:cubicBezTo>
                                  <a:cubicBezTo>
                                    <a:pt x="166548" y="3870"/>
                                    <a:pt x="177203" y="9916"/>
                                    <a:pt x="187732" y="16088"/>
                                  </a:cubicBezTo>
                                  <a:lnTo>
                                    <a:pt x="734403" y="362456"/>
                                  </a:lnTo>
                                  <a:lnTo>
                                    <a:pt x="734403" y="577667"/>
                                  </a:lnTo>
                                  <a:lnTo>
                                    <a:pt x="265049" y="276095"/>
                                  </a:lnTo>
                                  <a:cubicBezTo>
                                    <a:pt x="264795" y="276336"/>
                                    <a:pt x="264554" y="276590"/>
                                    <a:pt x="264300" y="276844"/>
                                  </a:cubicBezTo>
                                  <a:cubicBezTo>
                                    <a:pt x="365894" y="432641"/>
                                    <a:pt x="466550" y="589061"/>
                                    <a:pt x="567214" y="745472"/>
                                  </a:cubicBezTo>
                                  <a:lnTo>
                                    <a:pt x="734403" y="1004067"/>
                                  </a:lnTo>
                                  <a:lnTo>
                                    <a:pt x="734403" y="1318044"/>
                                  </a:lnTo>
                                  <a:lnTo>
                                    <a:pt x="574148" y="1065135"/>
                                  </a:lnTo>
                                  <a:cubicBezTo>
                                    <a:pt x="388880" y="771360"/>
                                    <a:pt x="203613" y="477586"/>
                                    <a:pt x="16447" y="184998"/>
                                  </a:cubicBezTo>
                                  <a:cubicBezTo>
                                    <a:pt x="10224" y="174406"/>
                                    <a:pt x="5423" y="164995"/>
                                    <a:pt x="3048" y="155280"/>
                                  </a:cubicBezTo>
                                  <a:cubicBezTo>
                                    <a:pt x="0" y="146377"/>
                                    <a:pt x="1054" y="138338"/>
                                    <a:pt x="4051" y="127988"/>
                                  </a:cubicBezTo>
                                  <a:cubicBezTo>
                                    <a:pt x="6287" y="118526"/>
                                    <a:pt x="12217" y="107985"/>
                                    <a:pt x="20625" y="97088"/>
                                  </a:cubicBezTo>
                                  <a:cubicBezTo>
                                    <a:pt x="29032" y="86179"/>
                                    <a:pt x="40996" y="74343"/>
                                    <a:pt x="55829" y="59522"/>
                                  </a:cubicBezTo>
                                  <a:cubicBezTo>
                                    <a:pt x="71463" y="43875"/>
                                    <a:pt x="84735" y="30477"/>
                                    <a:pt x="96393" y="21320"/>
                                  </a:cubicBezTo>
                                  <a:cubicBezTo>
                                    <a:pt x="108039" y="12164"/>
                                    <a:pt x="118567" y="6245"/>
                                    <a:pt x="128854" y="3197"/>
                                  </a:cubicBezTo>
                                  <a:cubicBezTo>
                                    <a:pt x="134023" y="1698"/>
                                    <a:pt x="138617" y="686"/>
                                    <a:pt x="143118" y="343"/>
                                  </a:cubicBezTo>
                                  <a:close/>
                                </a:path>
                              </a:pathLst>
                            </a:custGeom>
                            <a:solidFill>
                              <a:srgbClr val="C0C0C0">
                                <a:alpha val="49803"/>
                              </a:srgbClr>
                            </a:solidFill>
                            <a:ln>
                              <a:noFill/>
                            </a:ln>
                          </wps:spPr>
                          <wps:txbx>
                            <w:txbxContent>
                              <w:p w14:paraId="142589F7"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02" name="Freeform: Shape 117602"/>
                          <wps:cNvSpPr/>
                          <wps:spPr>
                            <a:xfrm>
                              <a:off x="3143580" y="2149147"/>
                              <a:ext cx="1283754" cy="1652916"/>
                            </a:xfrm>
                            <a:custGeom>
                              <a:avLst/>
                              <a:gdLst/>
                              <a:ahLst/>
                              <a:cxnLst/>
                              <a:rect l="l" t="t" r="r" b="b"/>
                              <a:pathLst>
                                <a:path w="1283754" h="1652916" extrusionOk="0">
                                  <a:moveTo>
                                    <a:pt x="0" y="0"/>
                                  </a:moveTo>
                                  <a:lnTo>
                                    <a:pt x="333496" y="211301"/>
                                  </a:lnTo>
                                  <a:cubicBezTo>
                                    <a:pt x="627269" y="396569"/>
                                    <a:pt x="921042" y="581837"/>
                                    <a:pt x="1213663" y="768971"/>
                                  </a:cubicBezTo>
                                  <a:cubicBezTo>
                                    <a:pt x="1235215" y="783296"/>
                                    <a:pt x="1250671" y="794142"/>
                                    <a:pt x="1262202" y="804175"/>
                                  </a:cubicBezTo>
                                  <a:cubicBezTo>
                                    <a:pt x="1272984" y="814958"/>
                                    <a:pt x="1278953" y="825549"/>
                                    <a:pt x="1281392" y="835201"/>
                                  </a:cubicBezTo>
                                  <a:cubicBezTo>
                                    <a:pt x="1283754" y="844917"/>
                                    <a:pt x="1280516" y="855140"/>
                                    <a:pt x="1272794" y="865364"/>
                                  </a:cubicBezTo>
                                  <a:cubicBezTo>
                                    <a:pt x="1264374" y="876133"/>
                                    <a:pt x="1253668" y="889227"/>
                                    <a:pt x="1238021" y="904861"/>
                                  </a:cubicBezTo>
                                  <a:cubicBezTo>
                                    <a:pt x="1222451" y="920444"/>
                                    <a:pt x="1210615" y="932395"/>
                                    <a:pt x="1200455" y="940065"/>
                                  </a:cubicBezTo>
                                  <a:cubicBezTo>
                                    <a:pt x="1189546" y="948473"/>
                                    <a:pt x="1180516" y="952905"/>
                                    <a:pt x="1172477" y="953705"/>
                                  </a:cubicBezTo>
                                  <a:cubicBezTo>
                                    <a:pt x="1164882" y="956448"/>
                                    <a:pt x="1158265" y="955953"/>
                                    <a:pt x="1151293" y="953337"/>
                                  </a:cubicBezTo>
                                  <a:cubicBezTo>
                                    <a:pt x="1144321" y="950721"/>
                                    <a:pt x="1136028" y="947038"/>
                                    <a:pt x="1126681" y="942059"/>
                                  </a:cubicBezTo>
                                  <a:cubicBezTo>
                                    <a:pt x="973976" y="843304"/>
                                    <a:pt x="820077" y="746479"/>
                                    <a:pt x="667360" y="647724"/>
                                  </a:cubicBezTo>
                                  <a:cubicBezTo>
                                    <a:pt x="534149" y="780934"/>
                                    <a:pt x="400876" y="914208"/>
                                    <a:pt x="267665" y="1047418"/>
                                  </a:cubicBezTo>
                                  <a:cubicBezTo>
                                    <a:pt x="366039" y="1197266"/>
                                    <a:pt x="462559" y="1348358"/>
                                    <a:pt x="560934" y="1498205"/>
                                  </a:cubicBezTo>
                                  <a:cubicBezTo>
                                    <a:pt x="566738" y="1506866"/>
                                    <a:pt x="570344" y="1515096"/>
                                    <a:pt x="572960" y="1522068"/>
                                  </a:cubicBezTo>
                                  <a:cubicBezTo>
                                    <a:pt x="576707" y="1530298"/>
                                    <a:pt x="576516" y="1537588"/>
                                    <a:pt x="575704" y="1545627"/>
                                  </a:cubicBezTo>
                                  <a:cubicBezTo>
                                    <a:pt x="575399" y="1555647"/>
                                    <a:pt x="570967" y="1564689"/>
                                    <a:pt x="564058" y="1574100"/>
                                  </a:cubicBezTo>
                                  <a:cubicBezTo>
                                    <a:pt x="556323" y="1584184"/>
                                    <a:pt x="546354" y="1596528"/>
                                    <a:pt x="532219" y="1610676"/>
                                  </a:cubicBezTo>
                                  <a:cubicBezTo>
                                    <a:pt x="518135" y="1624748"/>
                                    <a:pt x="505054" y="1635467"/>
                                    <a:pt x="494957" y="1643188"/>
                                  </a:cubicBezTo>
                                  <a:cubicBezTo>
                                    <a:pt x="482867" y="1650427"/>
                                    <a:pt x="473278" y="1652916"/>
                                    <a:pt x="463677" y="1650542"/>
                                  </a:cubicBezTo>
                                  <a:cubicBezTo>
                                    <a:pt x="453961" y="1648179"/>
                                    <a:pt x="443370" y="1642070"/>
                                    <a:pt x="433337" y="1630666"/>
                                  </a:cubicBezTo>
                                  <a:cubicBezTo>
                                    <a:pt x="422554" y="1619897"/>
                                    <a:pt x="411709" y="1604441"/>
                                    <a:pt x="397446" y="1582825"/>
                                  </a:cubicBezTo>
                                  <a:lnTo>
                                    <a:pt x="0" y="955588"/>
                                  </a:lnTo>
                                  <a:lnTo>
                                    <a:pt x="0" y="641610"/>
                                  </a:lnTo>
                                  <a:lnTo>
                                    <a:pt x="135763" y="851597"/>
                                  </a:lnTo>
                                  <a:cubicBezTo>
                                    <a:pt x="247167" y="740193"/>
                                    <a:pt x="358635" y="628725"/>
                                    <a:pt x="470103" y="517257"/>
                                  </a:cubicBezTo>
                                  <a:cubicBezTo>
                                    <a:pt x="313963" y="416006"/>
                                    <a:pt x="157185" y="315740"/>
                                    <a:pt x="398" y="215467"/>
                                  </a:cubicBezTo>
                                  <a:lnTo>
                                    <a:pt x="0" y="215211"/>
                                  </a:lnTo>
                                  <a:lnTo>
                                    <a:pt x="0" y="0"/>
                                  </a:lnTo>
                                  <a:close/>
                                </a:path>
                              </a:pathLst>
                            </a:custGeom>
                            <a:solidFill>
                              <a:srgbClr val="C0C0C0">
                                <a:alpha val="49803"/>
                              </a:srgbClr>
                            </a:solidFill>
                            <a:ln>
                              <a:noFill/>
                            </a:ln>
                          </wps:spPr>
                          <wps:txbx>
                            <w:txbxContent>
                              <w:p w14:paraId="1C61A9A0"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03" name="Freeform: Shape 117603"/>
                          <wps:cNvSpPr/>
                          <wps:spPr>
                            <a:xfrm>
                              <a:off x="3073803" y="797215"/>
                              <a:ext cx="1630426" cy="2019160"/>
                            </a:xfrm>
                            <a:custGeom>
                              <a:avLst/>
                              <a:gdLst/>
                              <a:ahLst/>
                              <a:cxnLst/>
                              <a:rect l="l" t="t" r="r" b="b"/>
                              <a:pathLst>
                                <a:path w="1630426" h="2019160" extrusionOk="0">
                                  <a:moveTo>
                                    <a:pt x="464122" y="0"/>
                                  </a:moveTo>
                                  <a:cubicBezTo>
                                    <a:pt x="470662" y="686"/>
                                    <a:pt x="478447" y="2362"/>
                                    <a:pt x="487794" y="7353"/>
                                  </a:cubicBezTo>
                                  <a:cubicBezTo>
                                    <a:pt x="497269" y="12332"/>
                                    <a:pt x="509041" y="19621"/>
                                    <a:pt x="520573" y="29655"/>
                                  </a:cubicBezTo>
                                  <a:cubicBezTo>
                                    <a:pt x="533273" y="40869"/>
                                    <a:pt x="547167" y="53264"/>
                                    <a:pt x="562750" y="68847"/>
                                  </a:cubicBezTo>
                                  <a:cubicBezTo>
                                    <a:pt x="578269" y="84366"/>
                                    <a:pt x="590664" y="98260"/>
                                    <a:pt x="600697" y="109779"/>
                                  </a:cubicBezTo>
                                  <a:cubicBezTo>
                                    <a:pt x="610731" y="121310"/>
                                    <a:pt x="618020" y="133084"/>
                                    <a:pt x="621818" y="141376"/>
                                  </a:cubicBezTo>
                                  <a:cubicBezTo>
                                    <a:pt x="626796" y="150711"/>
                                    <a:pt x="628485" y="158509"/>
                                    <a:pt x="629171" y="165049"/>
                                  </a:cubicBezTo>
                                  <a:cubicBezTo>
                                    <a:pt x="629107" y="172339"/>
                                    <a:pt x="627304" y="176517"/>
                                    <a:pt x="623557" y="180251"/>
                                  </a:cubicBezTo>
                                  <a:cubicBezTo>
                                    <a:pt x="506171" y="297637"/>
                                    <a:pt x="388785" y="415023"/>
                                    <a:pt x="271399" y="532410"/>
                                  </a:cubicBezTo>
                                  <a:cubicBezTo>
                                    <a:pt x="446862" y="707860"/>
                                    <a:pt x="622313" y="883310"/>
                                    <a:pt x="797700" y="1058710"/>
                                  </a:cubicBezTo>
                                  <a:cubicBezTo>
                                    <a:pt x="908672" y="947738"/>
                                    <a:pt x="1019645" y="836765"/>
                                    <a:pt x="1130542" y="725869"/>
                                  </a:cubicBezTo>
                                  <a:cubicBezTo>
                                    <a:pt x="1134288" y="722122"/>
                                    <a:pt x="1138453" y="720319"/>
                                    <a:pt x="1144562" y="719074"/>
                                  </a:cubicBezTo>
                                  <a:cubicBezTo>
                                    <a:pt x="1151103" y="719760"/>
                                    <a:pt x="1158888" y="721436"/>
                                    <a:pt x="1167054" y="725246"/>
                                  </a:cubicBezTo>
                                  <a:cubicBezTo>
                                    <a:pt x="1175347" y="729044"/>
                                    <a:pt x="1185939" y="735152"/>
                                    <a:pt x="1197458" y="745185"/>
                                  </a:cubicBezTo>
                                  <a:cubicBezTo>
                                    <a:pt x="1208926" y="755142"/>
                                    <a:pt x="1224064" y="768795"/>
                                    <a:pt x="1240765" y="785495"/>
                                  </a:cubicBezTo>
                                  <a:cubicBezTo>
                                    <a:pt x="1256335" y="801065"/>
                                    <a:pt x="1267562" y="813778"/>
                                    <a:pt x="1277582" y="825310"/>
                                  </a:cubicBezTo>
                                  <a:cubicBezTo>
                                    <a:pt x="1287615" y="836829"/>
                                    <a:pt x="1294905" y="848602"/>
                                    <a:pt x="1298651" y="856831"/>
                                  </a:cubicBezTo>
                                  <a:cubicBezTo>
                                    <a:pt x="1303693" y="866242"/>
                                    <a:pt x="1305370" y="874027"/>
                                    <a:pt x="1306056" y="880567"/>
                                  </a:cubicBezTo>
                                  <a:cubicBezTo>
                                    <a:pt x="1306004" y="887857"/>
                                    <a:pt x="1305370" y="893217"/>
                                    <a:pt x="1301636" y="896963"/>
                                  </a:cubicBezTo>
                                  <a:cubicBezTo>
                                    <a:pt x="1190727" y="1007859"/>
                                    <a:pt x="1079767" y="1118832"/>
                                    <a:pt x="968794" y="1229805"/>
                                  </a:cubicBezTo>
                                  <a:cubicBezTo>
                                    <a:pt x="1183691" y="1444688"/>
                                    <a:pt x="1398588" y="1659585"/>
                                    <a:pt x="1613535" y="1874546"/>
                                  </a:cubicBezTo>
                                  <a:cubicBezTo>
                                    <a:pt x="1619517" y="1880527"/>
                                    <a:pt x="1623504" y="1886001"/>
                                    <a:pt x="1626121" y="1892986"/>
                                  </a:cubicBezTo>
                                  <a:cubicBezTo>
                                    <a:pt x="1629931" y="1901266"/>
                                    <a:pt x="1630426" y="1907756"/>
                                    <a:pt x="1627683" y="1915350"/>
                                  </a:cubicBezTo>
                                  <a:cubicBezTo>
                                    <a:pt x="1626184" y="1924203"/>
                                    <a:pt x="1622514" y="1932483"/>
                                    <a:pt x="1616774" y="1943075"/>
                                  </a:cubicBezTo>
                                  <a:cubicBezTo>
                                    <a:pt x="1609738" y="1952485"/>
                                    <a:pt x="1600517" y="1964081"/>
                                    <a:pt x="1587932" y="1976666"/>
                                  </a:cubicBezTo>
                                  <a:cubicBezTo>
                                    <a:pt x="1576032" y="1988566"/>
                                    <a:pt x="1564437" y="1997786"/>
                                    <a:pt x="1555090" y="2004759"/>
                                  </a:cubicBezTo>
                                  <a:cubicBezTo>
                                    <a:pt x="1544498" y="2010499"/>
                                    <a:pt x="1535468" y="2014919"/>
                                    <a:pt x="1526616" y="2016417"/>
                                  </a:cubicBezTo>
                                  <a:cubicBezTo>
                                    <a:pt x="1519022" y="2019160"/>
                                    <a:pt x="1512481" y="2018716"/>
                                    <a:pt x="1504252" y="2014855"/>
                                  </a:cubicBezTo>
                                  <a:cubicBezTo>
                                    <a:pt x="1497279" y="2012239"/>
                                    <a:pt x="1491730" y="2008314"/>
                                    <a:pt x="1485748" y="2002333"/>
                                  </a:cubicBezTo>
                                  <a:cubicBezTo>
                                    <a:pt x="1008050" y="1524635"/>
                                    <a:pt x="530403" y="1046988"/>
                                    <a:pt x="52705" y="569290"/>
                                  </a:cubicBezTo>
                                  <a:cubicBezTo>
                                    <a:pt x="21615" y="538201"/>
                                    <a:pt x="5537" y="511416"/>
                                    <a:pt x="2553" y="487858"/>
                                  </a:cubicBezTo>
                                  <a:cubicBezTo>
                                    <a:pt x="0" y="466243"/>
                                    <a:pt x="5423" y="449098"/>
                                    <a:pt x="16510" y="438010"/>
                                  </a:cubicBezTo>
                                  <a:cubicBezTo>
                                    <a:pt x="160681" y="293840"/>
                                    <a:pt x="304800" y="149721"/>
                                    <a:pt x="448920" y="5601"/>
                                  </a:cubicBezTo>
                                  <a:cubicBezTo>
                                    <a:pt x="452653" y="1867"/>
                                    <a:pt x="456832" y="64"/>
                                    <a:pt x="464122" y="0"/>
                                  </a:cubicBezTo>
                                  <a:close/>
                                </a:path>
                              </a:pathLst>
                            </a:custGeom>
                            <a:solidFill>
                              <a:srgbClr val="C0C0C0">
                                <a:alpha val="49803"/>
                              </a:srgbClr>
                            </a:solidFill>
                            <a:ln>
                              <a:noFill/>
                            </a:ln>
                          </wps:spPr>
                          <wps:txbx>
                            <w:txbxContent>
                              <w:p w14:paraId="65F5C8D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04" name="Freeform: Shape 117604"/>
                          <wps:cNvSpPr/>
                          <wps:spPr>
                            <a:xfrm>
                              <a:off x="3644284" y="0"/>
                              <a:ext cx="1938096" cy="1938223"/>
                            </a:xfrm>
                            <a:custGeom>
                              <a:avLst/>
                              <a:gdLst/>
                              <a:ahLst/>
                              <a:cxnLst/>
                              <a:rect l="l" t="t" r="r" b="b"/>
                              <a:pathLst>
                                <a:path w="1938096" h="1938223" extrusionOk="0">
                                  <a:moveTo>
                                    <a:pt x="690855" y="0"/>
                                  </a:moveTo>
                                  <a:cubicBezTo>
                                    <a:pt x="697395" y="686"/>
                                    <a:pt x="705180" y="2362"/>
                                    <a:pt x="714528" y="7353"/>
                                  </a:cubicBezTo>
                                  <a:cubicBezTo>
                                    <a:pt x="723938" y="12395"/>
                                    <a:pt x="735025" y="20371"/>
                                    <a:pt x="746557" y="30404"/>
                                  </a:cubicBezTo>
                                  <a:cubicBezTo>
                                    <a:pt x="759206" y="41681"/>
                                    <a:pt x="773151" y="54013"/>
                                    <a:pt x="788734" y="69596"/>
                                  </a:cubicBezTo>
                                  <a:cubicBezTo>
                                    <a:pt x="804253" y="85115"/>
                                    <a:pt x="816585" y="99073"/>
                                    <a:pt x="826681" y="110528"/>
                                  </a:cubicBezTo>
                                  <a:cubicBezTo>
                                    <a:pt x="836714" y="122060"/>
                                    <a:pt x="844690" y="133147"/>
                                    <a:pt x="848551" y="141376"/>
                                  </a:cubicBezTo>
                                  <a:cubicBezTo>
                                    <a:pt x="853529" y="150724"/>
                                    <a:pt x="855218" y="158509"/>
                                    <a:pt x="855904" y="165049"/>
                                  </a:cubicBezTo>
                                  <a:cubicBezTo>
                                    <a:pt x="855840" y="172339"/>
                                    <a:pt x="853288" y="177267"/>
                                    <a:pt x="849541" y="181000"/>
                                  </a:cubicBezTo>
                                  <a:cubicBezTo>
                                    <a:pt x="759384" y="271158"/>
                                    <a:pt x="669290" y="361251"/>
                                    <a:pt x="579133" y="451409"/>
                                  </a:cubicBezTo>
                                  <a:cubicBezTo>
                                    <a:pt x="1026490" y="898766"/>
                                    <a:pt x="1473911" y="1346187"/>
                                    <a:pt x="1921269" y="1793545"/>
                                  </a:cubicBezTo>
                                  <a:cubicBezTo>
                                    <a:pt x="1927251" y="1799526"/>
                                    <a:pt x="1932419" y="1806321"/>
                                    <a:pt x="1935036" y="1813293"/>
                                  </a:cubicBezTo>
                                  <a:cubicBezTo>
                                    <a:pt x="1937652" y="1820278"/>
                                    <a:pt x="1938096" y="1826819"/>
                                    <a:pt x="1935353" y="1834413"/>
                                  </a:cubicBezTo>
                                  <a:cubicBezTo>
                                    <a:pt x="1933855" y="1843265"/>
                                    <a:pt x="1930184" y="1851559"/>
                                    <a:pt x="1924444" y="1862150"/>
                                  </a:cubicBezTo>
                                  <a:cubicBezTo>
                                    <a:pt x="1917471" y="1871498"/>
                                    <a:pt x="1908251" y="1883080"/>
                                    <a:pt x="1895602" y="1895729"/>
                                  </a:cubicBezTo>
                                  <a:cubicBezTo>
                                    <a:pt x="1883702" y="1907629"/>
                                    <a:pt x="1872107" y="1916849"/>
                                    <a:pt x="1862760" y="1923834"/>
                                  </a:cubicBezTo>
                                  <a:cubicBezTo>
                                    <a:pt x="1852168" y="1929562"/>
                                    <a:pt x="1843139" y="1933981"/>
                                    <a:pt x="1834287" y="1935480"/>
                                  </a:cubicBezTo>
                                  <a:cubicBezTo>
                                    <a:pt x="1826692" y="1938223"/>
                                    <a:pt x="1820202" y="1937728"/>
                                    <a:pt x="1813167" y="1935163"/>
                                  </a:cubicBezTo>
                                  <a:cubicBezTo>
                                    <a:pt x="1806194" y="1932546"/>
                                    <a:pt x="1799463" y="1927314"/>
                                    <a:pt x="1793481" y="1921332"/>
                                  </a:cubicBezTo>
                                  <a:cubicBezTo>
                                    <a:pt x="1346124" y="1473975"/>
                                    <a:pt x="898703" y="1026554"/>
                                    <a:pt x="451345" y="579196"/>
                                  </a:cubicBezTo>
                                  <a:cubicBezTo>
                                    <a:pt x="361188" y="669354"/>
                                    <a:pt x="271031" y="759511"/>
                                    <a:pt x="180873" y="849668"/>
                                  </a:cubicBezTo>
                                  <a:cubicBezTo>
                                    <a:pt x="177191" y="853351"/>
                                    <a:pt x="172276" y="855904"/>
                                    <a:pt x="165672" y="855282"/>
                                  </a:cubicBezTo>
                                  <a:cubicBezTo>
                                    <a:pt x="158382" y="855345"/>
                                    <a:pt x="151333" y="852919"/>
                                    <a:pt x="141986" y="847928"/>
                                  </a:cubicBezTo>
                                  <a:cubicBezTo>
                                    <a:pt x="133769" y="844067"/>
                                    <a:pt x="122682" y="836092"/>
                                    <a:pt x="111214" y="825995"/>
                                  </a:cubicBezTo>
                                  <a:cubicBezTo>
                                    <a:pt x="98933" y="816712"/>
                                    <a:pt x="85039" y="804316"/>
                                    <a:pt x="69533" y="788797"/>
                                  </a:cubicBezTo>
                                  <a:cubicBezTo>
                                    <a:pt x="53950" y="773227"/>
                                    <a:pt x="41554" y="759333"/>
                                    <a:pt x="31090" y="745871"/>
                                  </a:cubicBezTo>
                                  <a:cubicBezTo>
                                    <a:pt x="20993" y="734403"/>
                                    <a:pt x="13018" y="723316"/>
                                    <a:pt x="7976" y="713905"/>
                                  </a:cubicBezTo>
                                  <a:cubicBezTo>
                                    <a:pt x="2985" y="704558"/>
                                    <a:pt x="559" y="697522"/>
                                    <a:pt x="622" y="690232"/>
                                  </a:cubicBezTo>
                                  <a:cubicBezTo>
                                    <a:pt x="0" y="683628"/>
                                    <a:pt x="2553" y="678701"/>
                                    <a:pt x="6223" y="675030"/>
                                  </a:cubicBezTo>
                                  <a:cubicBezTo>
                                    <a:pt x="229159" y="452095"/>
                                    <a:pt x="452031" y="229222"/>
                                    <a:pt x="674903" y="6350"/>
                                  </a:cubicBezTo>
                                  <a:cubicBezTo>
                                    <a:pt x="678637" y="2616"/>
                                    <a:pt x="683565" y="63"/>
                                    <a:pt x="690855" y="0"/>
                                  </a:cubicBezTo>
                                  <a:close/>
                                </a:path>
                              </a:pathLst>
                            </a:custGeom>
                            <a:solidFill>
                              <a:srgbClr val="C0C0C0">
                                <a:alpha val="49803"/>
                              </a:srgbClr>
                            </a:solidFill>
                            <a:ln>
                              <a:noFill/>
                            </a:ln>
                          </wps:spPr>
                          <wps:txbx>
                            <w:txbxContent>
                              <w:p w14:paraId="479AE570"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05" name="Freeform: Shape 117605"/>
                          <wps:cNvSpPr/>
                          <wps:spPr>
                            <a:xfrm>
                              <a:off x="0" y="375269"/>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s:wsp>
                          <wps:cNvPr id="117606" name="Freeform: Shape 117606"/>
                          <wps:cNvSpPr/>
                          <wps:spPr>
                            <a:xfrm>
                              <a:off x="0" y="808085"/>
                              <a:ext cx="6041149" cy="9144"/>
                            </a:xfrm>
                            <a:custGeom>
                              <a:avLst/>
                              <a:gdLst/>
                              <a:ahLst/>
                              <a:cxnLst/>
                              <a:rect l="l" t="t" r="r" b="b"/>
                              <a:pathLst>
                                <a:path w="6041149" h="9144" extrusionOk="0">
                                  <a:moveTo>
                                    <a:pt x="0" y="0"/>
                                  </a:moveTo>
                                  <a:lnTo>
                                    <a:pt x="6041149" y="0"/>
                                  </a:lnTo>
                                  <a:lnTo>
                                    <a:pt x="6041149"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s:wsp>
                          <wps:cNvPr id="117607" name="Freeform: Shape 117607"/>
                          <wps:cNvSpPr/>
                          <wps:spPr>
                            <a:xfrm>
                              <a:off x="18288" y="5288645"/>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anchor>
            </w:drawing>
          </mc:Choice>
          <mc:Fallback>
            <w:pict>
              <v:group w14:anchorId="29CBAA83" id="Group 117594" o:spid="_x0000_s1238" alt="P217#y1" style="position:absolute;left:0;text-align:left;margin-left:-1pt;margin-top:-109pt;width:475.7pt;height:428.55pt;z-index:-251636736;mso-wrap-distance-left:0;mso-wrap-distance-right:0;mso-position-horizontal-relative:text;mso-position-vertical-relative:text" coordorigin="23254,10588" coordsize="60411,5442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">
                <v:group id="Group 117595" o:spid="_x0000_s1239" style="position:absolute;left:23254;top:10588;width:60411;height:54423" coordsize="60411,5442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">
                  <v:rect id="Rectangle 117596" o:spid="_x0000_s1240" style="position:absolute;width:60411;height:5442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" filled="f" stroked="f">
                    <v:textbox inset="2.53958mm,2.53958mm,2.53958mm,2.53958mm">
                      <w:txbxContent>
                        <w:p w14:paraId="6D1C900F" w14:textId="77777777" w:rsidR="00CF54CB" w:rsidRDefault="00CF54CB">
                          <w:pPr>
                            <w:spacing w:after="0" w:line="240" w:lineRule="auto"/>
                            <w:ind w:left="0" w:firstLine="0"/>
                            <w:jc w:val="left"/>
                            <w:textDirection w:val="btLr"/>
                          </w:pPr>
                        </w:p>
                      </w:txbxContent>
                    </v:textbox>
                  </v:rect>
                  <v:shape id="Freeform: Shape 117597" o:spid="_x0000_s1241" style="position:absolute;left:4310;top:34844;width:10006;height:14727;visibility:visible;mso-wrap-style:square;v-text-anchor:middle" coordsize="1000596,147266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" adj="-11796480,,5400" path="m639526,592v49112,592,99671,7164,151506,20245c843153,34890,896506,53877,950816,78416r49780,24876l1000596,330497,954591,304878c913406,283927,872750,267167,832777,254238,772874,234893,715315,227570,659761,230085v-18518,838,-36813,2769,-54898,5713c532460,247507,463931,288134,397827,354238v-43306,43307,-86677,86677,-130035,130035l1000596,1217085r,255579l52705,524773c21615,493684,5537,466887,2553,443341,,421725,5410,404580,16574,393430,89090,320913,161684,248320,234201,175790,317449,92554,404609,37906,496697,16227,542747,5388,590414,,639526,592xe" fillcolor="silver" stroked="f">
                    <v:fill opacity="32639f"/>
                    <v:stroke joinstyle="miter"/>
                    <v:formulas/>
                    <v:path arrowok="t" o:extrusionok="f" o:connecttype="custom" textboxrect="0,0,1000596,1472664"/>
                    <v:textbox inset="2.53958mm,2.53958mm,2.53958mm,2.53958mm">
                      <w:txbxContent>
                        <w:p w14:paraId="602680B2" w14:textId="77777777" w:rsidR="00CF54CB" w:rsidRDefault="00CF54CB">
                          <w:pPr>
                            <w:spacing w:after="0" w:line="240" w:lineRule="auto"/>
                            <w:ind w:left="0" w:firstLine="0"/>
                            <w:jc w:val="left"/>
                            <w:textDirection w:val="btLr"/>
                          </w:pPr>
                        </w:p>
                      </w:txbxContent>
                    </v:textbox>
                  </v:shape>
                  <v:shape id="Freeform: Shape 117598" o:spid="_x0000_s1242" style="position:absolute;left:14316;top:35877;width:9593;height:18545;visibility:visible;mso-wrap-style:square;v-text-anchor:middle" coordsize="959243,185452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" adj="-11796480,,5400" path="m,l32368,16175v27599,15124,55404,31714,83379,49846c227583,138487,342785,233623,458863,349701,592822,483660,699172,611575,777366,732136v79451,121679,130035,235204,155956,341630c959243,1180179,957185,1280928,930833,1372953v-26366,91910,-81001,179069,-163437,261505c699553,1702302,631697,1770158,563841,1838013v-11151,11152,-28347,16511,-51092,12828c490384,1849038,463587,1832959,432497,1801870l,1369372,,1113793r471753,471758c515619,1541685,559485,1497819,603287,1454017v61684,-61684,101562,-124740,118199,-192342c738123,1194073,737247,1122051,713320,1042550,689520,963047,648651,877691,584656,786035,521918,695623,438047,597808,332751,492512,249020,408768,164400,337991,78980,277361,57936,262518,36986,248812,16149,236197l,227205,,xe" fillcolor="silver" stroked="f">
                    <v:fill opacity="32639f"/>
                    <v:stroke joinstyle="miter"/>
                    <v:formulas/>
                    <v:path arrowok="t" o:extrusionok="f" o:connecttype="custom" textboxrect="0,0,959243,1854524"/>
                    <v:textbox inset="2.53958mm,2.53958mm,2.53958mm,2.53958mm">
                      <w:txbxContent>
                        <w:p w14:paraId="4392B815" w14:textId="77777777" w:rsidR="00CF54CB" w:rsidRDefault="00CF54CB">
                          <w:pPr>
                            <w:spacing w:after="0" w:line="240" w:lineRule="auto"/>
                            <w:ind w:left="0" w:firstLine="0"/>
                            <w:jc w:val="left"/>
                            <w:textDirection w:val="btLr"/>
                          </w:pPr>
                        </w:p>
                      </w:txbxContent>
                    </v:textbox>
                  </v:shape>
                  <v:shape id="Freeform: Shape 117599" o:spid="_x0000_s1243" style="position:absolute;left:13672;top:25902;width:6287;height:10588;visibility:visible;mso-wrap-style:square;v-text-anchor:middle" coordsize="628690,1058861"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" adj="-11796480,,5400" path="m559321,2040v12976,1020,26046,2690,39244,5095l628690,14286r,223798l623625,236432v-14620,-3289,-29196,-5096,-43729,-5462c550831,230238,521938,235271,493217,245742v-18694,6477,-35585,16510,-53581,29654c421627,288541,399631,308175,374332,333461v-35890,35890,-71843,71843,-107721,107733l628690,803273r,255588l52705,482876c21615,451786,5537,424990,2553,401444,,379828,5359,362747,16510,351596,84607,283499,152705,215401,220815,147291v24549,-24549,45796,-43421,63297,-58560c302247,75574,319316,62989,334454,52841,382499,26730,430479,8785,482308,3058,507791,562,533368,,559321,2040xe" fillcolor="silver" stroked="f">
                    <v:fill opacity="32639f"/>
                    <v:stroke joinstyle="miter"/>
                    <v:formulas/>
                    <v:path arrowok="t" o:extrusionok="f" o:connecttype="custom" textboxrect="0,0,628690,1058861"/>
                    <v:textbox inset="2.53958mm,2.53958mm,2.53958mm,2.53958mm">
                      <w:txbxContent>
                        <w:p w14:paraId="79DE10BA" w14:textId="77777777" w:rsidR="00CF54CB" w:rsidRDefault="00CF54CB">
                          <w:pPr>
                            <w:spacing w:after="0" w:line="240" w:lineRule="auto"/>
                            <w:ind w:left="0" w:firstLine="0"/>
                            <w:jc w:val="left"/>
                            <w:textDirection w:val="btLr"/>
                          </w:pPr>
                        </w:p>
                      </w:txbxContent>
                    </v:textbox>
                  </v:shape>
                  <v:shape id="Freeform: Shape 117600" o:spid="_x0000_s1244" style="position:absolute;left:19959;top:26044;width:15165;height:19185;visibility:visible;mso-wrap-style:square;v-text-anchor:middle" coordsize="1516569,19184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" adj="-11796480,,5400" path="m,l9892,2348c63714,18172,117118,40918,170890,75742v53771,34835,107480,79197,161302,133032c383602,260171,425652,311453,458303,360171v33147,50596,55830,99440,70968,146735c545590,555382,552944,602359,553134,648156v127,45733,-5613,91211,-17945,135077c561542,778687,590764,777632,620114,782052v30531,5601,63678,12713,98628,25857c753692,820927,791831,837500,832445,859179v40628,21692,85992,45491,135027,75578c1109470,1020304,1252587,1103857,1394522,1189468v35382,22187,60249,37821,73203,46418c1481872,1245666,1492274,1254454,1498256,1260436v5981,5981,11150,12776,14516,18999c1516137,1285670,1516569,1292211,1515083,1301063v-1562,8788,-5982,17818,-13652,27978c1493709,1339125,1482990,1352218,1468157,1367039v-12650,12650,-24232,21870,-33579,28855c1425167,1402802,1416137,1407235,1406104,1407540v-8788,1562,-17322,622,-25489,-3175c1371713,1401304,1361057,1395271,1349284,1387854,1198625,1295018,1046656,1204238,896009,1111401v-52096,-31648,-101067,-59067,-146800,-82868c703604,1004734,660055,988846,619428,979003v-40691,-9906,-77698,-10528,-112839,-4432c472565,981925,440104,1000314,411135,1029283v-28473,28473,-56946,56946,-85420,85420c545463,1334464,765161,1554149,984845,1773846v5982,5981,11214,12700,13780,19748c1001241,1800566,1000987,1807793,998929,1814714v-1434,8789,-5168,17132,-10909,27725c981048,1851785,971828,1863381,959242,1875966v-12649,12650,-23495,21121,-32842,28093c915808,1909799,906778,1914219,897927,1915717v-7595,2743,-14136,2299,-21120,-317c869834,1912784,863040,1907615,857058,1901633l,1044575,,788988,159485,948473v41618,-41618,83236,-83236,124790,-124803c317740,790218,340600,753388,351572,715631v11088,-37757,13958,-75768,5919,-115951c350760,560678,335748,521118,311453,480744,286396,441108,255497,402601,218426,365530,157428,304532,97737,261669,38924,236498l,223799,,xe" fillcolor="silver" stroked="f">
                    <v:fill opacity="32639f"/>
                    <v:stroke joinstyle="miter"/>
                    <v:formulas/>
                    <v:path arrowok="t" o:extrusionok="f" o:connecttype="custom" textboxrect="0,0,1516569,1918460"/>
                    <v:textbox inset="2.53958mm,2.53958mm,2.53958mm,2.53958mm">
                      <w:txbxContent>
                        <w:p w14:paraId="180C35ED" w14:textId="77777777" w:rsidR="00CF54CB" w:rsidRDefault="00CF54CB">
                          <w:pPr>
                            <w:spacing w:after="0" w:line="240" w:lineRule="auto"/>
                            <w:ind w:left="0" w:firstLine="0"/>
                            <w:jc w:val="left"/>
                            <w:textDirection w:val="btLr"/>
                          </w:pPr>
                        </w:p>
                      </w:txbxContent>
                    </v:textbox>
                  </v:shape>
                  <v:shape id="Freeform: Shape 117601" o:spid="_x0000_s1245" style="position:absolute;left:24091;top:17866;width:7344;height:13181;visibility:visible;mso-wrap-style:square;v-text-anchor:middle" coordsize="734403,1318044"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" adj="-11796480,,5400" path="m143118,343v4501,-343,8907,-16,13702,1165c166548,3870,177203,9916,187732,16088l734403,362456r,215211l265049,276095v-254,241,-495,495,-749,749c365894,432641,466550,589061,567214,745472r167189,258595l734403,1318044,574148,1065135c388880,771360,203613,477586,16447,184998,10224,174406,5423,164995,3048,155280,,146377,1054,138338,4051,127988v2236,-9462,8166,-20003,16574,-30900c29032,86179,40996,74343,55829,59522,71463,43875,84735,30477,96393,21320,108039,12164,118567,6245,128854,3197,134023,1698,138617,686,143118,343xe" fillcolor="silver" stroked="f">
                    <v:fill opacity="32639f"/>
                    <v:stroke joinstyle="miter"/>
                    <v:formulas/>
                    <v:path arrowok="t" o:extrusionok="f" o:connecttype="custom" textboxrect="0,0,734403,1318044"/>
                    <v:textbox inset="2.53958mm,2.53958mm,2.53958mm,2.53958mm">
                      <w:txbxContent>
                        <w:p w14:paraId="142589F7" w14:textId="77777777" w:rsidR="00CF54CB" w:rsidRDefault="00CF54CB">
                          <w:pPr>
                            <w:spacing w:after="0" w:line="240" w:lineRule="auto"/>
                            <w:ind w:left="0" w:firstLine="0"/>
                            <w:jc w:val="left"/>
                            <w:textDirection w:val="btLr"/>
                          </w:pPr>
                        </w:p>
                      </w:txbxContent>
                    </v:textbox>
                  </v:shape>
                  <v:shape id="Freeform: Shape 117602" o:spid="_x0000_s1246" style="position:absolute;left:31435;top:21491;width:12838;height:16529;visibility:visible;mso-wrap-style:square;v-text-anchor:middle" coordsize="1283754,1652916"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" adj="-11796480,,5400" path="m,l333496,211301v293773,185268,587546,370536,880167,557670c1235215,783296,1250671,794142,1262202,804175v10782,10783,16751,21374,19190,31026c1283754,844917,1280516,855140,1272794,865364v-8420,10769,-19126,23863,-34773,39497c1222451,920444,1210615,932395,1200455,940065v-10909,8408,-19939,12840,-27978,13640c1164882,956448,1158265,955953,1151293,953337v-6972,-2616,-15265,-6299,-24612,-11278c973976,843304,820077,746479,667360,647724,534149,780934,400876,914208,267665,1047418v98374,149848,194894,300940,293269,450787c566738,1506866,570344,1515096,572960,1522068v3747,8230,3556,15520,2744,23559c575399,1555647,570967,1564689,564058,1574100v-7735,10084,-17704,22428,-31839,36576c518135,1624748,505054,1635467,494957,1643188v-12090,7239,-21679,9728,-31280,7354c453961,1648179,443370,1642070,433337,1630666v-10783,-10769,-21628,-26225,-35891,-47841l,955588,,641610,135763,851597c247167,740193,358635,628725,470103,517257,313963,416006,157185,315740,398,215467l,215211,,xe" fillcolor="silver" stroked="f">
                    <v:fill opacity="32639f"/>
                    <v:stroke joinstyle="miter"/>
                    <v:formulas/>
                    <v:path arrowok="t" o:extrusionok="f" o:connecttype="custom" textboxrect="0,0,1283754,1652916"/>
                    <v:textbox inset="2.53958mm,2.53958mm,2.53958mm,2.53958mm">
                      <w:txbxContent>
                        <w:p w14:paraId="1C61A9A0" w14:textId="77777777" w:rsidR="00CF54CB" w:rsidRDefault="00CF54CB">
                          <w:pPr>
                            <w:spacing w:after="0" w:line="240" w:lineRule="auto"/>
                            <w:ind w:left="0" w:firstLine="0"/>
                            <w:jc w:val="left"/>
                            <w:textDirection w:val="btLr"/>
                          </w:pPr>
                        </w:p>
                      </w:txbxContent>
                    </v:textbox>
                  </v:shape>
                  <v:shape id="Freeform: Shape 117603" o:spid="_x0000_s1247" style="position:absolute;left:30738;top:7972;width:16304;height:20191;visibility:visible;mso-wrap-style:square;v-text-anchor:middle" coordsize="1630426,2019160"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" adj="-11796480,,5400" path="m464122,v6540,686,14325,2362,23672,7353c497269,12332,509041,19621,520573,29655v12700,11214,26594,23609,42177,39192c578269,84366,590664,98260,600697,109779v10034,11531,17323,23305,21121,31597c626796,150711,628485,158509,629171,165049v-64,7290,-1867,11468,-5614,15202c506171,297637,388785,415023,271399,532410v175463,175450,350914,350900,526301,526300c908672,947738,1019645,836765,1130542,725869v3746,-3747,7911,-5550,14020,-6795c1151103,719760,1158888,721436,1167054,725246v8293,3798,18885,9906,30404,19939c1208926,755142,1224064,768795,1240765,785495v15570,15570,26797,28283,36817,39815c1287615,836829,1294905,848602,1298651,856831v5042,9411,6719,17196,7405,23736c1306004,887857,1305370,893217,1301636,896963v-110909,110896,-221869,221869,-332842,332842c1183691,1444688,1398588,1659585,1613535,1874546v5982,5981,9969,11455,12586,18440c1629931,1901266,1630426,1907756,1627683,1915350v-1499,8853,-5169,17133,-10909,27725c1609738,1952485,1600517,1964081,1587932,1976666v-11900,11900,-23495,21120,-32842,28093c1544498,2010499,1535468,2014919,1526616,2016417v-7594,2743,-14135,2299,-22364,-1562c1497279,2012239,1491730,2008314,1485748,2002333,1008050,1524635,530403,1046988,52705,569290,21615,538201,5537,511416,2553,487858,,466243,5423,449098,16510,438010,160681,293840,304800,149721,448920,5601,452653,1867,456832,64,464122,xe" fillcolor="silver" stroked="f">
                    <v:fill opacity="32639f"/>
                    <v:stroke joinstyle="miter"/>
                    <v:formulas/>
                    <v:path arrowok="t" o:extrusionok="f" o:connecttype="custom" textboxrect="0,0,1630426,2019160"/>
                    <v:textbox inset="2.53958mm,2.53958mm,2.53958mm,2.53958mm">
                      <w:txbxContent>
                        <w:p w14:paraId="65F5C8D1" w14:textId="77777777" w:rsidR="00CF54CB" w:rsidRDefault="00CF54CB">
                          <w:pPr>
                            <w:spacing w:after="0" w:line="240" w:lineRule="auto"/>
                            <w:ind w:left="0" w:firstLine="0"/>
                            <w:jc w:val="left"/>
                            <w:textDirection w:val="btLr"/>
                          </w:pPr>
                        </w:p>
                      </w:txbxContent>
                    </v:textbox>
                  </v:shape>
                  <v:shape id="Freeform: Shape 117604" o:spid="_x0000_s1248" style="position:absolute;left:36442;width:19381;height:19382;visibility:visible;mso-wrap-style:square;v-text-anchor:middle" coordsize="1938096,1938223" o:spt="1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" adj="-11796480,,5400" path="m690855,v6540,686,14325,2362,23673,7353c723938,12395,735025,20371,746557,30404v12649,11277,26594,23609,42177,39192c804253,85115,816585,99073,826681,110528v10033,11532,18009,22619,21870,30848c853529,150724,855218,158509,855904,165049v-64,7290,-2616,12218,-6363,15951c759384,271158,669290,361251,579133,451409v447357,447357,894778,894778,1342136,1342136c1927251,1799526,1932419,1806321,1935036,1813293v2616,6985,3060,13526,317,21120c1933855,1843265,1930184,1851559,1924444,1862150v-6973,9348,-16193,20930,-28842,33579c1883702,1907629,1872107,1916849,1862760,1923834v-10592,5728,-19621,10147,-28473,11646c1826692,1938223,1820202,1937728,1813167,1935163v-6973,-2617,-13704,-7849,-19686,-13831c1346124,1473975,898703,1026554,451345,579196,361188,669354,271031,759511,180873,849668v-3682,3683,-8597,6236,-15201,5614c158382,855345,151333,852919,141986,847928v-8217,-3861,-19304,-11836,-30772,-21933c98933,816712,85039,804316,69533,788797,53950,773227,41554,759333,31090,745871,20993,734403,13018,723316,7976,713905,2985,704558,559,697522,622,690232,,683628,2553,678701,6223,675030,229159,452095,452031,229222,674903,6350,678637,2616,683565,63,690855,xe" fillcolor="silver" stroked="f">
                    <v:fill opacity="32639f"/>
                    <v:stroke joinstyle="miter"/>
                    <v:formulas/>
                    <v:path arrowok="t" o:extrusionok="f" o:connecttype="custom" textboxrect="0,0,1938096,1938223"/>
                    <v:textbox inset="2.53958mm,2.53958mm,2.53958mm,2.53958mm">
                      <w:txbxContent>
                        <w:p w14:paraId="479AE570" w14:textId="77777777" w:rsidR="00CF54CB" w:rsidRDefault="00CF54CB">
                          <w:pPr>
                            <w:spacing w:after="0" w:line="240" w:lineRule="auto"/>
                            <w:ind w:left="0" w:firstLine="0"/>
                            <w:jc w:val="left"/>
                            <w:textDirection w:val="btLr"/>
                          </w:pPr>
                        </w:p>
                      </w:txbxContent>
                    </v:textbox>
                  </v:shape>
                  <v:shape id="Freeform: Shape 117605" o:spid="_x0000_s1249" style="position:absolute;top:3752;width:60411;height:92;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" path="m,l6041149,r,9144l,9144,,e" fillcolor="#4472c4" stroked="f">
                    <v:path arrowok="t" o:extrusionok="f"/>
                  </v:shape>
                  <v:shape id="Freeform: Shape 117606" o:spid="_x0000_s1250" style="position:absolute;top:8080;width:60411;height:92;visibility:visible;mso-wrap-style:square;v-text-anchor:middle" coordsize="6041149,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" path="m,l6041149,r,9144l,9144,,e" fillcolor="#4472c4" stroked="f">
                    <v:path arrowok="t" o:extrusionok="f"/>
                  </v:shape>
                  <v:shape id="Freeform: Shape 117607" o:spid="_x0000_s1251" style="position:absolute;left:182;top:52886;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" path="m,l1828800,r,9144l,9144,,e" fillcolor="black" stroked="f">
                    <v:path arrowok="t" o:extrusionok="f"/>
                  </v:shape>
                </v:group>
              </v:group>
            </w:pict>
          </mc:Fallback>
        </mc:AlternateContent>
      </w:r>
    </w:p>
    <w:p w14:paraId="6036DD1A" w14:textId="77777777" w:rsidR="00CF54CB" w:rsidRDefault="00344004">
      <w:pPr>
        <w:spacing w:after="266"/>
        <w:ind w:firstLine="720"/>
      </w:pPr>
      <w:r>
        <w:t xml:space="preserve">The Restructuring Mechanism Subgroup (“Subgroup”) has been charged with the following initial work related to this White Paper: </w:t>
      </w:r>
    </w:p>
    <w:p w14:paraId="33CD1938" w14:textId="24EA49D4" w:rsidR="00CF54CB" w:rsidRDefault="00344004">
      <w:pPr>
        <w:ind w:firstLine="716"/>
        <w:pPrChange w:id="460" w:author="Daveline, Dan" w:date="2021-12-20T15:22:00Z">
          <w:pPr/>
        </w:pPrChange>
      </w:pPr>
      <w:r>
        <w:t xml:space="preserve">Develop best practices to be used in considering the approval of proposed restructuring transactions, including, among other things, the expected level of reserves and capital expected after the transfer along with the adequacy of long- term liquidity needs. Also develop best practices to be used in monitoring the companies after the transaction is completed. Once completed, recommend to the Financial Regulation Standards and Accreditation (F) Committee for its consideration. </w:t>
      </w:r>
      <w:del w:id="461" w:author="Daveline, Dan" w:date="2021-12-20T13:29:00Z">
        <w:r w:rsidDel="0088583D">
          <w:delText>Complete by the 2021 Summer National Meeting.</w:delText>
        </w:r>
      </w:del>
      <w:del w:id="462" w:author="Daveline, Dan" w:date="2021-12-20T14:25:00Z">
        <w:r w:rsidDel="00482E9D">
          <w:delText>31F</w:delText>
        </w:r>
      </w:del>
      <w:r>
        <w:rPr>
          <w:vertAlign w:val="superscript"/>
        </w:rPr>
        <w:footnoteReference w:id="36"/>
      </w:r>
      <w:r>
        <w:t xml:space="preserve"> </w:t>
      </w:r>
    </w:p>
    <w:p w14:paraId="5E4D4CF6" w14:textId="77777777" w:rsidR="00CF54CB" w:rsidRDefault="00CF54CB"/>
    <w:sdt>
      <w:sdtPr>
        <w:tag w:val="goog_rdk_225"/>
        <w:id w:val="-1516997896"/>
      </w:sdtPr>
      <w:sdtEndPr/>
      <w:sdtContent>
        <w:p w14:paraId="568E6E7B" w14:textId="77777777" w:rsidR="00CF54CB" w:rsidRDefault="00344004">
          <w:pPr>
            <w:ind w:right="396" w:firstLine="720"/>
            <w:rPr>
              <w:ins w:id="463" w:author="Daveline, Dan" w:date="2021-12-16T15:50:00Z"/>
            </w:rPr>
          </w:pPr>
          <w:r>
            <w:t xml:space="preserve">Members of the Subgroup have studied </w:t>
          </w:r>
          <w:sdt>
            <w:sdtPr>
              <w:tag w:val="goog_rdk_216"/>
              <w:id w:val="-1974509190"/>
            </w:sdtPr>
            <w:sdtEndPr/>
            <w:sdtContent>
              <w:del w:id="464" w:author="Daveline, Dan" w:date="2021-12-16T15:47:00Z">
                <w:r>
                  <w:delText xml:space="preserve">and acknowledge that </w:delText>
                </w:r>
              </w:del>
            </w:sdtContent>
          </w:sdt>
          <w:sdt>
            <w:sdtPr>
              <w:tag w:val="goog_rdk_217"/>
              <w:id w:val="-396898473"/>
            </w:sdtPr>
            <w:sdtEndPr/>
            <w:sdtContent>
              <w:ins w:id="465" w:author="Daveline, Dan" w:date="2021-12-16T15:47:00Z">
                <w:r>
                  <w:t xml:space="preserve">the </w:t>
                </w:r>
              </w:ins>
            </w:sdtContent>
          </w:sdt>
          <w:r>
            <w:t>UK Part VII procedures</w:t>
          </w:r>
          <w:sdt>
            <w:sdtPr>
              <w:tag w:val="goog_rdk_218"/>
              <w:id w:val="-1705866621"/>
            </w:sdtPr>
            <w:sdtEndPr/>
            <w:sdtContent>
              <w:ins w:id="466" w:author="Daveline, Dan" w:date="2021-12-16T15:48:00Z">
                <w:r>
                  <w:t>, and have concluded that they</w:t>
                </w:r>
              </w:ins>
            </w:sdtContent>
          </w:sdt>
          <w:r>
            <w:t xml:space="preserve"> set forth robust processes and that </w:t>
          </w:r>
          <w:sdt>
            <w:sdtPr>
              <w:tag w:val="goog_rdk_219"/>
              <w:id w:val="730430200"/>
            </w:sdtPr>
            <w:sdtEndPr/>
            <w:sdtContent>
              <w:del w:id="467" w:author="Daveline, Dan" w:date="2021-12-16T15:48:00Z">
                <w:r>
                  <w:delText>setting</w:delText>
                </w:r>
              </w:del>
            </w:sdtContent>
          </w:sdt>
          <w:r>
            <w:t xml:space="preserve"> similar requirements should be </w:t>
          </w:r>
          <w:sdt>
            <w:sdtPr>
              <w:tag w:val="goog_rdk_220"/>
              <w:id w:val="-551608817"/>
            </w:sdtPr>
            <w:sdtEndPr/>
            <w:sdtContent>
              <w:del w:id="468" w:author="Daveline, Dan" w:date="2021-12-16T15:48:00Z">
                <w:r>
                  <w:delText>applied</w:delText>
                </w:r>
              </w:del>
            </w:sdtContent>
          </w:sdt>
          <w:r>
            <w:t xml:space="preserve"> </w:t>
          </w:r>
          <w:sdt>
            <w:sdtPr>
              <w:tag w:val="goog_rdk_221"/>
              <w:id w:val="1656944770"/>
            </w:sdtPr>
            <w:sdtEndPr/>
            <w:sdtContent>
              <w:ins w:id="469" w:author="Daveline, Dan" w:date="2021-12-16T15:48:00Z">
                <w:r>
                  <w:t xml:space="preserve">established for </w:t>
                </w:r>
              </w:ins>
            </w:sdtContent>
          </w:sdt>
          <w:sdt>
            <w:sdtPr>
              <w:tag w:val="goog_rdk_222"/>
              <w:id w:val="226808002"/>
            </w:sdtPr>
            <w:sdtEndPr/>
            <w:sdtContent>
              <w:del w:id="470" w:author="Daveline, Dan" w:date="2021-12-16T15:48:00Z">
                <w:r>
                  <w:delText xml:space="preserve">to </w:delText>
                </w:r>
              </w:del>
            </w:sdtContent>
          </w:sdt>
          <w:r>
            <w:t>IBT</w:t>
          </w:r>
          <w:sdt>
            <w:sdtPr>
              <w:tag w:val="goog_rdk_223"/>
              <w:id w:val="365490984"/>
            </w:sdtPr>
            <w:sdtEndPr/>
            <w:sdtContent>
              <w:ins w:id="471" w:author="Daveline, Dan" w:date="2021-12-16T15:48:00Z">
                <w:r>
                  <w:t>s</w:t>
                </w:r>
              </w:ins>
            </w:sdtContent>
          </w:sdt>
          <w:r>
            <w:t xml:space="preserve"> and CDs. </w:t>
          </w:r>
          <w:sdt>
            <w:sdtPr>
              <w:tag w:val="goog_rdk_224"/>
              <w:id w:val="-1262906358"/>
            </w:sdtPr>
            <w:sdtEndPr/>
            <w:sdtContent>
              <w:ins w:id="472" w:author="Daveline, Dan" w:date="2021-12-16T15:50:00Z">
                <w:r>
                  <w:t xml:space="preserve">As of the date of this paper, the charge related to best practices has not been completed. Such requirements/best practices are currently being drafted by the Subgroup. </w:t>
                </w:r>
              </w:ins>
            </w:sdtContent>
          </w:sdt>
        </w:p>
      </w:sdtContent>
    </w:sdt>
    <w:p w14:paraId="31313ADA" w14:textId="77777777" w:rsidR="00CF54CB" w:rsidRDefault="00CF54CB">
      <w:pPr>
        <w:ind w:right="396" w:firstLine="720"/>
      </w:pPr>
    </w:p>
    <w:sdt>
      <w:sdtPr>
        <w:tag w:val="goog_rdk_228"/>
        <w:id w:val="511347128"/>
      </w:sdtPr>
      <w:sdtEndPr/>
      <w:sdtContent>
        <w:p w14:paraId="48AB92B0" w14:textId="77777777" w:rsidR="00CF54CB" w:rsidRDefault="00DE74AE">
          <w:pPr>
            <w:spacing w:after="344" w:line="242" w:lineRule="auto"/>
            <w:ind w:left="-11" w:right="59" w:firstLine="710"/>
            <w:jc w:val="left"/>
            <w:rPr>
              <w:del w:id="473" w:author="Daveline, Dan" w:date="2021-12-16T15:50:00Z"/>
            </w:rPr>
          </w:pPr>
          <w:sdt>
            <w:sdtPr>
              <w:tag w:val="goog_rdk_227"/>
              <w:id w:val="-548765648"/>
            </w:sdtPr>
            <w:sdtEndPr/>
            <w:sdtContent>
              <w:del w:id="474" w:author="Daveline, Dan" w:date="2021-12-16T15:50:00Z">
                <w:r w:rsidR="00344004">
                  <w:delText xml:space="preserve">As of the date of this paper, the charge related to best practices has not been completed. The Subgroup will continue its work with the goal of developing financial best practices.  Those practices will be exposed for comment and discussion prior to referral to other groups. </w:delText>
                </w:r>
              </w:del>
            </w:sdtContent>
          </w:sdt>
        </w:p>
      </w:sdtContent>
    </w:sdt>
    <w:p w14:paraId="79274D70" w14:textId="1E9E63D7" w:rsidR="00CF54CB" w:rsidRDefault="00B078CA" w:rsidP="00B078CA">
      <w:pPr>
        <w:pStyle w:val="Heading2"/>
      </w:pPr>
      <w:r>
        <w:t xml:space="preserve">B. </w:t>
      </w:r>
      <w:r>
        <w:tab/>
      </w:r>
      <w:r w:rsidR="00344004">
        <w:t>Guaranty Association Issues</w:t>
      </w:r>
    </w:p>
    <w:p w14:paraId="73D2CA47" w14:textId="47DDED1D" w:rsidR="00CF54CB" w:rsidRDefault="00344004">
      <w:pPr>
        <w:spacing w:after="272" w:line="242" w:lineRule="auto"/>
        <w:ind w:left="-11" w:right="59" w:firstLine="710"/>
        <w:jc w:val="left"/>
        <w:rPr>
          <w:ins w:id="475" w:author="Daveline, Dan" w:date="2021-12-20T15:23:00Z"/>
        </w:rPr>
      </w:pPr>
      <w:r>
        <w:t xml:space="preserve">As discussed above, when these restructuring mechanisms are applied to personal lines serious issues arise over the continuation of guaranty association coverage. </w:t>
      </w:r>
      <w:ins w:id="476" w:author="Daveline, Dan" w:date="2021-12-20T14:27:00Z">
        <w:r w:rsidR="00595048">
          <w:t>I</w:t>
        </w:r>
      </w:ins>
      <w:ins w:id="477" w:author="Daveline, Dan" w:date="2021-12-20T14:28:00Z">
        <w:r w:rsidR="00ED0F58">
          <w:t>n</w:t>
        </w:r>
      </w:ins>
      <w:ins w:id="478" w:author="Daveline, Dan" w:date="2021-12-20T14:27:00Z">
        <w:r w:rsidR="00595048">
          <w:t xml:space="preserve"> </w:t>
        </w:r>
        <w:r w:rsidR="00AB7741">
          <w:t xml:space="preserve">some states, such as Colorado and Illinois, </w:t>
        </w:r>
        <w:r w:rsidR="00EB5388">
          <w:t>and to s certain degree, Arkansas, require an assuming or resultin</w:t>
        </w:r>
      </w:ins>
      <w:ins w:id="479" w:author="Daveline, Dan" w:date="2021-12-20T14:28:00Z">
        <w:r w:rsidR="00EB5388">
          <w:t>g insurer to be licensed in the same state(s)</w:t>
        </w:r>
        <w:r w:rsidR="00ED0F58">
          <w:t xml:space="preserve"> as the transferring or dividing insurer. </w:t>
        </w:r>
      </w:ins>
      <w:del w:id="480" w:author="Daveline, Dan" w:date="2021-12-20T14:26:00Z">
        <w:r w:rsidDel="003F2351">
          <w:delText xml:space="preserve">A number of states—Connecticut, California, and Oklahoma—have enacted statutory solutions to these issues. </w:delText>
        </w:r>
      </w:del>
      <w:del w:id="481" w:author="Daveline, Dan" w:date="2021-12-20T15:24:00Z">
        <w:r w:rsidDel="00DB4203">
          <w:delText xml:space="preserve">In addition, NCIGF has provided proposed statutory language. The Working Group </w:delText>
        </w:r>
        <w:r w:rsidDel="00DB4203">
          <w:lastRenderedPageBreak/>
          <w:delText xml:space="preserve">would suggest that these issues, and the potential solutions, be referred to the Receivership Task Force for consideration to include language in the Guaranty Association Model Act. </w:delText>
        </w:r>
      </w:del>
      <w:ins w:id="482" w:author="Daveline, Dan" w:date="2021-12-20T13:31:00Z">
        <w:r w:rsidR="00EA3761">
          <w:t xml:space="preserve">As previously noted, </w:t>
        </w:r>
        <w:r w:rsidR="00B55D26">
          <w:t xml:space="preserve">one state has </w:t>
        </w:r>
      </w:ins>
      <w:ins w:id="483" w:author="Daveline, Dan" w:date="2021-12-20T13:32:00Z">
        <w:r w:rsidR="00E756B2">
          <w:t>higher standards</w:t>
        </w:r>
      </w:ins>
      <w:ins w:id="484" w:author="Daveline, Dan" w:date="2021-12-20T13:33:00Z">
        <w:r w:rsidR="00E756B2">
          <w:t xml:space="preserve"> for those transactions under which policyholder consent has not been provided. In that state, </w:t>
        </w:r>
        <w:r w:rsidR="007145C1">
          <w:t>policyholders cannot lose any rights or claims under the original po</w:t>
        </w:r>
      </w:ins>
      <w:ins w:id="485" w:author="Daveline, Dan" w:date="2021-12-20T13:34:00Z">
        <w:r w:rsidR="007145C1">
          <w:t>licies</w:t>
        </w:r>
        <w:r w:rsidR="0010264B">
          <w:t xml:space="preserve"> by the state guaranty associations. </w:t>
        </w:r>
        <w:r w:rsidR="009F72B6">
          <w:t xml:space="preserve">Therefore, unless and until guaranty association </w:t>
        </w:r>
      </w:ins>
      <w:ins w:id="486" w:author="Daveline, Dan" w:date="2021-12-20T13:35:00Z">
        <w:r w:rsidR="009F72B6">
          <w:t>coverage can be ensured, transactions involving</w:t>
        </w:r>
        <w:r w:rsidR="00012B81">
          <w:t xml:space="preserve"> policies in states with anti-novation statutes will not be possible. </w:t>
        </w:r>
      </w:ins>
      <w:ins w:id="487" w:author="Daveline, Dan" w:date="2021-12-20T13:34:00Z">
        <w:r w:rsidR="0010264B">
          <w:t xml:space="preserve"> </w:t>
        </w:r>
      </w:ins>
      <w:r>
        <w:t xml:space="preserve">  </w:t>
      </w:r>
    </w:p>
    <w:p w14:paraId="10CC287E" w14:textId="77777777" w:rsidR="00F5263C" w:rsidRDefault="00F5263C" w:rsidP="00F5263C">
      <w:pPr>
        <w:pStyle w:val="paragraph"/>
        <w:spacing w:before="0" w:beforeAutospacing="0" w:after="0" w:afterAutospacing="0"/>
        <w:ind w:firstLine="720"/>
        <w:textAlignment w:val="baseline"/>
        <w:rPr>
          <w:ins w:id="488" w:author="Daveline, Dan" w:date="2021-12-20T15:23:00Z"/>
          <w:rFonts w:ascii="Segoe UI" w:hAnsi="Segoe UI" w:cs="Segoe UI"/>
          <w:sz w:val="18"/>
          <w:szCs w:val="18"/>
        </w:rPr>
      </w:pPr>
      <w:ins w:id="489" w:author="Daveline, Dan" w:date="2021-12-20T15:23:00Z">
        <w:r>
          <w:rPr>
            <w:rStyle w:val="normaltextrun"/>
            <w:rFonts w:eastAsiaTheme="majorEastAsia"/>
            <w:color w:val="0078D4"/>
            <w:u w:val="single"/>
          </w:rPr>
          <w:t>On the life and health side, as noted above, restructuring statutes (or regulators reviewing proposed restructuring transactions) should clearly provide that assuming or resulting insurers must be licensed so that policyholders maintain eligibility for life and health guaranty association coverage from the same guaranty association that would have provided coverage immediately prior to a restructuring transaction.  This means that the resulting insurer must be licensed in all states where the transferring insurer was licensed or had ever been licensed with respect to the policies being transferred.  </w:t>
        </w:r>
        <w:r>
          <w:rPr>
            <w:rStyle w:val="eop"/>
            <w:rFonts w:eastAsiaTheme="majorEastAsia"/>
          </w:rPr>
          <w:t> </w:t>
        </w:r>
      </w:ins>
    </w:p>
    <w:p w14:paraId="033A15C3" w14:textId="77777777" w:rsidR="00F5263C" w:rsidRDefault="00F5263C" w:rsidP="00F5263C">
      <w:pPr>
        <w:pStyle w:val="paragraph"/>
        <w:spacing w:before="0" w:beforeAutospacing="0" w:after="0" w:afterAutospacing="0"/>
        <w:ind w:firstLine="720"/>
        <w:textAlignment w:val="baseline"/>
        <w:rPr>
          <w:ins w:id="490" w:author="Daveline, Dan" w:date="2021-12-20T15:23:00Z"/>
          <w:rFonts w:ascii="Segoe UI" w:hAnsi="Segoe UI" w:cs="Segoe UI"/>
          <w:sz w:val="18"/>
          <w:szCs w:val="18"/>
        </w:rPr>
      </w:pPr>
      <w:ins w:id="491" w:author="Daveline, Dan" w:date="2021-12-20T15:23:00Z">
        <w:r>
          <w:rPr>
            <w:rStyle w:val="eop"/>
            <w:rFonts w:eastAsiaTheme="majorEastAsia"/>
          </w:rPr>
          <w:t> </w:t>
        </w:r>
      </w:ins>
    </w:p>
    <w:p w14:paraId="66617EDA" w14:textId="2A71F84B" w:rsidR="00F5263C" w:rsidRDefault="00F5263C" w:rsidP="00F5263C">
      <w:pPr>
        <w:pStyle w:val="paragraph"/>
        <w:spacing w:before="0" w:beforeAutospacing="0" w:after="0" w:afterAutospacing="0"/>
        <w:ind w:firstLine="720"/>
        <w:textAlignment w:val="baseline"/>
        <w:rPr>
          <w:ins w:id="492" w:author="Daveline, Dan" w:date="2021-12-20T15:23:00Z"/>
          <w:rFonts w:ascii="Segoe UI" w:hAnsi="Segoe UI" w:cs="Segoe UI"/>
          <w:sz w:val="18"/>
          <w:szCs w:val="18"/>
        </w:rPr>
      </w:pPr>
      <w:ins w:id="493" w:author="Daveline, Dan" w:date="2021-12-20T15:23:00Z">
        <w:r>
          <w:rPr>
            <w:rStyle w:val="normaltextrun"/>
            <w:rFonts w:eastAsiaTheme="majorEastAsia"/>
            <w:color w:val="0078D4"/>
            <w:u w:val="single"/>
          </w:rPr>
          <w:t>On the property and casualty side, amendments to the guaranty fund statutes likely will be necessary.  A number of states—California, Illinois, and Oklahoma—have enacted statutory solutions to the property and casualty guaranty association issues similar to what NCIGF has suggested to the working group. In addition, NCIGF has provided proposed statutory language for other states to consider. The Working Group would suggest that these issues, and the potential solutions, be referred to the Receivership and Insolvency Task Force for consideration.  Specifically, the Working Group recommends that the language proposed by NCIGF be included in the NAIC Property and Casualty Insurance</w:t>
        </w:r>
      </w:ins>
      <w:r w:rsidR="00127800">
        <w:rPr>
          <w:rStyle w:val="normaltextrun"/>
          <w:rFonts w:eastAsiaTheme="majorEastAsia"/>
          <w:color w:val="0078D4"/>
          <w:u w:val="single"/>
        </w:rPr>
        <w:t xml:space="preserve"> </w:t>
      </w:r>
      <w:ins w:id="494" w:author="Daveline, Dan" w:date="2021-12-20T15:23:00Z">
        <w:r>
          <w:rPr>
            <w:rStyle w:val="normaltextrun"/>
            <w:rFonts w:eastAsiaTheme="majorEastAsia"/>
            <w:color w:val="0078D4"/>
            <w:u w:val="single"/>
          </w:rPr>
          <w:t>Guaranty</w:t>
        </w:r>
      </w:ins>
      <w:r w:rsidR="0034234E">
        <w:rPr>
          <w:rStyle w:val="normaltextrun"/>
          <w:rFonts w:eastAsiaTheme="majorEastAsia"/>
          <w:color w:val="0078D4"/>
          <w:u w:val="single"/>
        </w:rPr>
        <w:t xml:space="preserve"> </w:t>
      </w:r>
      <w:ins w:id="495" w:author="Daveline, Dan" w:date="2021-12-20T15:23:00Z">
        <w:r>
          <w:rPr>
            <w:rStyle w:val="normaltextrun"/>
            <w:rFonts w:eastAsiaTheme="majorEastAsia"/>
            <w:color w:val="0078D4"/>
            <w:u w:val="single"/>
          </w:rPr>
          <w:t>Association</w:t>
        </w:r>
      </w:ins>
      <w:r w:rsidR="0034234E">
        <w:rPr>
          <w:rStyle w:val="normaltextrun"/>
          <w:rFonts w:eastAsiaTheme="majorEastAsia"/>
          <w:color w:val="0078D4"/>
          <w:u w:val="single"/>
        </w:rPr>
        <w:t xml:space="preserve"> </w:t>
      </w:r>
      <w:ins w:id="496" w:author="Daveline, Dan" w:date="2021-12-20T15:23:00Z">
        <w:r>
          <w:rPr>
            <w:rStyle w:val="normaltextrun"/>
            <w:rFonts w:eastAsiaTheme="majorEastAsia"/>
            <w:color w:val="0078D4"/>
            <w:u w:val="single"/>
          </w:rPr>
          <w:t>Model Act.</w:t>
        </w:r>
      </w:ins>
      <w:r w:rsidR="0034234E">
        <w:rPr>
          <w:rStyle w:val="normaltextrun"/>
          <w:rFonts w:eastAsiaTheme="majorEastAsia"/>
          <w:color w:val="0078D4"/>
          <w:u w:val="single"/>
        </w:rPr>
        <w:t xml:space="preserve"> </w:t>
      </w:r>
      <w:ins w:id="497" w:author="Daveline, Dan" w:date="2021-12-20T15:23:00Z">
        <w:r>
          <w:rPr>
            <w:rStyle w:val="normaltextrun"/>
            <w:rFonts w:eastAsiaTheme="majorEastAsia"/>
            <w:color w:val="0078D4"/>
            <w:u w:val="single"/>
          </w:rPr>
          <w:t>Regulators, guaranty funds and other appropriate industry stakeholders should work cooperatively</w:t>
        </w:r>
        <w:r>
          <w:rPr>
            <w:rStyle w:val="normaltextrun"/>
            <w:rFonts w:eastAsiaTheme="majorEastAsia"/>
            <w:b/>
            <w:bCs/>
            <w:color w:val="0078D4"/>
            <w:u w:val="single"/>
          </w:rPr>
          <w:t> </w:t>
        </w:r>
        <w:r>
          <w:rPr>
            <w:rStyle w:val="normaltextrun"/>
            <w:rFonts w:eastAsiaTheme="majorEastAsia"/>
            <w:color w:val="0078D4"/>
            <w:u w:val="single"/>
          </w:rPr>
          <w:t>to implement this statutory remedy with all deliberate speed.</w:t>
        </w:r>
        <w:r>
          <w:rPr>
            <w:rStyle w:val="eop"/>
            <w:rFonts w:eastAsiaTheme="majorEastAsia"/>
          </w:rPr>
          <w:t> </w:t>
        </w:r>
      </w:ins>
    </w:p>
    <w:p w14:paraId="422F089F" w14:textId="77777777" w:rsidR="00971A0F" w:rsidRDefault="00971A0F" w:rsidP="00971A0F">
      <w:pPr>
        <w:spacing w:after="0" w:line="240" w:lineRule="auto"/>
        <w:ind w:left="-14" w:right="58" w:firstLine="706"/>
        <w:jc w:val="left"/>
      </w:pPr>
    </w:p>
    <w:p w14:paraId="4A723380" w14:textId="4BD115B6" w:rsidR="00971A0F" w:rsidRDefault="00344004" w:rsidP="00971A0F">
      <w:pPr>
        <w:spacing w:after="0" w:line="240" w:lineRule="auto"/>
        <w:ind w:left="-14" w:right="58" w:firstLine="706"/>
        <w:jc w:val="left"/>
      </w:pPr>
      <w:r>
        <w:t xml:space="preserve">Inclusion in the model, of course, only provides a roadmap for a state. The Working Group, therefore, suggests that, once appropriate language has been drafted, a serious effort be undertaken to obtain changes to the statutes in the various states to address this issue. Until that is accomplished, regulators should very carefully consider how plans presented address the </w:t>
      </w:r>
      <w:ins w:id="498" w:author="Daveline, Dan" w:date="2021-12-20T15:25:00Z">
        <w:r w:rsidR="00A809C4">
          <w:t xml:space="preserve">property and casualty </w:t>
        </w:r>
      </w:ins>
      <w:r>
        <w:t xml:space="preserve">guaranty association issues to assure that consumers are not harmed by the transaction. </w:t>
      </w:r>
    </w:p>
    <w:p w14:paraId="78A70B16" w14:textId="04D0EA37" w:rsidR="00CF54CB" w:rsidRDefault="00CF54CB" w:rsidP="00971A0F">
      <w:pPr>
        <w:spacing w:after="0" w:line="240" w:lineRule="auto"/>
        <w:ind w:left="-14" w:right="58" w:firstLine="706"/>
        <w:jc w:val="left"/>
      </w:pPr>
    </w:p>
    <w:p w14:paraId="3B615097" w14:textId="6DF5D626" w:rsidR="00CF54CB" w:rsidRDefault="00DE74AE" w:rsidP="00B078CA">
      <w:pPr>
        <w:pStyle w:val="Heading2"/>
      </w:pPr>
      <w:sdt>
        <w:sdtPr>
          <w:tag w:val="goog_rdk_230"/>
          <w:id w:val="-1173790170"/>
        </w:sdtPr>
        <w:sdtEndPr/>
        <w:sdtContent>
          <w:r w:rsidR="00B078CA">
            <w:t xml:space="preserve">C. </w:t>
          </w:r>
          <w:r w:rsidR="00B078CA">
            <w:tab/>
          </w:r>
          <w:ins w:id="499" w:author="Daveline, Dan" w:date="2021-12-16T15:51:00Z">
            <w:r w:rsidR="00344004">
              <w:t>Best Practices</w:t>
            </w:r>
          </w:ins>
        </w:sdtContent>
      </w:sdt>
      <w:sdt>
        <w:sdtPr>
          <w:tag w:val="goog_rdk_231"/>
          <w:id w:val="-1792283560"/>
        </w:sdtPr>
        <w:sdtEndPr/>
        <w:sdtContent>
          <w:del w:id="500" w:author="Daveline, Dan" w:date="2021-12-16T15:51:00Z">
            <w:r w:rsidR="00344004">
              <w:delText>Statutory Minimums</w:delText>
            </w:r>
          </w:del>
        </w:sdtContent>
      </w:sdt>
    </w:p>
    <w:p w14:paraId="1F5D859A" w14:textId="77777777" w:rsidR="00CF54CB" w:rsidRDefault="00344004">
      <w:pPr>
        <w:spacing w:after="370"/>
        <w:ind w:left="0" w:right="396" w:firstLine="720"/>
      </w:pPr>
      <w:r>
        <w:t xml:space="preserve">During the Working Group hearing, stakeholders made a number of suggestions as to provisions which should be required to be included in IBT and CD statutes.  Those include: </w:t>
      </w:r>
    </w:p>
    <w:p w14:paraId="61DB2921" w14:textId="77777777" w:rsidR="00CF54CB" w:rsidRDefault="00344004">
      <w:pPr>
        <w:numPr>
          <w:ilvl w:val="1"/>
          <w:numId w:val="2"/>
        </w:numPr>
        <w:spacing w:after="272" w:line="242" w:lineRule="auto"/>
        <w:ind w:left="1365" w:right="275" w:hanging="718"/>
        <w:jc w:val="left"/>
      </w:pPr>
      <w:r>
        <w:t>Requirement of court approval must be required for all restructuring mechanisms. Currently the IBT statutes (except for Vermont) require court approval, but the CD statutes generally do not.</w:t>
      </w:r>
    </w:p>
    <w:p w14:paraId="2FC5BC11" w14:textId="77777777" w:rsidR="00CF54CB" w:rsidRDefault="00344004">
      <w:pPr>
        <w:numPr>
          <w:ilvl w:val="1"/>
          <w:numId w:val="2"/>
        </w:numPr>
        <w:spacing w:after="272" w:line="242" w:lineRule="auto"/>
        <w:ind w:left="1365" w:right="275" w:hanging="718"/>
        <w:jc w:val="left"/>
      </w:pPr>
      <w:r>
        <w:t>Requirement of the use of an independent expert to assist the state in both IBT and CD transactions, even though none of the states require this independent expert assistance for a CD.</w:t>
      </w:r>
    </w:p>
    <w:p w14:paraId="4FCCB34A" w14:textId="5329D1FB" w:rsidR="00CF54CB" w:rsidRDefault="00344004" w:rsidP="00971A0F">
      <w:pPr>
        <w:numPr>
          <w:ilvl w:val="1"/>
          <w:numId w:val="2"/>
        </w:numPr>
        <w:spacing w:after="0" w:line="242" w:lineRule="auto"/>
        <w:ind w:left="1365" w:right="275" w:hanging="718"/>
        <w:jc w:val="left"/>
      </w:pPr>
      <w:r>
        <w:lastRenderedPageBreak/>
        <w:t>Requirement of a notice to stakeholders, a public hearing, robust regulatory process, and an opportunity to submit written comments are necessary for all policyholders, reinsurers, and guaranty associations.</w:t>
      </w:r>
    </w:p>
    <w:p w14:paraId="0669751C" w14:textId="77777777" w:rsidR="00971A0F" w:rsidRDefault="00971A0F" w:rsidP="00971A0F">
      <w:pPr>
        <w:spacing w:after="0" w:line="242" w:lineRule="auto"/>
        <w:ind w:left="1365" w:right="275" w:firstLine="0"/>
        <w:jc w:val="left"/>
      </w:pPr>
    </w:p>
    <w:p w14:paraId="5BFCF3AD" w14:textId="16BE6E5E" w:rsidR="00E637AB" w:rsidRDefault="00A313AE" w:rsidP="00971A0F">
      <w:pPr>
        <w:spacing w:after="0" w:line="242" w:lineRule="auto"/>
        <w:ind w:right="59" w:firstLine="356"/>
        <w:jc w:val="left"/>
      </w:pPr>
      <w:ins w:id="501" w:author="Daveline, Dan" w:date="2021-12-20T14:34:00Z">
        <w:r w:rsidRPr="00A313AE">
          <w:t xml:space="preserve">The American Council of Life Insurers (ACLI) developed a set of Principles and Guidelines on Insurance Business Transfers and Corporate Division Legislation which includes the following principles: </w:t>
        </w:r>
      </w:ins>
    </w:p>
    <w:p w14:paraId="229CD2A8" w14:textId="77777777" w:rsidR="00971A0F" w:rsidRDefault="00971A0F" w:rsidP="00971A0F">
      <w:pPr>
        <w:spacing w:after="0" w:line="242" w:lineRule="auto"/>
        <w:ind w:right="59" w:firstLine="356"/>
        <w:jc w:val="left"/>
        <w:rPr>
          <w:ins w:id="502" w:author="Daveline, Dan" w:date="2021-12-20T14:34:00Z"/>
        </w:rPr>
      </w:pPr>
    </w:p>
    <w:p w14:paraId="572DFA6D" w14:textId="754A4DF2" w:rsidR="00E637AB" w:rsidRDefault="00A313AE">
      <w:pPr>
        <w:pStyle w:val="ListParagraph"/>
        <w:numPr>
          <w:ilvl w:val="0"/>
          <w:numId w:val="59"/>
        </w:numPr>
        <w:spacing w:after="0" w:line="242" w:lineRule="auto"/>
        <w:ind w:right="58"/>
        <w:jc w:val="left"/>
      </w:pPr>
      <w:ins w:id="503" w:author="Daveline, Dan" w:date="2021-12-20T14:34:00Z">
        <w:r w:rsidRPr="00A313AE">
          <w:t xml:space="preserve">Policyholders and other impacted stakeholders must have access to the process. </w:t>
        </w:r>
      </w:ins>
    </w:p>
    <w:p w14:paraId="3E9D31BA" w14:textId="77777777" w:rsidR="00971A0F" w:rsidRDefault="00971A0F" w:rsidP="00971A0F">
      <w:pPr>
        <w:pStyle w:val="ListParagraph"/>
        <w:spacing w:after="0" w:line="242" w:lineRule="auto"/>
        <w:ind w:right="58" w:firstLine="0"/>
        <w:jc w:val="left"/>
        <w:rPr>
          <w:ins w:id="504" w:author="Daveline, Dan" w:date="2021-12-20T14:34:00Z"/>
        </w:rPr>
      </w:pPr>
    </w:p>
    <w:p w14:paraId="00E91168" w14:textId="2F898D4E" w:rsidR="00E637AB" w:rsidRDefault="00A313AE">
      <w:pPr>
        <w:pStyle w:val="ListParagraph"/>
        <w:numPr>
          <w:ilvl w:val="0"/>
          <w:numId w:val="59"/>
        </w:numPr>
        <w:spacing w:after="0" w:line="242" w:lineRule="auto"/>
        <w:ind w:right="58"/>
        <w:jc w:val="left"/>
      </w:pPr>
      <w:ins w:id="505" w:author="Daveline, Dan" w:date="2021-12-20T14:34:00Z">
        <w:r w:rsidRPr="00A313AE">
          <w:t xml:space="preserve">The regulatory review process must be robust. </w:t>
        </w:r>
      </w:ins>
    </w:p>
    <w:p w14:paraId="4AFEAFEB" w14:textId="77777777" w:rsidR="00971A0F" w:rsidRDefault="00971A0F" w:rsidP="00971A0F">
      <w:pPr>
        <w:pStyle w:val="ListParagraph"/>
        <w:spacing w:after="0" w:line="242" w:lineRule="auto"/>
        <w:ind w:right="58" w:firstLine="0"/>
        <w:jc w:val="left"/>
        <w:rPr>
          <w:ins w:id="506" w:author="Daveline, Dan" w:date="2021-12-20T14:34:00Z"/>
        </w:rPr>
      </w:pPr>
    </w:p>
    <w:p w14:paraId="575ADD7A" w14:textId="27AFA842" w:rsidR="00074EEC" w:rsidRDefault="00A313AE">
      <w:pPr>
        <w:pStyle w:val="ListParagraph"/>
        <w:numPr>
          <w:ilvl w:val="0"/>
          <w:numId w:val="59"/>
        </w:numPr>
        <w:spacing w:after="0" w:line="242" w:lineRule="auto"/>
        <w:ind w:right="58"/>
        <w:jc w:val="left"/>
      </w:pPr>
      <w:ins w:id="507" w:author="Daveline, Dan" w:date="2021-12-20T14:34:00Z">
        <w:r w:rsidRPr="00A313AE">
          <w:t xml:space="preserve">Independent experts must be utilized as part of the process.  </w:t>
        </w:r>
      </w:ins>
    </w:p>
    <w:p w14:paraId="18D6B64F" w14:textId="77777777" w:rsidR="00971A0F" w:rsidRDefault="00971A0F" w:rsidP="00971A0F">
      <w:pPr>
        <w:pStyle w:val="ListParagraph"/>
        <w:spacing w:after="0" w:line="242" w:lineRule="auto"/>
        <w:ind w:right="58" w:firstLine="0"/>
        <w:jc w:val="left"/>
        <w:rPr>
          <w:ins w:id="508" w:author="Daveline, Dan" w:date="2021-12-20T14:34:00Z"/>
        </w:rPr>
      </w:pPr>
    </w:p>
    <w:p w14:paraId="3A6CA3CA" w14:textId="001CAF5F" w:rsidR="00074EEC" w:rsidRDefault="00A313AE">
      <w:pPr>
        <w:pStyle w:val="ListParagraph"/>
        <w:numPr>
          <w:ilvl w:val="0"/>
          <w:numId w:val="59"/>
        </w:numPr>
        <w:spacing w:after="0" w:line="242" w:lineRule="auto"/>
        <w:ind w:right="58"/>
        <w:jc w:val="left"/>
      </w:pPr>
      <w:ins w:id="509" w:author="Daveline, Dan" w:date="2021-12-20T14:34:00Z">
        <w:r w:rsidRPr="00A313AE">
          <w:t xml:space="preserve">Court approval is required for insurance business transfer transactions, but not necessarily for corporate division transactions. </w:t>
        </w:r>
      </w:ins>
    </w:p>
    <w:p w14:paraId="67808B9A" w14:textId="77777777" w:rsidR="00971A0F" w:rsidRDefault="00971A0F" w:rsidP="00971A0F">
      <w:pPr>
        <w:pStyle w:val="ListParagraph"/>
        <w:spacing w:after="0" w:line="242" w:lineRule="auto"/>
        <w:ind w:right="58" w:firstLine="0"/>
        <w:jc w:val="left"/>
        <w:rPr>
          <w:ins w:id="510" w:author="Daveline, Dan" w:date="2021-12-20T14:34:00Z"/>
        </w:rPr>
      </w:pPr>
    </w:p>
    <w:p w14:paraId="0FE1E35D" w14:textId="749E6DF0" w:rsidR="00A313AE" w:rsidRDefault="00A313AE">
      <w:pPr>
        <w:pStyle w:val="ListParagraph"/>
        <w:numPr>
          <w:ilvl w:val="0"/>
          <w:numId w:val="59"/>
        </w:numPr>
        <w:spacing w:after="0" w:line="242" w:lineRule="auto"/>
        <w:ind w:right="58"/>
        <w:jc w:val="left"/>
        <w:rPr>
          <w:ins w:id="511" w:author="Daveline, Dan" w:date="2021-12-20T14:35:00Z"/>
        </w:rPr>
        <w:pPrChange w:id="512" w:author="Daveline, Dan" w:date="2021-12-20T14:35:00Z">
          <w:pPr>
            <w:spacing w:after="0" w:line="242" w:lineRule="auto"/>
            <w:ind w:left="0" w:right="58" w:firstLine="0"/>
            <w:jc w:val="left"/>
          </w:pPr>
        </w:pPrChange>
      </w:pPr>
      <w:ins w:id="513" w:author="Daveline, Dan" w:date="2021-12-20T14:34:00Z">
        <w:r w:rsidRPr="00A313AE">
          <w:t>Policyholders and the state-based guaranty association system should be protected.</w:t>
        </w:r>
      </w:ins>
    </w:p>
    <w:p w14:paraId="7CEC7497" w14:textId="77777777" w:rsidR="00074EEC" w:rsidRDefault="00074EEC">
      <w:pPr>
        <w:spacing w:after="0" w:line="242" w:lineRule="auto"/>
        <w:ind w:left="0" w:right="58" w:firstLine="0"/>
        <w:jc w:val="left"/>
        <w:rPr>
          <w:ins w:id="514" w:author="Daveline, Dan" w:date="2021-12-20T14:33:00Z"/>
        </w:rPr>
        <w:pPrChange w:id="515" w:author="Daveline, Dan" w:date="2021-12-20T14:35:00Z">
          <w:pPr>
            <w:spacing w:after="272" w:line="242" w:lineRule="auto"/>
            <w:ind w:left="-11" w:right="59" w:firstLine="710"/>
            <w:jc w:val="left"/>
          </w:pPr>
        </w:pPrChange>
      </w:pPr>
    </w:p>
    <w:p w14:paraId="7B06F2EC" w14:textId="1F7CC017" w:rsidR="00CF54CB" w:rsidRDefault="00344004">
      <w:pPr>
        <w:spacing w:after="272" w:line="242" w:lineRule="auto"/>
        <w:ind w:left="-11" w:right="59" w:firstLine="710"/>
        <w:jc w:val="left"/>
      </w:pPr>
      <w:r>
        <w:t>None of the restructuring mechanism</w:t>
      </w:r>
      <w:sdt>
        <w:sdtPr>
          <w:tag w:val="goog_rdk_232"/>
          <w:id w:val="1691420427"/>
        </w:sdtPr>
        <w:sdtEndPr/>
        <w:sdtContent>
          <w:ins w:id="516" w:author="Daveline, Dan" w:date="2021-12-16T15:52:00Z">
            <w:r>
              <w:t>s</w:t>
            </w:r>
          </w:ins>
        </w:sdtContent>
      </w:sdt>
      <w:r>
        <w:t xml:space="preserve"> are based on an NAIC model. While the Rhode Island, Oklahoma and Arkansas</w:t>
      </w:r>
      <w:ins w:id="517" w:author="Daveline, Dan" w:date="2021-12-20T13:37:00Z">
        <w:r w:rsidR="00523904">
          <w:rPr>
            <w:rStyle w:val="FootnoteReference"/>
          </w:rPr>
          <w:footnoteReference w:id="37"/>
        </w:r>
      </w:ins>
      <w:r>
        <w:t xml:space="preserve"> statutes are similar and are based on the Part VII processes in the UK, all CD processes are different and drafted by the legislatures of the </w:t>
      </w:r>
      <w:sdt>
        <w:sdtPr>
          <w:tag w:val="goog_rdk_233"/>
          <w:id w:val="-2108961374"/>
        </w:sdtPr>
        <w:sdtEndPr/>
        <w:sdtContent>
          <w:ins w:id="520" w:author="Daveline, Dan" w:date="2021-12-16T15:53:00Z">
            <w:r>
              <w:t xml:space="preserve">respective </w:t>
            </w:r>
          </w:ins>
        </w:sdtContent>
      </w:sdt>
      <w:r>
        <w:t>states</w:t>
      </w:r>
      <w:sdt>
        <w:sdtPr>
          <w:tag w:val="goog_rdk_234"/>
          <w:id w:val="567538764"/>
        </w:sdtPr>
        <w:sdtEndPr/>
        <w:sdtContent>
          <w:del w:id="521" w:author="Daveline, Dan" w:date="2021-12-16T15:53:00Z">
            <w:r>
              <w:delText xml:space="preserve"> which enacted the statutes</w:delText>
            </w:r>
          </w:del>
        </w:sdtContent>
      </w:sdt>
      <w:r>
        <w:t xml:space="preserve">.  Each of these recommendations is designed to address possible impairment of the financial position of the policyholders of the companies involved in the IBT and CD.  As some commenters indicated, each of these suggestions would be beneficial in some transaction. Other transactions, however, may not need all of these provisions.  </w:t>
      </w:r>
      <w:sdt>
        <w:sdtPr>
          <w:tag w:val="goog_rdk_235"/>
          <w:id w:val="1851516073"/>
        </w:sdtPr>
        <w:sdtEndPr/>
        <w:sdtContent>
          <w:del w:id="522" w:author="Daveline, Dan" w:date="2021-12-16T15:54:00Z">
            <w:r>
              <w:delText xml:space="preserve">For example, an intra holding company transaction may not need full faith and credit.  </w:delText>
            </w:r>
          </w:del>
        </w:sdtContent>
      </w:sdt>
    </w:p>
    <w:p w14:paraId="54A24E28" w14:textId="11FC6108" w:rsidR="00971A0F" w:rsidRDefault="00344004">
      <w:pPr>
        <w:spacing w:after="294" w:line="242" w:lineRule="auto"/>
        <w:ind w:left="-11" w:right="59" w:firstLine="710"/>
        <w:jc w:val="left"/>
      </w:pPr>
      <w:r>
        <w:t xml:space="preserve">While independent experts can be of value, the mere fact that someone is employed by an insurance department does not mean that their skill set is not sufficient for certain transactions. Depending upon the transaction, department staff with a deep understanding of the insurer might provide more protection for consumers than a newly hired individual without a history with the insurer.  </w:t>
      </w:r>
      <w:ins w:id="523" w:author="Daveline, Dan" w:date="2021-12-20T14:37:00Z">
        <w:r w:rsidR="00CF3488">
          <w:t>Some stakeholders</w:t>
        </w:r>
      </w:ins>
      <w:ins w:id="524" w:author="Daveline, Dan" w:date="2021-12-20T14:38:00Z">
        <w:r w:rsidR="006A72AB">
          <w:t xml:space="preserve">, however, believe that the expert should not be an employee of the department that is reviewing the proposed IBT or CD transaction and should be independent </w:t>
        </w:r>
      </w:ins>
      <w:ins w:id="525" w:author="Daveline, Dan" w:date="2021-12-20T14:39:00Z">
        <w:r w:rsidR="00477D22">
          <w:t xml:space="preserve">of the insurer or sponsor who is proposing the transaction. </w:t>
        </w:r>
      </w:ins>
      <w:r>
        <w:t xml:space="preserve">Thus far, none of the transactions have been undertaken without a robust regulatory process; however, there would be concern from other regulators if this quality of regulatory process was not in place. </w:t>
      </w:r>
    </w:p>
    <w:p w14:paraId="1A2334B1" w14:textId="77777777" w:rsidR="00971A0F" w:rsidRDefault="00971A0F">
      <w:pPr>
        <w:ind w:firstLine="2"/>
      </w:pPr>
      <w:r>
        <w:br w:type="page"/>
      </w:r>
    </w:p>
    <w:p w14:paraId="719D2946" w14:textId="70EB7405" w:rsidR="00CF54CB" w:rsidRDefault="00D65155" w:rsidP="00D65155">
      <w:pPr>
        <w:pStyle w:val="Heading2"/>
      </w:pPr>
      <w:r>
        <w:lastRenderedPageBreak/>
        <w:t xml:space="preserve">D. </w:t>
      </w:r>
      <w:r>
        <w:tab/>
      </w:r>
      <w:r w:rsidR="00344004">
        <w:t>Impact of Licensing Statutes</w:t>
      </w:r>
    </w:p>
    <w:p w14:paraId="35454CFB" w14:textId="77777777" w:rsidR="00CF54CB" w:rsidRDefault="00CF54CB">
      <w:pPr>
        <w:spacing w:after="0" w:line="259" w:lineRule="auto"/>
        <w:ind w:firstLine="0"/>
        <w:jc w:val="left"/>
      </w:pPr>
    </w:p>
    <w:p w14:paraId="1E323B91" w14:textId="77777777" w:rsidR="00971A0F" w:rsidRDefault="00344004" w:rsidP="00971A0F">
      <w:pPr>
        <w:spacing w:after="0" w:line="259" w:lineRule="auto"/>
        <w:ind w:firstLine="716"/>
        <w:jc w:val="left"/>
      </w:pPr>
      <w:r>
        <w:t xml:space="preserve">Insurers formed for the purpose of effectuating restructuring mechanisms may, in the right transactions, provide value to consumers in the efficient management of runoff liabilities. However, these newly formed companies have difficulty getting licensed in the various states either because of “seasoning” issues or </w:t>
      </w:r>
      <w:r w:rsidR="00131D09">
        <w:t xml:space="preserve">because </w:t>
      </w:r>
      <w:ins w:id="526" w:author="Daveline, Dan" w:date="2021-12-20T12:57:00Z">
        <w:r w:rsidR="000D1705">
          <w:t xml:space="preserve">a </w:t>
        </w:r>
      </w:ins>
      <w:del w:id="527" w:author="Daveline, Dan" w:date="2021-12-20T12:57:00Z">
        <w:r w:rsidR="009C547E" w:rsidDel="000D1705">
          <w:delText>they are</w:delText>
        </w:r>
        <w:r w:rsidDel="000D1705">
          <w:delText xml:space="preserve"> </w:delText>
        </w:r>
      </w:del>
      <w:ins w:id="528" w:author="Daveline, Dan" w:date="2021-12-20T12:57:00Z">
        <w:r w:rsidR="000D1705">
          <w:t xml:space="preserve">state may be </w:t>
        </w:r>
      </w:ins>
      <w:ins w:id="529" w:author="Daveline, Dan" w:date="2021-12-20T12:58:00Z">
        <w:r w:rsidR="000D1705">
          <w:t xml:space="preserve">hesitant </w:t>
        </w:r>
        <w:r w:rsidR="009B0478">
          <w:t xml:space="preserve">to grant a license to a company that is </w:t>
        </w:r>
      </w:ins>
      <w:r>
        <w:t>not writing ongoing business</w:t>
      </w:r>
      <w:del w:id="530" w:author="Daveline, Dan" w:date="2021-12-20T12:58:00Z">
        <w:r w:rsidDel="009B0478">
          <w:delText xml:space="preserve"> so the state may be hesitant to grant a license</w:delText>
        </w:r>
      </w:del>
      <w:r>
        <w:t xml:space="preserve">. </w:t>
      </w:r>
    </w:p>
    <w:p w14:paraId="62A2F5F1" w14:textId="77777777" w:rsidR="00971A0F" w:rsidRDefault="00971A0F" w:rsidP="00971A0F">
      <w:pPr>
        <w:spacing w:after="0" w:line="259" w:lineRule="auto"/>
        <w:ind w:firstLine="716"/>
        <w:jc w:val="left"/>
      </w:pPr>
    </w:p>
    <w:p w14:paraId="3EA6F80D" w14:textId="0823DB5B" w:rsidR="00CF54CB" w:rsidRDefault="009B0478" w:rsidP="00971A0F">
      <w:pPr>
        <w:spacing w:after="0" w:line="259" w:lineRule="auto"/>
        <w:ind w:firstLine="716"/>
        <w:jc w:val="left"/>
      </w:pPr>
      <w:ins w:id="531" w:author="Daveline, Dan" w:date="2021-12-20T12:58:00Z">
        <w:r>
          <w:t xml:space="preserve">There are </w:t>
        </w:r>
        <w:r w:rsidR="00CA644A">
          <w:t xml:space="preserve">two possible outcomes, neither of them desirable. Either the restructuring </w:t>
        </w:r>
      </w:ins>
      <w:ins w:id="532" w:author="Daveline, Dan" w:date="2021-12-20T12:59:00Z">
        <w:r w:rsidR="00CA644A">
          <w:t>fails to go forward, even though it is in the public interest</w:t>
        </w:r>
        <w:r w:rsidR="00CF4651">
          <w:t>, or the resulting or transferee company operates without a licens</w:t>
        </w:r>
      </w:ins>
      <w:ins w:id="533" w:author="Daveline, Dan" w:date="2021-12-20T13:00:00Z">
        <w:r w:rsidR="00CF4651">
          <w:t>e, creating gaps in guaranty association coverage</w:t>
        </w:r>
        <w:r w:rsidR="00986901">
          <w:t xml:space="preserve"> and</w:t>
        </w:r>
      </w:ins>
      <w:ins w:id="534" w:author="Daveline, Dan" w:date="2021-12-20T12:59:00Z">
        <w:r w:rsidR="00CA644A">
          <w:t xml:space="preserve"> </w:t>
        </w:r>
      </w:ins>
      <w:del w:id="535" w:author="Daveline, Dan" w:date="2021-12-20T13:00:00Z">
        <w:r w:rsidR="00344004" w:rsidDel="00986901">
          <w:delText xml:space="preserve">Lack of licensure can provide </w:delText>
        </w:r>
      </w:del>
      <w:r w:rsidR="00344004">
        <w:t xml:space="preserve">a lack of regulatory control </w:t>
      </w:r>
      <w:ins w:id="536" w:author="Daveline, Dan" w:date="2021-12-20T13:00:00Z">
        <w:r w:rsidR="00986901">
          <w:t xml:space="preserve">over the company’s ongoing operations, </w:t>
        </w:r>
      </w:ins>
      <w:r w:rsidR="00344004">
        <w:t xml:space="preserve">which can </w:t>
      </w:r>
      <w:del w:id="537" w:author="Daveline, Dan" w:date="2021-12-20T13:00:00Z">
        <w:r w:rsidR="00344004" w:rsidDel="00986901">
          <w:delText>lead</w:delText>
        </w:r>
      </w:del>
      <w:r w:rsidR="00344004">
        <w:t xml:space="preserve"> </w:t>
      </w:r>
      <w:ins w:id="538" w:author="Daveline, Dan" w:date="2021-12-20T13:00:00Z">
        <w:r w:rsidR="00414A04">
          <w:t xml:space="preserve">open the door </w:t>
        </w:r>
      </w:ins>
      <w:r w:rsidR="00344004">
        <w:t xml:space="preserve">to actions </w:t>
      </w:r>
      <w:del w:id="539" w:author="Daveline, Dan" w:date="2021-12-20T13:01:00Z">
        <w:r w:rsidR="00344004" w:rsidDel="00414A04">
          <w:delText xml:space="preserve">which </w:delText>
        </w:r>
      </w:del>
      <w:ins w:id="540" w:author="Daveline, Dan" w:date="2021-12-20T13:01:00Z">
        <w:r w:rsidR="00414A04">
          <w:t xml:space="preserve">that </w:t>
        </w:r>
      </w:ins>
      <w:r w:rsidR="00344004">
        <w:t xml:space="preserve">harm consumers. The Working Group, therefore, recommends that the appropriate </w:t>
      </w:r>
      <w:del w:id="541" w:author="Daveline, Dan" w:date="2021-12-20T15:27:00Z">
        <w:r w:rsidR="00344004" w:rsidDel="009A08B2">
          <w:delText xml:space="preserve">committee </w:delText>
        </w:r>
      </w:del>
      <w:ins w:id="542" w:author="Daveline, Dan" w:date="2021-12-20T15:27:00Z">
        <w:r w:rsidR="009A08B2">
          <w:t xml:space="preserve">working group </w:t>
        </w:r>
        <w:r w:rsidR="006C400E">
          <w:t xml:space="preserve">(National Treatment </w:t>
        </w:r>
        <w:r w:rsidR="00124ABF">
          <w:t>and Coordination (E) Work</w:t>
        </w:r>
      </w:ins>
      <w:ins w:id="543" w:author="Daveline, Dan" w:date="2021-12-20T15:28:00Z">
        <w:r w:rsidR="00124ABF">
          <w:t>ing Group</w:t>
        </w:r>
        <w:r w:rsidR="00342DF6">
          <w:t>)</w:t>
        </w:r>
        <w:r w:rsidR="00124ABF">
          <w:t xml:space="preserve"> </w:t>
        </w:r>
      </w:ins>
      <w:del w:id="544" w:author="Daveline, Dan" w:date="2021-12-20T15:28:00Z">
        <w:r w:rsidR="00344004" w:rsidDel="0070757A">
          <w:delText>look at licensing</w:delText>
        </w:r>
      </w:del>
      <w:r w:rsidR="00344004">
        <w:t xml:space="preserve"> </w:t>
      </w:r>
      <w:ins w:id="545" w:author="Daveline, Dan" w:date="2021-12-20T15:29:00Z">
        <w:r w:rsidR="0070757A">
          <w:rPr>
            <w:rStyle w:val="normaltextrun"/>
            <w:color w:val="0078D4"/>
            <w:shd w:val="clear" w:color="auto" w:fill="FFFFFF"/>
          </w:rPr>
          <w:t xml:space="preserve">consider whether any changes should be made </w:t>
        </w:r>
        <w:r w:rsidR="003F1E12">
          <w:rPr>
            <w:rStyle w:val="normaltextrun"/>
            <w:color w:val="0078D4"/>
            <w:shd w:val="clear" w:color="auto" w:fill="FFFFFF"/>
          </w:rPr>
          <w:t>to the li</w:t>
        </w:r>
      </w:ins>
      <w:ins w:id="546" w:author="Daveline, Dan" w:date="2021-12-20T15:30:00Z">
        <w:r w:rsidR="003F1E12">
          <w:rPr>
            <w:rStyle w:val="normaltextrun"/>
            <w:color w:val="0078D4"/>
            <w:shd w:val="clear" w:color="auto" w:fill="FFFFFF"/>
          </w:rPr>
          <w:t xml:space="preserve">censure process for companies resulting from restructuring </w:t>
        </w:r>
        <w:r w:rsidR="002C7430">
          <w:rPr>
            <w:rStyle w:val="normaltextrun"/>
            <w:color w:val="0078D4"/>
            <w:shd w:val="clear" w:color="auto" w:fill="FFFFFF"/>
          </w:rPr>
          <w:t xml:space="preserve">transactions of runoff blocks. A streamlined process that still ensures appropriate regulatory </w:t>
        </w:r>
      </w:ins>
      <w:ins w:id="547" w:author="Daveline, Dan" w:date="2021-12-20T15:31:00Z">
        <w:r w:rsidR="007679B9">
          <w:rPr>
            <w:rStyle w:val="normaltextrun"/>
            <w:color w:val="0078D4"/>
            <w:shd w:val="clear" w:color="auto" w:fill="FFFFFF"/>
          </w:rPr>
          <w:t xml:space="preserve">oversight (and any licensure necessary to preserve guaranty </w:t>
        </w:r>
        <w:r w:rsidR="004D2586">
          <w:rPr>
            <w:rStyle w:val="normaltextrun"/>
            <w:color w:val="0078D4"/>
            <w:shd w:val="clear" w:color="auto" w:fill="FFFFFF"/>
          </w:rPr>
          <w:t xml:space="preserve">association coverage) may be appropriate in limited circumstances. </w:t>
        </w:r>
      </w:ins>
      <w:del w:id="548" w:author="Daveline, Dan" w:date="2021-12-20T15:29:00Z">
        <w:r w:rsidR="00344004" w:rsidDel="007D3860">
          <w:delText xml:space="preserve">standards for runoff companies that states may wish to adopt. </w:delText>
        </w:r>
      </w:del>
    </w:p>
    <w:p w14:paraId="2686CD69" w14:textId="77777777" w:rsidR="00CF54CB" w:rsidRDefault="00CF54CB">
      <w:pPr>
        <w:spacing w:after="0" w:line="259" w:lineRule="auto"/>
        <w:ind w:firstLine="0"/>
        <w:jc w:val="left"/>
      </w:pPr>
    </w:p>
    <w:p w14:paraId="1C8301F3" w14:textId="77777777" w:rsidR="00CF54CB" w:rsidRDefault="00CF54CB">
      <w:pPr>
        <w:spacing w:after="0" w:line="259" w:lineRule="auto"/>
        <w:ind w:firstLine="0"/>
        <w:jc w:val="left"/>
      </w:pPr>
    </w:p>
    <w:p w14:paraId="68EE81B8" w14:textId="77777777" w:rsidR="00CF54CB" w:rsidRDefault="00CF54CB">
      <w:pPr>
        <w:spacing w:after="0" w:line="259" w:lineRule="auto"/>
        <w:ind w:firstLine="0"/>
        <w:jc w:val="left"/>
      </w:pPr>
    </w:p>
    <w:p w14:paraId="20F363C3" w14:textId="77777777" w:rsidR="00CF54CB" w:rsidRDefault="00CF54CB">
      <w:pPr>
        <w:spacing w:after="0" w:line="259" w:lineRule="auto"/>
        <w:ind w:firstLine="0"/>
        <w:jc w:val="left"/>
      </w:pPr>
    </w:p>
    <w:p w14:paraId="3446E33E" w14:textId="77777777" w:rsidR="00CF54CB" w:rsidRDefault="00CF54CB">
      <w:pPr>
        <w:spacing w:after="0" w:line="259" w:lineRule="auto"/>
        <w:ind w:firstLine="0"/>
        <w:jc w:val="left"/>
      </w:pPr>
    </w:p>
    <w:p w14:paraId="1E888C3B" w14:textId="77777777" w:rsidR="00CF54CB" w:rsidRDefault="00CF54CB">
      <w:pPr>
        <w:spacing w:after="0" w:line="259" w:lineRule="auto"/>
        <w:ind w:firstLine="0"/>
        <w:jc w:val="left"/>
      </w:pPr>
    </w:p>
    <w:p w14:paraId="3FC86A9F" w14:textId="77777777" w:rsidR="00D65155" w:rsidRDefault="00D65155">
      <w:pPr>
        <w:spacing w:after="0" w:line="259" w:lineRule="auto"/>
        <w:ind w:firstLine="0"/>
        <w:jc w:val="left"/>
        <w:sectPr w:rsidR="00D65155" w:rsidSect="0002070B">
          <w:headerReference w:type="even" r:id="rId19"/>
          <w:headerReference w:type="default" r:id="rId20"/>
          <w:footerReference w:type="even" r:id="rId21"/>
          <w:footerReference w:type="default" r:id="rId22"/>
          <w:headerReference w:type="first" r:id="rId23"/>
          <w:footerReference w:type="first" r:id="rId24"/>
          <w:pgSz w:w="12240" w:h="15840"/>
          <w:pgMar w:top="1440" w:right="1440" w:bottom="1440" w:left="1440" w:header="720" w:footer="1171" w:gutter="0"/>
          <w:cols w:space="720"/>
          <w:docGrid w:linePitch="326"/>
        </w:sectPr>
      </w:pPr>
    </w:p>
    <w:p w14:paraId="5DA93512" w14:textId="77777777" w:rsidR="00CF54CB" w:rsidRDefault="00344004">
      <w:pPr>
        <w:spacing w:after="340" w:line="259" w:lineRule="auto"/>
        <w:ind w:left="835" w:firstLine="0"/>
        <w:jc w:val="left"/>
      </w:pPr>
      <w:r>
        <w:rPr>
          <w:rFonts w:ascii="Calibri" w:eastAsia="Calibri" w:hAnsi="Calibri" w:cs="Calibri"/>
          <w:noProof/>
          <w:sz w:val="22"/>
          <w:szCs w:val="22"/>
        </w:rPr>
        <w:lastRenderedPageBreak/>
        <mc:AlternateContent>
          <mc:Choice Requires="wpg">
            <w:drawing>
              <wp:inline distT="0" distB="0" distL="0" distR="0" wp14:anchorId="7DB83520" wp14:editId="1EDB17EB">
                <wp:extent cx="5492508" cy="6109"/>
                <wp:effectExtent l="0" t="0" r="0" b="0"/>
                <wp:docPr id="117619" name="Group 117619" descr="P237#y1"/>
                <wp:cNvGraphicFramePr/>
                <a:graphic xmlns:a="http://schemas.openxmlformats.org/drawingml/2006/main">
                  <a:graphicData uri="http://schemas.microsoft.com/office/word/2010/wordprocessingGroup">
                    <wpg:wgp>
                      <wpg:cNvGrpSpPr/>
                      <wpg:grpSpPr>
                        <a:xfrm>
                          <a:off x="0" y="0"/>
                          <a:ext cx="5492508" cy="6109"/>
                          <a:chOff x="2599746" y="3776946"/>
                          <a:chExt cx="5492508" cy="9144"/>
                        </a:xfrm>
                      </wpg:grpSpPr>
                      <wpg:grpSp>
                        <wpg:cNvPr id="117620" name="Group 117620"/>
                        <wpg:cNvGrpSpPr/>
                        <wpg:grpSpPr>
                          <a:xfrm>
                            <a:off x="2599746" y="3776946"/>
                            <a:ext cx="5492508" cy="9144"/>
                            <a:chOff x="0" y="0"/>
                            <a:chExt cx="5492508" cy="9144"/>
                          </a:xfrm>
                        </wpg:grpSpPr>
                        <wps:wsp>
                          <wps:cNvPr id="117621" name="Rectangle 117621"/>
                          <wps:cNvSpPr/>
                          <wps:spPr>
                            <a:xfrm>
                              <a:off x="0" y="0"/>
                              <a:ext cx="5492500" cy="6100"/>
                            </a:xfrm>
                            <a:prstGeom prst="rect">
                              <a:avLst/>
                            </a:prstGeom>
                            <a:noFill/>
                            <a:ln>
                              <a:noFill/>
                            </a:ln>
                          </wps:spPr>
                          <wps:txbx>
                            <w:txbxContent>
                              <w:p w14:paraId="0C95EC0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22" name="Freeform: Shape 117622"/>
                          <wps:cNvSpPr/>
                          <wps:spPr>
                            <a:xfrm>
                              <a:off x="0" y="0"/>
                              <a:ext cx="5492508" cy="9144"/>
                            </a:xfrm>
                            <a:custGeom>
                              <a:avLst/>
                              <a:gdLst/>
                              <a:ahLst/>
                              <a:cxnLst/>
                              <a:rect l="l" t="t" r="r" b="b"/>
                              <a:pathLst>
                                <a:path w="5492508" h="9144" extrusionOk="0">
                                  <a:moveTo>
                                    <a:pt x="0" y="0"/>
                                  </a:moveTo>
                                  <a:lnTo>
                                    <a:pt x="5492508" y="0"/>
                                  </a:lnTo>
                                  <a:lnTo>
                                    <a:pt x="5492508"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7DB83520" id="Group 117619" o:spid="_x0000_s1252" alt="P237#y1" style="width:432.5pt;height:.5pt;mso-position-horizontal-relative:char;mso-position-vertical-relative:line" coordorigin="25997,37769" coordsize="54925,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">
                <v:group id="Group 117620" o:spid="_x0000_s1253" style="position:absolute;left:25997;top:37769;width:54925;height:91" coordsize="54925,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">
                  <v:rect id="Rectangle 117621" o:spid="_x0000_s1254" style="position:absolute;width:54925;height:6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" filled="f" stroked="f">
                    <v:textbox inset="2.53958mm,2.53958mm,2.53958mm,2.53958mm">
                      <w:txbxContent>
                        <w:p w14:paraId="0C95EC01" w14:textId="77777777" w:rsidR="00CF54CB" w:rsidRDefault="00CF54CB">
                          <w:pPr>
                            <w:spacing w:after="0" w:line="240" w:lineRule="auto"/>
                            <w:ind w:left="0" w:firstLine="0"/>
                            <w:jc w:val="left"/>
                            <w:textDirection w:val="btLr"/>
                          </w:pPr>
                        </w:p>
                      </w:txbxContent>
                    </v:textbox>
                  </v:rect>
                  <v:shape id="Freeform: Shape 117622" o:spid="_x0000_s1255" style="position:absolute;width:54925;height:91;visibility:visible;mso-wrap-style:square;v-text-anchor:middle" coordsize="5492508,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" path="m,l5492508,r,9144l,9144,,e" fillcolor="#4472c4" stroked="f">
                    <v:path arrowok="t" o:extrusionok="f"/>
                  </v:shape>
                </v:group>
                <w10:anchorlock/>
              </v:group>
            </w:pict>
          </mc:Fallback>
        </mc:AlternateContent>
      </w:r>
    </w:p>
    <w:p w14:paraId="3F65D7DE" w14:textId="77777777" w:rsidR="00CF54CB" w:rsidRDefault="00344004" w:rsidP="00D65155">
      <w:pPr>
        <w:pStyle w:val="Title"/>
      </w:pPr>
      <w:r w:rsidRPr="00D65155">
        <w:t>Liability</w:t>
      </w:r>
      <w:r>
        <w:t>-Based Restructuring</w:t>
      </w:r>
      <w:r>
        <w:rPr>
          <w:i/>
          <w:color w:val="2F5496"/>
        </w:rPr>
        <w:t xml:space="preserve"> </w:t>
      </w:r>
    </w:p>
    <w:p w14:paraId="411741CE" w14:textId="77777777" w:rsidR="00CF54CB" w:rsidRDefault="00344004">
      <w:pPr>
        <w:spacing w:after="0" w:line="259" w:lineRule="auto"/>
        <w:ind w:left="94" w:firstLine="0"/>
        <w:jc w:val="center"/>
      </w:pPr>
      <w:r>
        <w:rPr>
          <w:b/>
          <w:sz w:val="56"/>
          <w:szCs w:val="56"/>
        </w:rPr>
        <w:t>White Paper</w:t>
      </w:r>
      <w:r>
        <w:rPr>
          <w:b/>
          <w:i/>
          <w:color w:val="2F5496"/>
          <w:sz w:val="56"/>
          <w:szCs w:val="56"/>
        </w:rPr>
        <w:t xml:space="preserve"> </w:t>
      </w:r>
    </w:p>
    <w:p w14:paraId="344453BA" w14:textId="77777777" w:rsidR="00CF54CB" w:rsidRDefault="00344004">
      <w:pPr>
        <w:spacing w:after="1518" w:line="259" w:lineRule="auto"/>
        <w:ind w:left="835" w:firstLine="0"/>
        <w:jc w:val="left"/>
      </w:pPr>
      <w:r>
        <w:rPr>
          <w:rFonts w:ascii="Calibri" w:eastAsia="Calibri" w:hAnsi="Calibri" w:cs="Calibri"/>
          <w:noProof/>
          <w:sz w:val="22"/>
          <w:szCs w:val="22"/>
        </w:rPr>
        <mc:AlternateContent>
          <mc:Choice Requires="wpg">
            <w:drawing>
              <wp:inline distT="0" distB="0" distL="0" distR="0" wp14:anchorId="56315F9F" wp14:editId="3F2E3B04">
                <wp:extent cx="5492508" cy="6096"/>
                <wp:effectExtent l="0" t="0" r="0" b="0"/>
                <wp:docPr id="117623" name="Group 117623" descr="P240#y1"/>
                <wp:cNvGraphicFramePr/>
                <a:graphic xmlns:a="http://schemas.openxmlformats.org/drawingml/2006/main">
                  <a:graphicData uri="http://schemas.microsoft.com/office/word/2010/wordprocessingGroup">
                    <wpg:wgp>
                      <wpg:cNvGrpSpPr/>
                      <wpg:grpSpPr>
                        <a:xfrm>
                          <a:off x="0" y="0"/>
                          <a:ext cx="5492508" cy="6096"/>
                          <a:chOff x="2599746" y="3776952"/>
                          <a:chExt cx="5492508" cy="9144"/>
                        </a:xfrm>
                      </wpg:grpSpPr>
                      <wpg:grpSp>
                        <wpg:cNvPr id="117624" name="Group 117624"/>
                        <wpg:cNvGrpSpPr/>
                        <wpg:grpSpPr>
                          <a:xfrm>
                            <a:off x="2599746" y="3776952"/>
                            <a:ext cx="5492508" cy="9144"/>
                            <a:chOff x="0" y="0"/>
                            <a:chExt cx="5492508" cy="9144"/>
                          </a:xfrm>
                        </wpg:grpSpPr>
                        <wps:wsp>
                          <wps:cNvPr id="117625" name="Rectangle 117625"/>
                          <wps:cNvSpPr/>
                          <wps:spPr>
                            <a:xfrm>
                              <a:off x="0" y="0"/>
                              <a:ext cx="5492500" cy="6075"/>
                            </a:xfrm>
                            <a:prstGeom prst="rect">
                              <a:avLst/>
                            </a:prstGeom>
                            <a:noFill/>
                            <a:ln>
                              <a:noFill/>
                            </a:ln>
                          </wps:spPr>
                          <wps:txbx>
                            <w:txbxContent>
                              <w:p w14:paraId="7E674F1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26" name="Freeform: Shape 117626"/>
                          <wps:cNvSpPr/>
                          <wps:spPr>
                            <a:xfrm>
                              <a:off x="0" y="0"/>
                              <a:ext cx="5492508" cy="9144"/>
                            </a:xfrm>
                            <a:custGeom>
                              <a:avLst/>
                              <a:gdLst/>
                              <a:ahLst/>
                              <a:cxnLst/>
                              <a:rect l="l" t="t" r="r" b="b"/>
                              <a:pathLst>
                                <a:path w="5492508" h="9144" extrusionOk="0">
                                  <a:moveTo>
                                    <a:pt x="0" y="0"/>
                                  </a:moveTo>
                                  <a:lnTo>
                                    <a:pt x="5492508" y="0"/>
                                  </a:lnTo>
                                  <a:lnTo>
                                    <a:pt x="5492508" y="9144"/>
                                  </a:lnTo>
                                  <a:lnTo>
                                    <a:pt x="0" y="9144"/>
                                  </a:lnTo>
                                  <a:lnTo>
                                    <a:pt x="0" y="0"/>
                                  </a:lnTo>
                                </a:path>
                              </a:pathLst>
                            </a:custGeom>
                            <a:solidFill>
                              <a:srgbClr val="4472C4"/>
                            </a:solidFill>
                            <a:ln>
                              <a:noFill/>
                            </a:ln>
                          </wps:spPr>
                          <wps:bodyPr spcFirstLastPara="1" wrap="square" lIns="91425" tIns="91425" rIns="91425" bIns="91425" anchor="ctr" anchorCtr="0">
                            <a:noAutofit/>
                          </wps:bodyPr>
                        </wps:wsp>
                      </wpg:grpSp>
                    </wpg:wgp>
                  </a:graphicData>
                </a:graphic>
              </wp:inline>
            </w:drawing>
          </mc:Choice>
          <mc:Fallback>
            <w:pict>
              <v:group w14:anchorId="56315F9F" id="Group 117623" o:spid="_x0000_s1256" alt="P240#y1" style="width:432.5pt;height:.5pt;mso-position-horizontal-relative:char;mso-position-vertical-relative:line" coordorigin="25997,37769" coordsize="54925,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">
                <v:group id="Group 117624" o:spid="_x0000_s1257" style="position:absolute;left:25997;top:37769;width:54925;height:91" coordsize="54925,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">
                  <v:rect id="Rectangle 117625" o:spid="_x0000_s1258" style="position:absolute;width:54925;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" filled="f" stroked="f">
                    <v:textbox inset="2.53958mm,2.53958mm,2.53958mm,2.53958mm">
                      <w:txbxContent>
                        <w:p w14:paraId="7E674F19" w14:textId="77777777" w:rsidR="00CF54CB" w:rsidRDefault="00CF54CB">
                          <w:pPr>
                            <w:spacing w:after="0" w:line="240" w:lineRule="auto"/>
                            <w:ind w:left="0" w:firstLine="0"/>
                            <w:jc w:val="left"/>
                            <w:textDirection w:val="btLr"/>
                          </w:pPr>
                        </w:p>
                      </w:txbxContent>
                    </v:textbox>
                  </v:rect>
                  <v:shape id="Freeform: Shape 117626" o:spid="_x0000_s1259" style="position:absolute;width:54925;height:91;visibility:visible;mso-wrap-style:square;v-text-anchor:middle" coordsize="5492508,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" path="m,l5492508,r,9144l,9144,,e" fillcolor="#4472c4" stroked="f">
                    <v:path arrowok="t" o:extrusionok="f"/>
                  </v:shape>
                </v:group>
                <w10:anchorlock/>
              </v:group>
            </w:pict>
          </mc:Fallback>
        </mc:AlternateContent>
      </w:r>
    </w:p>
    <w:p w14:paraId="3C4CE2E2" w14:textId="77777777" w:rsidR="00CF54CB" w:rsidRDefault="00344004">
      <w:pPr>
        <w:spacing w:after="0" w:line="259" w:lineRule="auto"/>
        <w:ind w:left="0" w:right="1013" w:firstLine="0"/>
        <w:jc w:val="right"/>
      </w:pPr>
      <w:r>
        <w:rPr>
          <w:b/>
          <w:sz w:val="36"/>
          <w:szCs w:val="36"/>
        </w:rPr>
        <w:t xml:space="preserve">Liability-Based Restructuring Working Group of the </w:t>
      </w:r>
    </w:p>
    <w:p w14:paraId="6CA8C98C" w14:textId="77777777" w:rsidR="00CF54CB" w:rsidRDefault="00344004">
      <w:pPr>
        <w:spacing w:after="0" w:line="259" w:lineRule="auto"/>
        <w:ind w:left="1450" w:firstLine="0"/>
        <w:jc w:val="left"/>
      </w:pPr>
      <w:r>
        <w:rPr>
          <w:b/>
          <w:sz w:val="36"/>
          <w:szCs w:val="36"/>
        </w:rPr>
        <w:t xml:space="preserve">NAIC Financial Condition (EX4) Subcommittee </w:t>
      </w:r>
    </w:p>
    <w:p w14:paraId="2248EAB6" w14:textId="77777777" w:rsidR="00CF54CB" w:rsidRDefault="00344004">
      <w:pPr>
        <w:spacing w:after="4263" w:line="259" w:lineRule="auto"/>
        <w:ind w:left="87" w:firstLine="0"/>
        <w:jc w:val="center"/>
      </w:pPr>
      <w:r>
        <w:rPr>
          <w:b/>
          <w:sz w:val="36"/>
          <w:szCs w:val="36"/>
        </w:rPr>
        <w:t xml:space="preserve">June 1997 </w:t>
      </w:r>
    </w:p>
    <w:p w14:paraId="6260FC7E" w14:textId="77777777" w:rsidR="00CF54CB" w:rsidRDefault="00344004">
      <w:pPr>
        <w:spacing w:after="0"/>
        <w:ind w:left="111" w:hanging="10"/>
      </w:pPr>
      <w:r>
        <w:rPr>
          <w:b/>
        </w:rPr>
        <w:t xml:space="preserve">Adopted by Liability-Based Restructuring Working Group &amp; EX4 in June 1997 Adopted by Executive Committee in September 1997 Adopted by Plenary in December 1997 </w:t>
      </w:r>
      <w:r>
        <w:br w:type="page"/>
      </w:r>
    </w:p>
    <w:p w14:paraId="3DC34657" w14:textId="77777777" w:rsidR="00CF54CB" w:rsidRDefault="00344004">
      <w:pPr>
        <w:spacing w:after="281" w:line="259" w:lineRule="auto"/>
        <w:ind w:left="10" w:right="987" w:hanging="10"/>
        <w:jc w:val="center"/>
      </w:pPr>
      <w:r>
        <w:rPr>
          <w:b/>
        </w:rPr>
        <w:lastRenderedPageBreak/>
        <w:t xml:space="preserve">TABLE OF CONTENTS </w:t>
      </w:r>
    </w:p>
    <w:p w14:paraId="076E45E9" w14:textId="77777777" w:rsidR="00CF54CB" w:rsidRDefault="00344004">
      <w:pPr>
        <w:numPr>
          <w:ilvl w:val="0"/>
          <w:numId w:val="4"/>
        </w:numPr>
        <w:ind w:right="396" w:hanging="720"/>
      </w:pPr>
      <w:r>
        <w:t>Scope</w:t>
      </w:r>
    </w:p>
    <w:p w14:paraId="2C7CA801" w14:textId="77777777" w:rsidR="00CF54CB" w:rsidRDefault="00344004">
      <w:pPr>
        <w:numPr>
          <w:ilvl w:val="0"/>
          <w:numId w:val="4"/>
        </w:numPr>
        <w:ind w:right="396" w:hanging="720"/>
      </w:pPr>
      <w:r>
        <w:t>Business Reasons A. Rating Considerations</w:t>
      </w:r>
    </w:p>
    <w:p w14:paraId="4545F638" w14:textId="77777777" w:rsidR="00CF54CB" w:rsidRDefault="00344004">
      <w:pPr>
        <w:numPr>
          <w:ilvl w:val="1"/>
          <w:numId w:val="6"/>
        </w:numPr>
        <w:ind w:right="396" w:hanging="360"/>
      </w:pPr>
      <w:r>
        <w:t>Solvency Issues</w:t>
      </w:r>
    </w:p>
    <w:p w14:paraId="2803A39A" w14:textId="77777777" w:rsidR="00CF54CB" w:rsidRDefault="00344004">
      <w:pPr>
        <w:numPr>
          <w:ilvl w:val="1"/>
          <w:numId w:val="6"/>
        </w:numPr>
        <w:spacing w:after="25"/>
        <w:ind w:right="396" w:hanging="360"/>
      </w:pPr>
      <w:r>
        <w:t>Other</w:t>
      </w:r>
    </w:p>
    <w:p w14:paraId="2EA81BF2" w14:textId="77777777" w:rsidR="00CF54CB" w:rsidRDefault="00344004">
      <w:pPr>
        <w:numPr>
          <w:ilvl w:val="0"/>
          <w:numId w:val="4"/>
        </w:numPr>
        <w:ind w:right="396" w:hanging="720"/>
      </w:pPr>
      <w:r>
        <w:t>Advantages and Disadvantages</w:t>
      </w:r>
    </w:p>
    <w:p w14:paraId="0244D3F5" w14:textId="77777777" w:rsidR="00CF54CB" w:rsidRDefault="00344004">
      <w:pPr>
        <w:numPr>
          <w:ilvl w:val="0"/>
          <w:numId w:val="4"/>
        </w:numPr>
        <w:spacing w:after="25"/>
        <w:ind w:right="396" w:hanging="720"/>
      </w:pPr>
      <w:r>
        <w:t>Financial Solvency Issues</w:t>
      </w:r>
    </w:p>
    <w:p w14:paraId="25840498" w14:textId="77777777" w:rsidR="00CF54CB" w:rsidRDefault="00344004">
      <w:pPr>
        <w:numPr>
          <w:ilvl w:val="1"/>
          <w:numId w:val="4"/>
        </w:numPr>
        <w:ind w:right="396" w:hanging="360"/>
      </w:pPr>
      <w:r>
        <w:t>General Solvency Considerations</w:t>
      </w:r>
    </w:p>
    <w:p w14:paraId="54B1039A" w14:textId="77777777" w:rsidR="00CF54CB" w:rsidRDefault="00344004">
      <w:pPr>
        <w:numPr>
          <w:ilvl w:val="1"/>
          <w:numId w:val="4"/>
        </w:numPr>
        <w:spacing w:after="25"/>
        <w:ind w:right="396" w:hanging="360"/>
      </w:pPr>
      <w:r>
        <w:t>Reserve Adequacy</w:t>
      </w:r>
    </w:p>
    <w:p w14:paraId="25E40742" w14:textId="77777777" w:rsidR="00CF54CB" w:rsidRDefault="00344004">
      <w:pPr>
        <w:numPr>
          <w:ilvl w:val="1"/>
          <w:numId w:val="4"/>
        </w:numPr>
        <w:ind w:right="396" w:hanging="360"/>
      </w:pPr>
      <w:r>
        <w:t>Reinsurance</w:t>
      </w:r>
    </w:p>
    <w:p w14:paraId="37F7406D" w14:textId="77777777" w:rsidR="00CF54CB" w:rsidRDefault="00344004">
      <w:pPr>
        <w:numPr>
          <w:ilvl w:val="2"/>
          <w:numId w:val="4"/>
        </w:numPr>
        <w:spacing w:after="25"/>
        <w:ind w:right="396"/>
      </w:pPr>
      <w:r>
        <w:t>Collectibility of reinsurance balances</w:t>
      </w:r>
    </w:p>
    <w:p w14:paraId="236F5A16" w14:textId="77777777" w:rsidR="00CF54CB" w:rsidRDefault="00344004">
      <w:pPr>
        <w:numPr>
          <w:ilvl w:val="2"/>
          <w:numId w:val="4"/>
        </w:numPr>
        <w:ind w:right="396"/>
      </w:pPr>
      <w:r>
        <w:t>Reinsurance coverage</w:t>
      </w:r>
    </w:p>
    <w:p w14:paraId="01DFB239" w14:textId="77777777" w:rsidR="00CF54CB" w:rsidRDefault="00344004">
      <w:pPr>
        <w:numPr>
          <w:ilvl w:val="1"/>
          <w:numId w:val="4"/>
        </w:numPr>
        <w:spacing w:after="25"/>
        <w:ind w:right="396" w:hanging="360"/>
      </w:pPr>
      <w:r>
        <w:t>Liquidity and Value of Assets</w:t>
      </w:r>
    </w:p>
    <w:p w14:paraId="7DC4D8F8" w14:textId="77777777" w:rsidR="00CF54CB" w:rsidRDefault="00344004">
      <w:pPr>
        <w:numPr>
          <w:ilvl w:val="1"/>
          <w:numId w:val="4"/>
        </w:numPr>
        <w:ind w:right="396" w:hanging="360"/>
      </w:pPr>
      <w:r>
        <w:t>Capital and Surplus Adequacy</w:t>
      </w:r>
    </w:p>
    <w:p w14:paraId="03C49F01" w14:textId="77777777" w:rsidR="00CF54CB" w:rsidRDefault="00344004">
      <w:pPr>
        <w:numPr>
          <w:ilvl w:val="1"/>
          <w:numId w:val="4"/>
        </w:numPr>
        <w:spacing w:after="25"/>
        <w:ind w:right="396" w:hanging="360"/>
      </w:pPr>
      <w:r>
        <w:t>Support From Parents and Other Affiliates</w:t>
      </w:r>
    </w:p>
    <w:p w14:paraId="2914ABFA" w14:textId="77777777" w:rsidR="00CF54CB" w:rsidRDefault="00344004">
      <w:pPr>
        <w:numPr>
          <w:ilvl w:val="0"/>
          <w:numId w:val="4"/>
        </w:numPr>
        <w:ind w:right="396" w:hanging="720"/>
      </w:pPr>
      <w:r>
        <w:t>Legal and Public Policy Issues</w:t>
      </w:r>
    </w:p>
    <w:p w14:paraId="19165BA8" w14:textId="77777777" w:rsidR="00CF54CB" w:rsidRDefault="00344004">
      <w:pPr>
        <w:numPr>
          <w:ilvl w:val="1"/>
          <w:numId w:val="4"/>
        </w:numPr>
        <w:spacing w:after="25"/>
        <w:ind w:right="396" w:hanging="360"/>
      </w:pPr>
      <w:r>
        <w:t>Applicable Laws</w:t>
      </w:r>
    </w:p>
    <w:p w14:paraId="09C6FA9A" w14:textId="77777777" w:rsidR="00CF54CB" w:rsidRDefault="00344004">
      <w:pPr>
        <w:numPr>
          <w:ilvl w:val="2"/>
          <w:numId w:val="4"/>
        </w:numPr>
        <w:ind w:right="396"/>
      </w:pPr>
      <w:r>
        <w:t>General Corporation Statutes</w:t>
      </w:r>
    </w:p>
    <w:p w14:paraId="31888CC2" w14:textId="77777777" w:rsidR="00CF54CB" w:rsidRDefault="00344004">
      <w:pPr>
        <w:numPr>
          <w:ilvl w:val="2"/>
          <w:numId w:val="4"/>
        </w:numPr>
        <w:spacing w:after="25"/>
        <w:ind w:right="396"/>
      </w:pPr>
      <w:r>
        <w:t>Insurance Code Provisions</w:t>
      </w:r>
    </w:p>
    <w:p w14:paraId="5E8CCBC3" w14:textId="77777777" w:rsidR="00CF54CB" w:rsidRDefault="00344004">
      <w:pPr>
        <w:numPr>
          <w:ilvl w:val="1"/>
          <w:numId w:val="4"/>
        </w:numPr>
        <w:ind w:right="396" w:hanging="360"/>
      </w:pPr>
      <w:r>
        <w:t>Due Process</w:t>
      </w:r>
    </w:p>
    <w:p w14:paraId="5A71D726" w14:textId="77777777" w:rsidR="00CF54CB" w:rsidRDefault="00344004">
      <w:pPr>
        <w:numPr>
          <w:ilvl w:val="1"/>
          <w:numId w:val="4"/>
        </w:numPr>
        <w:spacing w:after="25"/>
        <w:ind w:right="396" w:hanging="360"/>
      </w:pPr>
      <w:r>
        <w:t>Assumption Reinsurance</w:t>
      </w:r>
    </w:p>
    <w:p w14:paraId="5C57A871" w14:textId="77777777" w:rsidR="00CF54CB" w:rsidRDefault="00344004">
      <w:pPr>
        <w:numPr>
          <w:ilvl w:val="1"/>
          <w:numId w:val="4"/>
        </w:numPr>
        <w:ind w:right="396" w:hanging="360"/>
      </w:pPr>
      <w:r>
        <w:t>Policyholder Consent</w:t>
      </w:r>
    </w:p>
    <w:p w14:paraId="29E5D683" w14:textId="77777777" w:rsidR="00CF54CB" w:rsidRDefault="00344004">
      <w:pPr>
        <w:numPr>
          <w:ilvl w:val="1"/>
          <w:numId w:val="4"/>
        </w:numPr>
        <w:spacing w:after="25"/>
        <w:ind w:right="396" w:hanging="360"/>
      </w:pPr>
      <w:r>
        <w:t>Rights of Other Interested Parties</w:t>
      </w:r>
    </w:p>
    <w:p w14:paraId="716322CC" w14:textId="77777777" w:rsidR="00CF54CB" w:rsidRDefault="00344004">
      <w:pPr>
        <w:numPr>
          <w:ilvl w:val="1"/>
          <w:numId w:val="4"/>
        </w:numPr>
        <w:spacing w:after="25"/>
        <w:ind w:right="396" w:hanging="360"/>
      </w:pPr>
      <w:r>
        <w:t>Disclosure of Information</w:t>
      </w:r>
    </w:p>
    <w:p w14:paraId="033AE9B1" w14:textId="77777777" w:rsidR="00CF54CB" w:rsidRDefault="00344004">
      <w:pPr>
        <w:numPr>
          <w:ilvl w:val="1"/>
          <w:numId w:val="4"/>
        </w:numPr>
        <w:ind w:right="396" w:hanging="360"/>
      </w:pPr>
      <w:r>
        <w:t>Guaranty Fund Coverage</w:t>
      </w:r>
    </w:p>
    <w:p w14:paraId="0623EF44" w14:textId="77777777" w:rsidR="00CF54CB" w:rsidRDefault="00344004">
      <w:pPr>
        <w:numPr>
          <w:ilvl w:val="2"/>
          <w:numId w:val="4"/>
        </w:numPr>
        <w:ind w:right="396"/>
      </w:pPr>
      <w:r>
        <w:t>Overview of Guaranty Fund System</w:t>
      </w:r>
    </w:p>
    <w:p w14:paraId="2B9EAD84" w14:textId="77777777" w:rsidR="00CF54CB" w:rsidRDefault="00344004">
      <w:pPr>
        <w:numPr>
          <w:ilvl w:val="2"/>
          <w:numId w:val="4"/>
        </w:numPr>
        <w:ind w:right="396"/>
      </w:pPr>
      <w:r>
        <w:t>The Availability of Guaranty Fund Coverage May Depend Upon the Form of Restructuring</w:t>
      </w:r>
    </w:p>
    <w:p w14:paraId="01737910" w14:textId="77777777" w:rsidR="00CF54CB" w:rsidRDefault="00344004">
      <w:pPr>
        <w:numPr>
          <w:ilvl w:val="2"/>
          <w:numId w:val="4"/>
        </w:numPr>
        <w:spacing w:after="25"/>
        <w:ind w:right="396"/>
      </w:pPr>
      <w:r>
        <w:t>Conclusion</w:t>
      </w:r>
    </w:p>
    <w:p w14:paraId="45F8166B" w14:textId="77777777" w:rsidR="00CF54CB" w:rsidRDefault="00344004">
      <w:pPr>
        <w:numPr>
          <w:ilvl w:val="0"/>
          <w:numId w:val="4"/>
        </w:numPr>
        <w:ind w:right="396" w:hanging="720"/>
      </w:pPr>
      <w:r>
        <w:t>On-going Regulatory Oversight</w:t>
      </w:r>
    </w:p>
    <w:p w14:paraId="5980E086" w14:textId="77777777" w:rsidR="00CF54CB" w:rsidRDefault="00344004">
      <w:pPr>
        <w:numPr>
          <w:ilvl w:val="1"/>
          <w:numId w:val="4"/>
        </w:numPr>
        <w:spacing w:after="25"/>
        <w:ind w:right="396" w:hanging="360"/>
      </w:pPr>
      <w:r>
        <w:t>General</w:t>
      </w:r>
    </w:p>
    <w:p w14:paraId="4032539D" w14:textId="77777777" w:rsidR="00CF54CB" w:rsidRDefault="00344004">
      <w:pPr>
        <w:numPr>
          <w:ilvl w:val="1"/>
          <w:numId w:val="4"/>
        </w:numPr>
        <w:ind w:right="396" w:hanging="360"/>
      </w:pPr>
      <w:r>
        <w:t>Oversight</w:t>
      </w:r>
    </w:p>
    <w:p w14:paraId="65BE8D31" w14:textId="77777777" w:rsidR="00CF54CB" w:rsidRDefault="00344004">
      <w:pPr>
        <w:numPr>
          <w:ilvl w:val="0"/>
          <w:numId w:val="4"/>
        </w:numPr>
        <w:ind w:right="396" w:hanging="720"/>
      </w:pPr>
      <w:r>
        <w:t>Conclusions and Recommendations Appendix 1 – Case Studies</w:t>
      </w:r>
    </w:p>
    <w:p w14:paraId="5A3B84DD" w14:textId="77777777" w:rsidR="00CF54CB" w:rsidRDefault="00344004">
      <w:pPr>
        <w:ind w:left="105" w:right="396" w:firstLine="6"/>
      </w:pPr>
      <w:r>
        <w:t>Appendix 2 – Pre-approval Checklist</w:t>
      </w:r>
    </w:p>
    <w:p w14:paraId="3864F9FD" w14:textId="77777777" w:rsidR="00CF54CB" w:rsidRDefault="00344004">
      <w:pPr>
        <w:ind w:left="105" w:right="396" w:firstLine="6"/>
      </w:pPr>
      <w:r>
        <w:t>Appendix 3 – On-going Regulatory Oversight</w:t>
      </w:r>
    </w:p>
    <w:p w14:paraId="14D72160" w14:textId="77777777" w:rsidR="00CF54CB" w:rsidRDefault="00344004">
      <w:pPr>
        <w:tabs>
          <w:tab w:val="center" w:pos="1122"/>
        </w:tabs>
        <w:spacing w:after="260"/>
        <w:ind w:left="0" w:firstLine="0"/>
        <w:jc w:val="left"/>
      </w:pPr>
      <w:r>
        <w:rPr>
          <w:b/>
        </w:rPr>
        <w:t>I.</w:t>
      </w:r>
      <w:r>
        <w:rPr>
          <w:b/>
        </w:rPr>
        <w:tab/>
        <w:t>SCOPE</w:t>
      </w:r>
    </w:p>
    <w:p w14:paraId="1C2817C6" w14:textId="77777777" w:rsidR="00CF54CB" w:rsidRDefault="00344004">
      <w:pPr>
        <w:spacing w:after="266"/>
        <w:ind w:left="0" w:right="25" w:firstLine="7"/>
      </w:pPr>
      <w:r>
        <w:t xml:space="preserve">In general, restructurings can be effected through various forms and occur for different reasons: a parent company may divest itself of insurance operations by walling off and trying to sell certain operations, or making material changes to pooling arrangements in a way that, in effect, results in a corporate restructuring. Similarly, an insurance organization may spin-off some of its operations, possibly taking a private company public, may separate commercial and personal lines operations, or may create an off-shore entity to which problematic liabilities and/or assets are transferred due to favorable regulatory and tax </w:t>
      </w:r>
      <w:r>
        <w:lastRenderedPageBreak/>
        <w:t xml:space="preserve">environments. The most common specific examples of restructuring during the past several years have been liability-based restructurings (LBRs) of insurance operations into discontinued and on-going operations, primarily because of material exposures to asbestos, pollution and health hazard (APH) claims and other long-tail liabilities. Policyholders, insurers, regulators and guaranty funds have expressed concerns about these transactions. Descriptions of some recent restructurings are summarized in Appendix 1. </w:t>
      </w:r>
    </w:p>
    <w:p w14:paraId="4924CDBD" w14:textId="77777777" w:rsidR="00CF54CB" w:rsidRDefault="00344004">
      <w:pPr>
        <w:spacing w:after="266"/>
        <w:ind w:left="0" w:right="25" w:firstLine="7"/>
      </w:pPr>
      <w:r>
        <w:t xml:space="preserve">Conceptually, an LBR is an extraordinary transaction, or series of transactions, in which one or more affiliated insurance companies wholly or partially, isolate their existing insurance obligations from their on-going insurance operations. The notion of isolation is one of substantive change that creates a legal separation, such that policyholders and other creditors holding the isolated existing insurance obligations have limited or no financial recourse for their direct satisfaction against the on-going insurance operations. The concept of an LBR does not, in the absence of such isolation, include restructurings to achieve capital allocation or business-mix decisions, such as changes in pooling percentages, changes of the primary insurance writer or the separation of on-going insurance operations from other on-going insurance operations. </w:t>
      </w:r>
    </w:p>
    <w:p w14:paraId="23F59817" w14:textId="77777777" w:rsidR="00CF54CB" w:rsidRDefault="00344004">
      <w:pPr>
        <w:spacing w:after="266"/>
        <w:ind w:left="0" w:right="23" w:firstLine="7"/>
      </w:pPr>
      <w:r>
        <w:t xml:space="preserve">The purpose of this paper is to identify and discuss regulatory, legal and public policy issues surrounding such LBRs of multistate property/casualty companies and their affiliates. Single-state insurers and their affiliates may undertake similar LBRs and many of the issues contained herein may apply; individual states may choose to utilize this paper as a resource in those transactions. While restructurings of life and health companies are known to have occurred, such transactions may present different issues and considerations and therefore are excluded from discussion in this paper. </w:t>
      </w:r>
    </w:p>
    <w:p w14:paraId="1FD86853" w14:textId="77777777" w:rsidR="00CF54CB" w:rsidRDefault="00344004">
      <w:pPr>
        <w:spacing w:after="304"/>
        <w:ind w:left="0" w:right="20" w:firstLine="7"/>
      </w:pPr>
      <w:r>
        <w:t xml:space="preserve">This paper is not intended to establish a position either for or against LBRs since each case must be evaluated on its own merits by the regulatory authority. Furthermore, this paper is not intended to address every insurance company merger, acquisition, divestiture, withdrawal from one or more lines of business or states, or other corporate transaction which impacts a company’s obligation to its policyholders or its ability to meet those obligations. These are typically addressed under other applicable statutes or regulations. </w:t>
      </w:r>
    </w:p>
    <w:p w14:paraId="4C26F3F2" w14:textId="77777777" w:rsidR="00CF54CB" w:rsidRDefault="00344004">
      <w:pPr>
        <w:numPr>
          <w:ilvl w:val="0"/>
          <w:numId w:val="8"/>
        </w:numPr>
        <w:spacing w:after="298"/>
      </w:pPr>
      <w:r>
        <w:rPr>
          <w:b/>
        </w:rPr>
        <w:t>BUSINESS REASONS</w:t>
      </w:r>
    </w:p>
    <w:p w14:paraId="0D6962CF" w14:textId="77777777" w:rsidR="00CF54CB" w:rsidRDefault="00344004">
      <w:pPr>
        <w:numPr>
          <w:ilvl w:val="2"/>
          <w:numId w:val="10"/>
        </w:numPr>
        <w:spacing w:after="260"/>
        <w:ind w:hanging="720"/>
      </w:pPr>
      <w:r>
        <w:rPr>
          <w:b/>
        </w:rPr>
        <w:t>Rating Considerations</w:t>
      </w:r>
    </w:p>
    <w:p w14:paraId="1F005526" w14:textId="77777777" w:rsidR="00CF54CB" w:rsidRDefault="00344004">
      <w:pPr>
        <w:spacing w:after="280"/>
        <w:ind w:left="720" w:right="25" w:firstLine="7"/>
      </w:pPr>
      <w:r>
        <w:t xml:space="preserve">One of the major considerations in recent LBRs has been the insurer’s desire to maintain or obtain favorable financial and other rating designations from the private rating agencies. Ratings play a major role in determining whether an insurer can remain competitive in its target market and may affect its ability to attract new capital. Insurers that have been subject to earnings drag due to the adverse development of APH or other liabilities may be faced with rating downgrades. By separating problem liabilities from on-going operations, the insurer may improve or maintain its rating. In turn, this may allow the insurer to more effectively take advantage of business opportunities, potentially achieve higher returns on its capital, and become more attractive to the financial markets. </w:t>
      </w:r>
    </w:p>
    <w:p w14:paraId="6ACF6440" w14:textId="77777777" w:rsidR="00CF54CB" w:rsidRDefault="00344004">
      <w:pPr>
        <w:numPr>
          <w:ilvl w:val="2"/>
          <w:numId w:val="10"/>
        </w:numPr>
        <w:spacing w:after="260"/>
        <w:ind w:hanging="720"/>
      </w:pPr>
      <w:r>
        <w:rPr>
          <w:b/>
        </w:rPr>
        <w:t>Solvency Issues</w:t>
      </w:r>
    </w:p>
    <w:p w14:paraId="3145D619" w14:textId="77777777" w:rsidR="00CF54CB" w:rsidRDefault="00344004">
      <w:pPr>
        <w:spacing w:after="242"/>
        <w:ind w:left="720" w:right="22" w:firstLine="7"/>
      </w:pPr>
      <w:r>
        <w:lastRenderedPageBreak/>
        <w:t xml:space="preserve">Through an assessment of its APH or other liability exposures, an insurer may realize that recognition of probable ultimate liabilities in these areas will have a material impact on its financial condition. By separating these liabilities from the on-going operations, the insurer can dedicate surplus to support the restructured operations and eliminate the drag on earnings in its on-going operations and avoid further commitment of capital for pre-existing liabilities. </w:t>
      </w:r>
    </w:p>
    <w:p w14:paraId="5F3357D2" w14:textId="77777777" w:rsidR="00CF54CB" w:rsidRDefault="00344004">
      <w:pPr>
        <w:spacing w:after="304"/>
        <w:ind w:left="720" w:right="20" w:firstLine="7"/>
      </w:pPr>
      <w:r>
        <w:t xml:space="preserve">It should be recognized that an LBR, by itself, does not create resources from which claims can be paid. Accurately establishing adequate reserves to meet probable ultimate liabilities may eliminate the drag on earnings. If the establishment of such reserves materially weakens the insurer’s financial condition, it is unlikely that it will be able to dedicate appropriate surplus to support both the restructured and on-going operations without additional capital. In these circumstances, if additional capital is not forthcoming, the regulatory authority should take appropriate action. </w:t>
      </w:r>
    </w:p>
    <w:p w14:paraId="4FBCEBDB" w14:textId="77777777" w:rsidR="00CF54CB" w:rsidRDefault="00344004">
      <w:pPr>
        <w:numPr>
          <w:ilvl w:val="2"/>
          <w:numId w:val="10"/>
        </w:numPr>
        <w:spacing w:after="260"/>
        <w:ind w:hanging="720"/>
      </w:pPr>
      <w:r>
        <w:rPr>
          <w:b/>
        </w:rPr>
        <w:t>Other</w:t>
      </w:r>
    </w:p>
    <w:p w14:paraId="1DB0FEDC" w14:textId="77777777" w:rsidR="00CF54CB" w:rsidRDefault="00344004">
      <w:pPr>
        <w:spacing w:after="276"/>
        <w:ind w:left="720" w:right="20" w:firstLine="7"/>
      </w:pPr>
      <w:r>
        <w:t xml:space="preserve">Other reasons an insurer may consider restructuring include, but are not limited to, the need to raise capital or a desire to exit a line of business. In some cases, restructuring may be considered as a method to exit the insurance business or to camouflage financial and other problems. </w:t>
      </w:r>
    </w:p>
    <w:p w14:paraId="2A2E10A5" w14:textId="77777777" w:rsidR="00CF54CB" w:rsidRDefault="00344004">
      <w:pPr>
        <w:numPr>
          <w:ilvl w:val="0"/>
          <w:numId w:val="8"/>
        </w:numPr>
        <w:spacing w:after="260"/>
      </w:pPr>
      <w:r>
        <w:rPr>
          <w:b/>
        </w:rPr>
        <w:t>ADVANTAGES AND DISADVANTAGES</w:t>
      </w:r>
    </w:p>
    <w:p w14:paraId="444151CC" w14:textId="77777777" w:rsidR="00CF54CB" w:rsidRDefault="00344004">
      <w:pPr>
        <w:spacing w:after="247"/>
        <w:ind w:left="0" w:right="21" w:firstLine="7"/>
      </w:pPr>
      <w:r>
        <w:t xml:space="preserve">LBRs may result in a more effective use of existing capital, a more competitive on-going insurance operation, more effective claims management, better management of ultimate liabilities related to problematic lines of business, and improvement of the availability and affordability of insurance coverage. In addition, an LBR may result in the attraction of additional capital and the enhancement of shareholder value. </w:t>
      </w:r>
    </w:p>
    <w:p w14:paraId="18EBE05E" w14:textId="77777777" w:rsidR="00CF54CB" w:rsidRDefault="00344004">
      <w:pPr>
        <w:spacing w:after="257"/>
        <w:ind w:left="0" w:right="25" w:firstLine="7"/>
      </w:pPr>
      <w:r>
        <w:t xml:space="preserve">On the other hand, underfunded LBRs may reduce the likelihood certain policyholder claims will be paid by the insurer. In addition, LBRs may be difficult to structure equitably due to the uncertainty associated with estimating APH liabilities, may pose questions related to policyholder participation and guaranty fund coverage in the event a restructured entity fails, and may have a negative impact on the public trust in the property and casualty insurance industry and the effectiveness of insurance regulation. </w:t>
      </w:r>
    </w:p>
    <w:p w14:paraId="2C0B4726" w14:textId="77777777" w:rsidR="00CF54CB" w:rsidRDefault="00344004">
      <w:pPr>
        <w:ind w:left="0" w:right="26" w:firstLine="7"/>
      </w:pPr>
      <w:r>
        <w:t xml:space="preserve">Each LBR will present certain advantages and disadvantages. An advantage to future policyholders (availability and affordability) may arise from a disadvantage to existing and prior policyholders (reduced likelihood of having their claims paid). The regulatory process requires that these advantages and disadvantages be assessed in light of applicable law and the impact upon policyholders. A pre-approval checklist is attached at Appendix 2. </w:t>
      </w:r>
    </w:p>
    <w:p w14:paraId="47B53DD8" w14:textId="77777777" w:rsidR="00CF54CB" w:rsidRDefault="00344004">
      <w:pPr>
        <w:numPr>
          <w:ilvl w:val="0"/>
          <w:numId w:val="8"/>
        </w:numPr>
        <w:spacing w:after="260"/>
      </w:pPr>
      <w:r>
        <w:rPr>
          <w:b/>
        </w:rPr>
        <w:t>FINANCIAL SOLVENCY ISSUES</w:t>
      </w:r>
    </w:p>
    <w:p w14:paraId="0F12546C" w14:textId="77777777" w:rsidR="00CF54CB" w:rsidRDefault="00344004">
      <w:pPr>
        <w:numPr>
          <w:ilvl w:val="1"/>
          <w:numId w:val="8"/>
        </w:numPr>
        <w:spacing w:after="260"/>
        <w:ind w:hanging="720"/>
      </w:pPr>
      <w:r>
        <w:rPr>
          <w:b/>
        </w:rPr>
        <w:t>General Solvency Considerations</w:t>
      </w:r>
    </w:p>
    <w:p w14:paraId="4D3D7B9D" w14:textId="77777777" w:rsidR="00CF54CB" w:rsidRDefault="00344004">
      <w:pPr>
        <w:spacing w:after="242"/>
        <w:ind w:left="720" w:right="17" w:firstLine="7"/>
      </w:pPr>
      <w:r>
        <w:t xml:space="preserve">Regardless of the nature of an LBR, a key responsibility of the regulatory authority in assessing whether to approve the transaction will be to analyze financial solvency issues. The regulatory authority must determine whether the resulting structure will have sufficient assets, both as to </w:t>
      </w:r>
      <w:r>
        <w:lastRenderedPageBreak/>
        <w:t xml:space="preserve">quality and duration, to meet policyholder and other creditor obligations. To make this determination, the regulatory authority will need to assess reserve adequacy, collectibility of reinsurance balances, and the value and liquidity of assets. Before formulating a conclusion based on these assessments, the regulatory authority should also consider the adequacy of capital and surplus levels and whether financial support is available from the parent company or other affiliates. </w:t>
      </w:r>
    </w:p>
    <w:p w14:paraId="4ABC21B5" w14:textId="77777777" w:rsidR="00CF54CB" w:rsidRDefault="00344004">
      <w:pPr>
        <w:spacing w:after="247"/>
        <w:ind w:left="720" w:right="21" w:firstLine="7"/>
      </w:pPr>
      <w:r>
        <w:t xml:space="preserve">The restructuring insurer should provide the regulatory authority a detailed analysis of business and operational aspects of the LBR, including a detailed business plan, historical, current and pro-forma financial statements, and a description of the transaction’s tax consequences. The financial information provided should include a balance sheet of the insurer as if the restructuring plan were approved, and schedules detailing assets and liabilities to be reallocated as a part of the restructuring plan. Any special charges or write-downs that will be made as a result of the LBR should also be specifically identified. The detailed business plan should also include a discussion of how the LBR will impact obligations to policyholders and other creditors. In addition, a statement should be provided describing the consequences if the LBR is not approved. </w:t>
      </w:r>
    </w:p>
    <w:p w14:paraId="2E65F745" w14:textId="77777777" w:rsidR="00CF54CB" w:rsidRDefault="00344004">
      <w:pPr>
        <w:spacing w:after="281"/>
        <w:ind w:left="720" w:right="26" w:firstLine="7"/>
      </w:pPr>
      <w:r>
        <w:t xml:space="preserve">The regulatory authority should consider the engagement of experts to provide opinions about the impact on obligations to policyholders and other creditors, solvency, and the financial condition of the companies affected by the LBR, both immediately before and after restructuring. </w:t>
      </w:r>
    </w:p>
    <w:p w14:paraId="18CBD5BB" w14:textId="77777777" w:rsidR="00CF54CB" w:rsidRDefault="00344004">
      <w:pPr>
        <w:numPr>
          <w:ilvl w:val="1"/>
          <w:numId w:val="8"/>
        </w:numPr>
        <w:spacing w:after="260"/>
        <w:ind w:hanging="720"/>
      </w:pPr>
      <w:r>
        <w:rPr>
          <w:b/>
        </w:rPr>
        <w:t>Reserve Adequacy</w:t>
      </w:r>
    </w:p>
    <w:p w14:paraId="5ED31B3B" w14:textId="77777777" w:rsidR="00CF54CB" w:rsidRDefault="00344004">
      <w:pPr>
        <w:spacing w:after="242"/>
        <w:ind w:left="720" w:right="21" w:firstLine="7"/>
      </w:pPr>
      <w:r>
        <w:t xml:space="preserve">Determining a reasonable estimate for liabilities will be a key part of the regulatory review process. Long-tail liabilities, especially those related to APH exposure, are most difficult to estimate. Although it is acknowledged that there is a high degree of uncertainty related to estimation of APH reserves, some regulatory authorities have concluded that sufficient information and actuarial methodologies exist to assess and estimate these exposures. The regulatory authority should consider taking the following actions to thoroughly review the adequacy of reserve estimates: </w:t>
      </w:r>
    </w:p>
    <w:p w14:paraId="63C89E64" w14:textId="77777777" w:rsidR="00CF54CB" w:rsidRDefault="00344004">
      <w:pPr>
        <w:ind w:left="720" w:right="20" w:firstLine="7"/>
      </w:pPr>
      <w:r>
        <w:t xml:space="preserve">First, the regulatory authority should engage a qualified actuarial firm to: a) review methodologies used by the insurer to estimate reserves; b) review the insurer’s economic approach to funding the run-off liabilities, including reserve discounting, if any; c) determine whether the claims unit is adequately staffed with qualified professionals and that its approach to settling claims is consistent with industry “best practices”; d) opine on the adequacy of reserves on a gross and net of reinsurance basis, by accident year and line of business; and e) review the funding of the discount and the adequacy of reserves net of the discount, if reserve discounting will be permitted. Second, if liabilities include material exposures to APH liabilities, consideration should be given to performing a “ground-up” review of reserves to estimate known and incurred but not reported (IBNR) reserves. This review should include the evaluation of all known liabilities on a case-by-case, policy-bypolicy basis, including IBNR reserves. </w:t>
      </w:r>
    </w:p>
    <w:p w14:paraId="22715B1D" w14:textId="77777777" w:rsidR="00CF54CB" w:rsidRDefault="00344004">
      <w:pPr>
        <w:spacing w:after="280"/>
        <w:ind w:left="720" w:right="20" w:firstLine="7"/>
      </w:pPr>
      <w:r>
        <w:t xml:space="preserve">Third, the regulatory authority should consider requiring the development of a cash flow model stress test to evaluate the adequacy of assets, including reinsurance, to fund the liabilities. The ultimate liabilities, payment patterns and cash flow assumptions should be included in the review. The stress test should consider varying loss payment patterns and investment yields. </w:t>
      </w:r>
    </w:p>
    <w:p w14:paraId="71C139E1" w14:textId="77777777" w:rsidR="00CF54CB" w:rsidRDefault="00344004">
      <w:pPr>
        <w:numPr>
          <w:ilvl w:val="1"/>
          <w:numId w:val="8"/>
        </w:numPr>
        <w:spacing w:after="260"/>
        <w:ind w:hanging="720"/>
      </w:pPr>
      <w:r>
        <w:rPr>
          <w:b/>
        </w:rPr>
        <w:lastRenderedPageBreak/>
        <w:t>Reinsurance</w:t>
      </w:r>
    </w:p>
    <w:p w14:paraId="1CD65E7B" w14:textId="77777777" w:rsidR="00CF54CB" w:rsidRDefault="00344004">
      <w:pPr>
        <w:numPr>
          <w:ilvl w:val="2"/>
          <w:numId w:val="8"/>
        </w:numPr>
        <w:spacing w:after="325" w:line="259" w:lineRule="auto"/>
        <w:ind w:hanging="720"/>
        <w:jc w:val="left"/>
      </w:pPr>
      <w:r>
        <w:rPr>
          <w:b/>
          <w:u w:val="single"/>
        </w:rPr>
        <w:t>Collectibility of Reinsurance Balances</w:t>
      </w:r>
    </w:p>
    <w:p w14:paraId="66F36455" w14:textId="77777777" w:rsidR="00CF54CB" w:rsidRDefault="00344004">
      <w:pPr>
        <w:spacing w:after="276"/>
        <w:ind w:left="1440" w:right="17" w:firstLine="6"/>
      </w:pPr>
      <w:r>
        <w:t xml:space="preserve">The success of an LBR may depend, in large part, on the LBR’s effect upon existing reinsurance agreements and the collectibility of reinsurance balances stemming from those agreements. Depending on the materiality of these balances, the regulatory authority should consider requiring an independent analysis of reinsurance recoverables including: a) a review of the process used to monitor, collect, and settle outstanding reinsurance recoverables; b) an analysis of existing and projected reinsurance balances, including the expected timing of cash flows; c) an analysis of the quality and financial condition of the reinsurers and prospects for recovery; d) a detailed description of write-offs or required reserves based on the independent analysis taken as a whole; e) disclosure of material disputes related to reinsurance balances and the potential impact of resolving those disputes; and f) a discussion of the impact of the LBR on the collectibility of the reinsurance balances. The regulatory authority may also consider requiring a legal analysis of the effect a liquidation or rehabilitation proceeding involving the restructured entity would have on the timing and amounts of reinsurance recoverables and the legal rights of reinsurers to claim offsets against such recoveries. </w:t>
      </w:r>
    </w:p>
    <w:p w14:paraId="225CEDF1" w14:textId="77777777" w:rsidR="00CF54CB" w:rsidRDefault="00344004">
      <w:pPr>
        <w:numPr>
          <w:ilvl w:val="2"/>
          <w:numId w:val="8"/>
        </w:numPr>
        <w:spacing w:after="325" w:line="259" w:lineRule="auto"/>
        <w:ind w:hanging="720"/>
        <w:jc w:val="left"/>
      </w:pPr>
      <w:r>
        <w:rPr>
          <w:b/>
          <w:u w:val="single"/>
        </w:rPr>
        <w:t>Reinsurance Coverage</w:t>
      </w:r>
    </w:p>
    <w:p w14:paraId="622100F4" w14:textId="77777777" w:rsidR="00CF54CB" w:rsidRDefault="00344004">
      <w:pPr>
        <w:spacing w:after="242"/>
        <w:ind w:left="1349" w:right="23" w:firstLine="6"/>
      </w:pPr>
      <w:r>
        <w:t xml:space="preserve">LBRs may include reinsurance stop loss or excess of loss coverage as an integral part of the transaction. These treaties are often complex and may require the regulatory authority to retain qualified experts to ensure that coverage is adequate, and that the treaty will perform as anticipated. The treaty may be analyzed to determine how it will operate, how the reinsurance premium will be calculated and how it will be paid, and whether the quality and financial condition of the reinsurer(s) is adequate. The regulatory authority should determine whether the amount of coverage provided by the treaty, in combination with other resources, is sufficient to meet the obligations of the restructured entity. </w:t>
      </w:r>
    </w:p>
    <w:p w14:paraId="272E78A5" w14:textId="77777777" w:rsidR="00CF54CB" w:rsidRDefault="00344004">
      <w:pPr>
        <w:ind w:left="1349" w:right="21" w:firstLine="6"/>
      </w:pPr>
      <w:r>
        <w:t xml:space="preserve">In addition to a stop loss or excess of loss treaty, the LBR may involve new or amended quota-share or pooling agreements within the group. The regulatory authority should review the agreements and supporting documentation to understand the movement of business and to determine the financial impact of the changes on the run-off and on-going companies.  The regulatory authority should also consider reviewing existing reinsurance programs to determine that provisions are consistent with other information provided and that adequate coverage exists for on-going operations. </w:t>
      </w:r>
    </w:p>
    <w:p w14:paraId="3CD709EA" w14:textId="77777777" w:rsidR="00CF54CB" w:rsidRDefault="00344004">
      <w:pPr>
        <w:tabs>
          <w:tab w:val="center" w:pos="834"/>
          <w:tab w:val="center" w:pos="2953"/>
        </w:tabs>
        <w:spacing w:after="260"/>
        <w:ind w:left="0" w:firstLine="0"/>
        <w:jc w:val="left"/>
      </w:pPr>
      <w:r>
        <w:rPr>
          <w:rFonts w:ascii="Calibri" w:eastAsia="Calibri" w:hAnsi="Calibri" w:cs="Calibri"/>
          <w:sz w:val="22"/>
          <w:szCs w:val="22"/>
        </w:rPr>
        <w:tab/>
      </w:r>
      <w:r>
        <w:rPr>
          <w:b/>
        </w:rPr>
        <w:t>D.</w:t>
      </w:r>
      <w:r>
        <w:rPr>
          <w:b/>
        </w:rPr>
        <w:tab/>
        <w:t>Liquidity and Value of Assets</w:t>
      </w:r>
    </w:p>
    <w:p w14:paraId="20A423C9" w14:textId="77777777" w:rsidR="00CF54CB" w:rsidRDefault="00344004">
      <w:pPr>
        <w:spacing w:after="242"/>
        <w:ind w:left="1440" w:right="21" w:firstLine="6"/>
      </w:pPr>
      <w:r>
        <w:t>Although proper estimation of liabilities is critical to the success of an LBR, equally as important is the assessment of whether existing assets and future cash flow are sufficient to fund the liabilities.</w:t>
      </w:r>
    </w:p>
    <w:p w14:paraId="53FD9E53" w14:textId="77777777" w:rsidR="00CF54CB" w:rsidRDefault="00344004">
      <w:pPr>
        <w:spacing w:after="242"/>
        <w:ind w:left="1440" w:right="26" w:firstLine="6"/>
      </w:pPr>
      <w:r>
        <w:lastRenderedPageBreak/>
        <w:t>Much of the work related to determining whether there is a proper matching can be achieved through an appropriate stress testing process. The asset assumptions used in the stress test should be evaluated by the regulatory authority, especially if assets have high volatility, liquidity uncertainties, material valuation issues or lack diversification.</w:t>
      </w:r>
    </w:p>
    <w:p w14:paraId="43AFBADB" w14:textId="77777777" w:rsidR="00CF54CB" w:rsidRDefault="00344004">
      <w:pPr>
        <w:spacing w:after="242"/>
        <w:ind w:left="1440" w:right="24" w:firstLine="6"/>
      </w:pPr>
      <w:r>
        <w:t>Consideration should be given to obtaining current appraisals for any material real estate or mortgage holdings; and obtaining independent investment expertise to value limited partnerships, certain privately traded investments, highly volatile collateralized mortgage obligations, structured securities, and any other asset for which the regulatory authority has concerns about the carrying value.</w:t>
      </w:r>
    </w:p>
    <w:p w14:paraId="47A04231" w14:textId="77777777" w:rsidR="00CF54CB" w:rsidRDefault="00344004">
      <w:pPr>
        <w:spacing w:after="252"/>
        <w:ind w:left="1440" w:right="22" w:firstLine="6"/>
      </w:pPr>
      <w:r>
        <w:t>The regulatory authority should also consider reviewing assumptions as to investment yield and determine how the reallocation of assets might impact historical yields. This review will be the key determination of allowable discount rates and the spreads to be required between investment yield and reserve discount.</w:t>
      </w:r>
    </w:p>
    <w:p w14:paraId="6A183B73" w14:textId="77777777" w:rsidR="00CF54CB" w:rsidRDefault="00344004">
      <w:pPr>
        <w:spacing w:after="280"/>
        <w:ind w:left="1440" w:right="20" w:firstLine="6"/>
      </w:pPr>
      <w:r>
        <w:t>Should the asset analysis indicate there are problems related to asset matching, the regulatory authority may consider requiring: a) reallocation of problem assets to other parts of the organizational structure that are financially capable of absorbing the additional risk; b) parental guarantee of investment yields; c) collateralized parental guarantee of asset valuation; and d) disposition of assets prior to transaction approval.</w:t>
      </w:r>
    </w:p>
    <w:p w14:paraId="3EAD88F6" w14:textId="77777777" w:rsidR="00CF54CB" w:rsidRDefault="00344004">
      <w:pPr>
        <w:numPr>
          <w:ilvl w:val="0"/>
          <w:numId w:val="35"/>
        </w:numPr>
        <w:spacing w:after="260"/>
        <w:ind w:hanging="720"/>
      </w:pPr>
      <w:r>
        <w:rPr>
          <w:b/>
        </w:rPr>
        <w:t>Capital and Surplus Adequacy</w:t>
      </w:r>
    </w:p>
    <w:p w14:paraId="226C2B92" w14:textId="77777777" w:rsidR="00CF54CB" w:rsidRDefault="00344004">
      <w:pPr>
        <w:spacing w:after="257"/>
        <w:ind w:left="1440" w:right="31" w:firstLine="6"/>
      </w:pPr>
      <w:r>
        <w:t>One of the most difficult aspects of reviewing an LBR is determining what level of capital and surplus is adequate. In general, standard provisions of the NAIC’s Risk-Based Capital (RBC) For Insurers Model Act (the Model Act) should apply.</w:t>
      </w:r>
    </w:p>
    <w:p w14:paraId="2AD05097" w14:textId="77777777" w:rsidR="00CF54CB" w:rsidRDefault="00344004">
      <w:pPr>
        <w:spacing w:after="396"/>
        <w:ind w:left="1440" w:right="22" w:firstLine="6"/>
      </w:pPr>
      <w:r>
        <w:t>Unlike an on-going insurance company, run-off entities do not compete for new or renewal business. There may be other differences in the risk profile of run-off entities that could indicate the need for reassessment of the applicability of the Model Act in individual circumstances. The reserve, underwriting, and investment factors generating the majority of required RBC were developed to measure risks retained by a run-off entity. The Model Act makes specific provision for exempting a property and casualty insurer from actions to be taken at the Mandatory Control Level if that insurer is writing no business and is runningoff its existing business. Under such circumstances the insurer may be allowed to continue its run-off operations with the regulatory authority’s oversight.</w:t>
      </w:r>
    </w:p>
    <w:p w14:paraId="14B06E73" w14:textId="77777777" w:rsidR="00CF54CB" w:rsidRDefault="00344004">
      <w:pPr>
        <w:spacing w:after="27" w:line="242" w:lineRule="auto"/>
        <w:ind w:left="1440" w:right="59" w:firstLine="0"/>
        <w:jc w:val="left"/>
      </w:pPr>
      <w:r>
        <w:t xml:space="preserve">Other factors to consider in determining the adequacy of capital and surplus levels include volatility and uncertainty related to reserve estimates, the quality of assets, and the degree of parental and affiliated support. </w:t>
      </w:r>
    </w:p>
    <w:p w14:paraId="4F89F117" w14:textId="77777777" w:rsidR="00CF54CB" w:rsidRDefault="00344004">
      <w:pPr>
        <w:numPr>
          <w:ilvl w:val="0"/>
          <w:numId w:val="35"/>
        </w:numPr>
        <w:spacing w:after="260"/>
        <w:ind w:hanging="720"/>
      </w:pPr>
      <w:r>
        <w:rPr>
          <w:b/>
        </w:rPr>
        <w:t>Support From Parents and Other Affiliates</w:t>
      </w:r>
    </w:p>
    <w:p w14:paraId="79F2EBD9" w14:textId="77777777" w:rsidR="00CF54CB" w:rsidRDefault="00344004">
      <w:pPr>
        <w:spacing w:after="242"/>
        <w:ind w:left="1440" w:right="20" w:firstLine="6"/>
      </w:pPr>
      <w:r>
        <w:t xml:space="preserve">As discussed in previous sections, support from parents or affiliates may play an integral part in the LBR and may be a significant factor in whether the transaction is approved. The </w:t>
      </w:r>
      <w:r>
        <w:lastRenderedPageBreak/>
        <w:t>regulatory authority should consider analyzing the change in organizational structure resulting from the LBR, placing special emphasis on the extent to which the resulting corporate structures have common ownership, overlapping management, substantial reinsurance arrangements, and on-going business ties. If the financial and marketing futures of the corporate structures are materially tied together, it may be less likely that any part of the organization will be abandoned.</w:t>
      </w:r>
    </w:p>
    <w:p w14:paraId="774EE4A1" w14:textId="77777777" w:rsidR="00CF54CB" w:rsidRDefault="00344004">
      <w:pPr>
        <w:spacing w:after="242"/>
        <w:ind w:left="1440" w:right="23" w:firstLine="6"/>
      </w:pPr>
      <w:r>
        <w:t>If one of the resulting insurer structures is perceived to be weaker than another, the parent may show its intention of continued support through issuance of “cut-through” provisions for the benefit of policyholders of the “weaker” entity. These provisions give policyholders the legal right to file a claim against the entity issuing the cut-through should the insurer liable under the insurance contract (policy) be unable to meet its obligations. (Note: Some states have enacted laws prohibiting cut-through transactions.)</w:t>
      </w:r>
    </w:p>
    <w:p w14:paraId="28A5FDFC" w14:textId="77777777" w:rsidR="00CF54CB" w:rsidRDefault="00344004">
      <w:pPr>
        <w:spacing w:after="257"/>
        <w:ind w:left="1440" w:right="22" w:firstLine="6"/>
      </w:pPr>
      <w:r>
        <w:t>Stop loss and excess of loss reinsurance transactions have been discussed earlier in this report. The importance of these transactions, especially if with affiliated entities, should not be minimized. These transactions are often used to provide a cushion for the uncertainties related to asset and liability assumptions and can often be structured to strengthen the transaction. The regulatory authority should determine whether parental or affiliated support is available should the collectibility of reinsurance balances deteriorate.</w:t>
      </w:r>
    </w:p>
    <w:p w14:paraId="030D6C04" w14:textId="77777777" w:rsidR="00CF54CB" w:rsidRDefault="00344004">
      <w:pPr>
        <w:spacing w:after="276"/>
        <w:ind w:left="1440" w:right="26" w:firstLine="6"/>
      </w:pPr>
      <w:r>
        <w:t>The parent or affiliates should be encouraged to provide financial and managerial support to all entities. This support lends credibility to the LBR and provides an additional layer of security to policyholders.</w:t>
      </w:r>
    </w:p>
    <w:p w14:paraId="34F58329" w14:textId="77777777" w:rsidR="00CF54CB" w:rsidRDefault="00344004">
      <w:pPr>
        <w:tabs>
          <w:tab w:val="center" w:pos="2844"/>
        </w:tabs>
        <w:spacing w:after="284"/>
        <w:ind w:left="0" w:firstLine="0"/>
        <w:jc w:val="left"/>
      </w:pPr>
      <w:r>
        <w:rPr>
          <w:b/>
        </w:rPr>
        <w:t>V.</w:t>
      </w:r>
      <w:r>
        <w:rPr>
          <w:b/>
        </w:rPr>
        <w:tab/>
        <w:t>LEGAL AND PUBLIC POLICY ISSUES</w:t>
      </w:r>
    </w:p>
    <w:p w14:paraId="49B58E18" w14:textId="77777777" w:rsidR="00CF54CB" w:rsidRDefault="00344004">
      <w:pPr>
        <w:tabs>
          <w:tab w:val="center" w:pos="954"/>
          <w:tab w:val="center" w:pos="2296"/>
        </w:tabs>
        <w:spacing w:after="260"/>
        <w:ind w:left="0" w:firstLine="0"/>
        <w:jc w:val="left"/>
      </w:pPr>
      <w:r>
        <w:rPr>
          <w:rFonts w:ascii="Calibri" w:eastAsia="Calibri" w:hAnsi="Calibri" w:cs="Calibri"/>
          <w:sz w:val="22"/>
          <w:szCs w:val="22"/>
        </w:rPr>
        <w:tab/>
      </w:r>
      <w:r>
        <w:rPr>
          <w:b/>
        </w:rPr>
        <w:t>A.</w:t>
      </w:r>
      <w:r>
        <w:rPr>
          <w:b/>
        </w:rPr>
        <w:tab/>
        <w:t>Applicable Laws</w:t>
      </w:r>
    </w:p>
    <w:p w14:paraId="55190329" w14:textId="77777777" w:rsidR="00CF54CB" w:rsidRDefault="00344004">
      <w:pPr>
        <w:spacing w:after="280"/>
        <w:ind w:left="720" w:right="26" w:firstLine="7"/>
      </w:pPr>
      <w:r>
        <w:t xml:space="preserve">LBRs may implicate, directly or indirectly, a number of laws in the state of domicile including both general corporate statutes and insurance code provisions. A thorough review of all potentially applicable laws is necessary to fully understand the requirements and potential ramifications of an LBR. To the extent changes to an insurer’s corporate structure affect relationships with policyholders in other states, the laws of those jurisdictions may apply. Following is an overview of the principal laws that may need to be considered by the regulatory authority with regard to an LBR. </w:t>
      </w:r>
    </w:p>
    <w:p w14:paraId="3B9B30EF" w14:textId="77777777" w:rsidR="00CF54CB" w:rsidRDefault="00344004">
      <w:pPr>
        <w:numPr>
          <w:ilvl w:val="0"/>
          <w:numId w:val="37"/>
        </w:numPr>
        <w:spacing w:after="260"/>
        <w:ind w:hanging="720"/>
      </w:pPr>
      <w:r>
        <w:rPr>
          <w:b/>
        </w:rPr>
        <w:t>General Corporation Statutes</w:t>
      </w:r>
    </w:p>
    <w:p w14:paraId="4BB11006" w14:textId="77777777" w:rsidR="00CF54CB" w:rsidRDefault="00344004">
      <w:pPr>
        <w:ind w:left="1440" w:firstLine="6"/>
      </w:pPr>
      <w:r>
        <w:t xml:space="preserve">Corporate organization is governed by each state’s corporation law. Many states have </w:t>
      </w:r>
    </w:p>
    <w:p w14:paraId="62C08FCB" w14:textId="77777777" w:rsidR="00CF54CB" w:rsidRDefault="00344004">
      <w:pPr>
        <w:spacing w:after="280"/>
        <w:ind w:left="1440" w:right="61" w:firstLine="6"/>
      </w:pPr>
      <w:r>
        <w:t>enacted the Revised Model Business Corporation Act (RMBCA)</w:t>
      </w:r>
      <w:r>
        <w:rPr>
          <w:vertAlign w:val="superscript"/>
        </w:rPr>
        <w:t>1</w:t>
      </w:r>
      <w:r>
        <w:rPr>
          <w:sz w:val="37"/>
          <w:szCs w:val="37"/>
          <w:vertAlign w:val="superscript"/>
        </w:rPr>
        <w:t xml:space="preserve"> </w:t>
      </w:r>
      <w:r>
        <w:t>or a similar law. In most states, the corporation law applies to insurers, unless stated otherwise. The state insurance codes supplement the corporate law with additional or different requirements for insurers.</w:t>
      </w:r>
      <w:r>
        <w:rPr>
          <w:vertAlign w:val="superscript"/>
        </w:rPr>
        <w:t>2</w:t>
      </w:r>
      <w:r>
        <w:t xml:space="preserve"> </w:t>
      </w:r>
    </w:p>
    <w:p w14:paraId="105941E1" w14:textId="77777777" w:rsidR="00CF54CB" w:rsidRDefault="00344004">
      <w:pPr>
        <w:spacing w:after="272" w:line="242" w:lineRule="auto"/>
        <w:ind w:left="1440" w:right="59" w:firstLine="0"/>
        <w:jc w:val="left"/>
      </w:pPr>
      <w:r>
        <w:lastRenderedPageBreak/>
        <w:t>The general corporation law addresses the existence and internal governance of the corporation. Corporation laws set forth minimum requirements and procedures to be adhered to in connection with extraordinary transactions affecting corporate existence and structure such as reorganizations, mergers, exchanges, divisions,</w:t>
      </w:r>
      <w:r>
        <w:rPr>
          <w:vertAlign w:val="superscript"/>
        </w:rPr>
        <w:t>3</w:t>
      </w:r>
      <w:r>
        <w:rPr>
          <w:sz w:val="37"/>
          <w:szCs w:val="37"/>
          <w:vertAlign w:val="superscript"/>
        </w:rPr>
        <w:t xml:space="preserve"> </w:t>
      </w:r>
      <w:r>
        <w:t xml:space="preserve">disposal of assets and dissolutions. Such extraordinary transactions may require the approval of shareholders in addition to that of the board of directors. </w:t>
      </w:r>
    </w:p>
    <w:p w14:paraId="4B411421" w14:textId="77777777" w:rsidR="00CF54CB" w:rsidRDefault="00344004">
      <w:pPr>
        <w:numPr>
          <w:ilvl w:val="1"/>
          <w:numId w:val="37"/>
        </w:numPr>
        <w:spacing w:after="260"/>
        <w:ind w:hanging="4123"/>
      </w:pPr>
      <w:r>
        <w:rPr>
          <w:b/>
        </w:rPr>
        <w:t>Mergers and Consolidations</w:t>
      </w:r>
    </w:p>
    <w:p w14:paraId="1AAE0318" w14:textId="77777777" w:rsidR="00CF54CB" w:rsidRDefault="00344004">
      <w:pPr>
        <w:spacing w:after="247"/>
        <w:ind w:left="2160" w:right="20" w:firstLine="6"/>
      </w:pPr>
      <w:r>
        <w:t xml:space="preserve">State law governs consolidation and mergers of insurers. The procedures and requirements regarding changes to the corporate structure of an insurer are usually the same as those for other corporate entities. Insurers may be subject to more regulatory scrutiny than general business corporations. A merger occurs when one corporation absorbs the other and the identity of the absorbed corporation disappears. In consolidation, the separate corporate entities disappear and a new corporate entity emerges. </w:t>
      </w:r>
    </w:p>
    <w:p w14:paraId="20B95FAD" w14:textId="77777777" w:rsidR="00CF54CB" w:rsidRDefault="00344004">
      <w:pPr>
        <w:spacing w:after="281"/>
        <w:ind w:left="2160" w:right="24" w:firstLine="6"/>
      </w:pPr>
      <w:r>
        <w:t xml:space="preserve">Statutes governing consolidations or mergers, for the most part, require that notice be given to all stockholders or members. Mergers or consolidations of stock insurers do not require the approval of policyholders but do require approval by the regulatory authority. Mergers or consolidations of mutual insurers must be approved by both the policyholders and the regulatory authority. </w:t>
      </w:r>
    </w:p>
    <w:p w14:paraId="02982CEB" w14:textId="77777777" w:rsidR="00CF54CB" w:rsidRDefault="00344004">
      <w:pPr>
        <w:numPr>
          <w:ilvl w:val="1"/>
          <w:numId w:val="37"/>
        </w:numPr>
        <w:spacing w:after="260"/>
        <w:ind w:hanging="4123"/>
      </w:pPr>
      <w:r>
        <w:rPr>
          <w:b/>
        </w:rPr>
        <w:t>Divisions</w:t>
      </w:r>
    </w:p>
    <w:p w14:paraId="22FFE846" w14:textId="77777777" w:rsidR="00CF54CB" w:rsidRDefault="00344004">
      <w:pPr>
        <w:spacing w:after="333"/>
        <w:ind w:left="2160" w:right="23" w:firstLine="6"/>
      </w:pPr>
      <w:r>
        <w:t xml:space="preserve">Division statutes have recently been enacted by two jurisdictions. These statutes permit the division of a single corporation into two or more resulting corporations. In a division, assets and liabilities are allocated among the resulting corporations. An LBR that includes a division may also include other transactions such as changes to a pooling agreement that may require regulatory review in other jurisdictions. </w:t>
      </w:r>
    </w:p>
    <w:p w14:paraId="4E7E820C" w14:textId="77777777" w:rsidR="00CF54CB" w:rsidRDefault="00344004">
      <w:pPr>
        <w:numPr>
          <w:ilvl w:val="0"/>
          <w:numId w:val="37"/>
        </w:numPr>
        <w:spacing w:after="260"/>
        <w:ind w:hanging="720"/>
      </w:pPr>
      <w:r>
        <w:rPr>
          <w:b/>
        </w:rPr>
        <w:t>Insurance Code Provisions</w:t>
      </w:r>
    </w:p>
    <w:p w14:paraId="664FF52D" w14:textId="77777777" w:rsidR="00CF54CB" w:rsidRDefault="00344004">
      <w:pPr>
        <w:numPr>
          <w:ilvl w:val="1"/>
          <w:numId w:val="37"/>
        </w:numPr>
        <w:spacing w:after="12"/>
        <w:ind w:hanging="4123"/>
      </w:pPr>
      <w:r>
        <w:rPr>
          <w:b/>
          <w:vertAlign w:val="subscript"/>
        </w:rPr>
        <w:t>4</w:t>
      </w:r>
    </w:p>
    <w:p w14:paraId="247DB1FD" w14:textId="77777777" w:rsidR="00CF54CB" w:rsidRDefault="00344004">
      <w:pPr>
        <w:spacing w:after="12"/>
        <w:ind w:left="2890" w:hanging="10"/>
      </w:pPr>
      <w:r>
        <w:rPr>
          <w:b/>
        </w:rPr>
        <w:t>Insurance Holding Company Act</w:t>
      </w:r>
    </w:p>
    <w:p w14:paraId="05220D4E" w14:textId="77777777" w:rsidR="00CF54CB" w:rsidRDefault="00344004">
      <w:pPr>
        <w:spacing w:after="193" w:line="259" w:lineRule="auto"/>
        <w:ind w:left="0" w:firstLine="0"/>
        <w:jc w:val="left"/>
      </w:pPr>
      <w:r>
        <w:rPr>
          <w:rFonts w:ascii="Calibri" w:eastAsia="Calibri" w:hAnsi="Calibri" w:cs="Calibri"/>
          <w:noProof/>
          <w:sz w:val="22"/>
          <w:szCs w:val="22"/>
        </w:rPr>
        <mc:AlternateContent>
          <mc:Choice Requires="wpg">
            <w:drawing>
              <wp:inline distT="0" distB="0" distL="0" distR="0" wp14:anchorId="6B9AE3A3" wp14:editId="301BE697">
                <wp:extent cx="1828800" cy="9144"/>
                <wp:effectExtent l="0" t="0" r="0" b="0"/>
                <wp:docPr id="117627" name="Group 117627" descr="P341#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28" name="Group 117628"/>
                        <wpg:cNvGrpSpPr/>
                        <wpg:grpSpPr>
                          <a:xfrm>
                            <a:off x="4431600" y="3775428"/>
                            <a:ext cx="1828800" cy="9144"/>
                            <a:chOff x="0" y="0"/>
                            <a:chExt cx="1828800" cy="9144"/>
                          </a:xfrm>
                        </wpg:grpSpPr>
                        <wps:wsp>
                          <wps:cNvPr id="117629" name="Rectangle 117629"/>
                          <wps:cNvSpPr/>
                          <wps:spPr>
                            <a:xfrm>
                              <a:off x="0" y="0"/>
                              <a:ext cx="1828800" cy="9125"/>
                            </a:xfrm>
                            <a:prstGeom prst="rect">
                              <a:avLst/>
                            </a:prstGeom>
                            <a:noFill/>
                            <a:ln>
                              <a:noFill/>
                            </a:ln>
                          </wps:spPr>
                          <wps:txbx>
                            <w:txbxContent>
                              <w:p w14:paraId="61F72C44"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30" name="Freeform: Shape 117630"/>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6B9AE3A3" id="Group 117627" o:spid="_x0000_s1260" alt="P341#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">
                <v:group id="Group 117628" o:spid="_x0000_s1261"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">
                  <v:rect id="Rectangle 117629" o:spid="_x0000_s1262"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" filled="f" stroked="f">
                    <v:textbox inset="2.53958mm,2.53958mm,2.53958mm,2.53958mm">
                      <w:txbxContent>
                        <w:p w14:paraId="61F72C44" w14:textId="77777777" w:rsidR="00CF54CB" w:rsidRDefault="00CF54CB">
                          <w:pPr>
                            <w:spacing w:after="0" w:line="240" w:lineRule="auto"/>
                            <w:ind w:left="0" w:firstLine="0"/>
                            <w:jc w:val="left"/>
                            <w:textDirection w:val="btLr"/>
                          </w:pPr>
                        </w:p>
                      </w:txbxContent>
                    </v:textbox>
                  </v:rect>
                  <v:shape id="Freeform: Shape 117630" o:spid="_x0000_s1263"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" path="m,l1828800,r,9144l,9144,,e" fillcolor="black" stroked="f">
                    <v:path arrowok="t" o:extrusionok="f"/>
                  </v:shape>
                </v:group>
                <w10:anchorlock/>
              </v:group>
            </w:pict>
          </mc:Fallback>
        </mc:AlternateContent>
      </w:r>
    </w:p>
    <w:p w14:paraId="06652D60" w14:textId="77777777" w:rsidR="00CF54CB" w:rsidRDefault="00344004">
      <w:pPr>
        <w:numPr>
          <w:ilvl w:val="0"/>
          <w:numId w:val="39"/>
        </w:numPr>
        <w:spacing w:after="27" w:line="269" w:lineRule="auto"/>
        <w:jc w:val="left"/>
      </w:pPr>
      <w:r>
        <w:rPr>
          <w:rFonts w:ascii="Century Schoolbook" w:eastAsia="Century Schoolbook" w:hAnsi="Century Schoolbook" w:cs="Century Schoolbook"/>
          <w:sz w:val="16"/>
          <w:szCs w:val="16"/>
        </w:rPr>
        <w:t>As of 1996, 22 states have enacted the current version of the RMBCA or substantially similar laws.</w:t>
      </w:r>
      <w:r>
        <w:rPr>
          <w:rFonts w:ascii="Calibri" w:eastAsia="Calibri" w:hAnsi="Calibri" w:cs="Calibri"/>
          <w:sz w:val="22"/>
          <w:szCs w:val="22"/>
        </w:rPr>
        <w:t xml:space="preserve"> </w:t>
      </w:r>
    </w:p>
    <w:p w14:paraId="728A6CA7" w14:textId="1BC185AC" w:rsidR="00CF54CB" w:rsidRDefault="00344004">
      <w:pPr>
        <w:numPr>
          <w:ilvl w:val="0"/>
          <w:numId w:val="39"/>
        </w:numPr>
        <w:spacing w:after="27" w:line="269" w:lineRule="auto"/>
        <w:jc w:val="left"/>
      </w:pPr>
      <w:del w:id="549" w:author="Daveline, Dan" w:date="2022-03-28T11:34:00Z">
        <w:r w:rsidDel="00B0790E">
          <w:rPr>
            <w:rFonts w:ascii="Century Schoolbook" w:eastAsia="Century Schoolbook" w:hAnsi="Century Schoolbook" w:cs="Century Schoolbook"/>
            <w:sz w:val="16"/>
            <w:szCs w:val="16"/>
          </w:rPr>
          <w:delText>Neb.Rev.Stat. § 44-301 (Reissue 1993) states in pertinent part: “...[T]he Nebraska Business Corporation Act except as otherwise provided... shall apply to all domestic incorporated insurance companies so far as the Act is applicable or pertinent to and not in conflict with other provisions of the law relating to such companies.  ”</w:delText>
        </w:r>
        <w:r w:rsidDel="00B0790E">
          <w:rPr>
            <w:rFonts w:ascii="Calibri" w:eastAsia="Calibri" w:hAnsi="Calibri" w:cs="Calibri"/>
            <w:sz w:val="20"/>
            <w:szCs w:val="20"/>
          </w:rPr>
          <w:delText xml:space="preserve"> </w:delText>
        </w:r>
      </w:del>
    </w:p>
    <w:p w14:paraId="43772606" w14:textId="77777777" w:rsidR="00CF54CB" w:rsidRDefault="00344004">
      <w:pPr>
        <w:numPr>
          <w:ilvl w:val="0"/>
          <w:numId w:val="39"/>
        </w:numPr>
        <w:spacing w:after="27" w:line="269" w:lineRule="auto"/>
        <w:jc w:val="left"/>
      </w:pPr>
      <w:r>
        <w:rPr>
          <w:rFonts w:ascii="Century Schoolbook" w:eastAsia="Century Schoolbook" w:hAnsi="Century Schoolbook" w:cs="Century Schoolbook"/>
          <w:sz w:val="16"/>
          <w:szCs w:val="16"/>
        </w:rPr>
        <w:t xml:space="preserve">15 Pa.Cons.Stat. §§ 1951-1960 (1995), effective in 1989; Tex.Bus.Corp.Act § 5.01 </w:t>
      </w:r>
      <w:r>
        <w:rPr>
          <w:rFonts w:ascii="Century Schoolbook" w:eastAsia="Century Schoolbook" w:hAnsi="Century Schoolbook" w:cs="Century Schoolbook"/>
          <w:i/>
          <w:sz w:val="16"/>
          <w:szCs w:val="16"/>
        </w:rPr>
        <w:t xml:space="preserve">et seq. </w:t>
      </w:r>
      <w:r>
        <w:rPr>
          <w:rFonts w:ascii="Century Schoolbook" w:eastAsia="Century Schoolbook" w:hAnsi="Century Schoolbook" w:cs="Century Schoolbook"/>
          <w:sz w:val="16"/>
          <w:szCs w:val="16"/>
        </w:rPr>
        <w:t>(Vernon Supp. 1990), effective in 1989.</w:t>
      </w:r>
      <w:r>
        <w:rPr>
          <w:rFonts w:ascii="Calibri" w:eastAsia="Calibri" w:hAnsi="Calibri" w:cs="Calibri"/>
          <w:sz w:val="20"/>
          <w:szCs w:val="20"/>
        </w:rPr>
        <w:t xml:space="preserve"> </w:t>
      </w:r>
    </w:p>
    <w:p w14:paraId="4CFA88A0" w14:textId="77777777" w:rsidR="00CF54CB" w:rsidRDefault="00344004">
      <w:pPr>
        <w:numPr>
          <w:ilvl w:val="0"/>
          <w:numId w:val="39"/>
        </w:numPr>
        <w:spacing w:after="27" w:line="269" w:lineRule="auto"/>
        <w:jc w:val="left"/>
      </w:pPr>
      <w:r>
        <w:rPr>
          <w:rFonts w:ascii="Century Schoolbook" w:eastAsia="Century Schoolbook" w:hAnsi="Century Schoolbook" w:cs="Century Schoolbook"/>
          <w:sz w:val="16"/>
          <w:szCs w:val="16"/>
        </w:rPr>
        <w:t>The Insurance Holding Company System Regulatory Act (Holding Company Act) adopted by the NAIC is enacted in some form in 48 states.</w:t>
      </w:r>
      <w:r>
        <w:rPr>
          <w:rFonts w:ascii="Calibri" w:eastAsia="Calibri" w:hAnsi="Calibri" w:cs="Calibri"/>
          <w:sz w:val="20"/>
          <w:szCs w:val="20"/>
        </w:rPr>
        <w:t xml:space="preserve"> </w:t>
      </w:r>
    </w:p>
    <w:p w14:paraId="425830CD" w14:textId="77777777" w:rsidR="00CF54CB" w:rsidRDefault="00344004">
      <w:pPr>
        <w:spacing w:after="188"/>
        <w:ind w:left="2160" w:right="20" w:firstLine="6"/>
      </w:pPr>
      <w:r>
        <w:t xml:space="preserve">Certain aspects of an LBR may be subject to the Holding Company Act even though the act does not explicitly address LBRs. An LBR may be subject to review by the </w:t>
      </w:r>
      <w:r>
        <w:lastRenderedPageBreak/>
        <w:t>regulatory authority under the Holding Company Act if the insurer is a member of an insurance holding company system. For example, if an LBR results in a change of control</w:t>
      </w:r>
      <w:r>
        <w:rPr>
          <w:rFonts w:ascii="ZWAdobeF" w:eastAsia="ZWAdobeF" w:hAnsi="ZWAdobeF" w:cs="ZWAdobeF"/>
          <w:sz w:val="2"/>
          <w:szCs w:val="2"/>
        </w:rPr>
        <w:t>32F</w:t>
      </w:r>
      <w:r>
        <w:rPr>
          <w:vertAlign w:val="superscript"/>
        </w:rPr>
        <w:footnoteReference w:id="38"/>
      </w:r>
      <w:r>
        <w:rPr>
          <w:sz w:val="37"/>
          <w:szCs w:val="37"/>
          <w:vertAlign w:val="superscript"/>
        </w:rPr>
        <w:t xml:space="preserve"> </w:t>
      </w:r>
      <w:r>
        <w:t>of a domestic insurer, the transaction must be pre-approved by the regulatory authority in accordance with certain stated criteria.</w:t>
      </w:r>
      <w:r>
        <w:rPr>
          <w:rFonts w:ascii="ZWAdobeF" w:eastAsia="ZWAdobeF" w:hAnsi="ZWAdobeF" w:cs="ZWAdobeF"/>
          <w:sz w:val="2"/>
          <w:szCs w:val="2"/>
        </w:rPr>
        <w:t>33F</w:t>
      </w:r>
      <w:r>
        <w:rPr>
          <w:vertAlign w:val="superscript"/>
        </w:rPr>
        <w:footnoteReference w:id="39"/>
      </w:r>
      <w:r>
        <w:rPr>
          <w:sz w:val="37"/>
          <w:szCs w:val="37"/>
          <w:vertAlign w:val="superscript"/>
        </w:rPr>
        <w:t xml:space="preserve"> </w:t>
      </w:r>
    </w:p>
    <w:p w14:paraId="4C54F7AC" w14:textId="77777777" w:rsidR="00CF54CB" w:rsidRDefault="00344004">
      <w:pPr>
        <w:spacing w:after="267"/>
        <w:ind w:left="2160" w:right="18" w:firstLine="6"/>
      </w:pPr>
      <w:r>
        <w:t>In addition, the Holding Company Act governs transactions between the domestic insurer and other members of the insurance holding company system even if there is no change in control.</w:t>
      </w:r>
      <w:r>
        <w:rPr>
          <w:rFonts w:ascii="ZWAdobeF" w:eastAsia="ZWAdobeF" w:hAnsi="ZWAdobeF" w:cs="ZWAdobeF"/>
          <w:sz w:val="2"/>
          <w:szCs w:val="2"/>
        </w:rPr>
        <w:t>34F</w:t>
      </w:r>
      <w:r>
        <w:rPr>
          <w:vertAlign w:val="superscript"/>
        </w:rPr>
        <w:footnoteReference w:id="40"/>
      </w:r>
      <w:r>
        <w:rPr>
          <w:sz w:val="37"/>
          <w:szCs w:val="37"/>
          <w:vertAlign w:val="superscript"/>
        </w:rPr>
        <w:t xml:space="preserve"> </w:t>
      </w:r>
      <w:r>
        <w:t xml:space="preserve">Some of these transactions trigger advance notification to the regulatory authority depending upon the nature and extent of the transaction. All of these transactions must be on terms that are fair and reasonable. An LBR will probably be subject to these requirements of the Holding Company Act if intercompany agreements such as management agreements, reinsurance agreements or tax allocation agreements are affected. </w:t>
      </w:r>
    </w:p>
    <w:p w14:paraId="72AE5B19" w14:textId="77777777" w:rsidR="00CF54CB" w:rsidRDefault="00344004">
      <w:pPr>
        <w:spacing w:after="226"/>
        <w:ind w:left="2160" w:right="23" w:firstLine="6"/>
      </w:pPr>
      <w:r>
        <w:t>Finally, the Holding Company Act also governs dividends or distributions by a domestic insurer. For example, if an extraordinary dividend or distribution is part of an LBR, the prior approval of the regulatory authority may be required.</w:t>
      </w:r>
      <w:r>
        <w:rPr>
          <w:vertAlign w:val="superscript"/>
        </w:rPr>
        <w:t>8</w:t>
      </w:r>
      <w:r>
        <w:rPr>
          <w:sz w:val="37"/>
          <w:szCs w:val="37"/>
          <w:vertAlign w:val="superscript"/>
        </w:rPr>
        <w:t xml:space="preserve"> </w:t>
      </w:r>
    </w:p>
    <w:p w14:paraId="25E9B137" w14:textId="77777777" w:rsidR="00CF54CB" w:rsidRDefault="00344004">
      <w:pPr>
        <w:numPr>
          <w:ilvl w:val="2"/>
          <w:numId w:val="41"/>
        </w:numPr>
        <w:spacing w:after="260"/>
        <w:ind w:hanging="720"/>
      </w:pPr>
      <w:r>
        <w:rPr>
          <w:b/>
        </w:rPr>
        <w:t>Examination Law</w:t>
      </w:r>
    </w:p>
    <w:p w14:paraId="11404A73" w14:textId="77777777" w:rsidR="00CF54CB" w:rsidRDefault="00344004">
      <w:pPr>
        <w:spacing w:after="299"/>
        <w:ind w:left="2160" w:right="21" w:firstLine="6"/>
      </w:pPr>
      <w:r>
        <w:t>All states have examination statutes that provide the authority and responsibility to conduct examinations of insurers to determine their financial condition and compliance with insurance laws and regulations. This authority includes targeted examinations triggered by a wide array of events such as deteriorating financial condition, risk-based capital results, financial analysis results, financial ratios and LBRs. Generally, a periodic examination of insurers is contemplated; however: the regulatory authority may also conduct an examination as often as deemed appropriate.</w:t>
      </w:r>
      <w:r>
        <w:rPr>
          <w:rFonts w:ascii="ZWAdobeF" w:eastAsia="ZWAdobeF" w:hAnsi="ZWAdobeF" w:cs="ZWAdobeF"/>
          <w:sz w:val="2"/>
          <w:szCs w:val="2"/>
        </w:rPr>
        <w:t>35F</w:t>
      </w:r>
      <w:r>
        <w:rPr>
          <w:vertAlign w:val="superscript"/>
        </w:rPr>
        <w:footnoteReference w:id="41"/>
      </w:r>
      <w:r>
        <w:rPr>
          <w:sz w:val="37"/>
          <w:szCs w:val="37"/>
          <w:vertAlign w:val="superscript"/>
        </w:rPr>
        <w:t xml:space="preserve"> </w:t>
      </w:r>
      <w:r>
        <w:t>The regulatory authority has the discretion within statutory confinesto determine the scheduling, nature and scope of an examination. The regulatory authority is also granted examination powers under the Holding Company Act.</w:t>
      </w:r>
      <w:r>
        <w:rPr>
          <w:rFonts w:ascii="ZWAdobeF" w:eastAsia="ZWAdobeF" w:hAnsi="ZWAdobeF" w:cs="ZWAdobeF"/>
          <w:sz w:val="2"/>
          <w:szCs w:val="2"/>
        </w:rPr>
        <w:t>36F</w:t>
      </w:r>
      <w:r>
        <w:rPr>
          <w:vertAlign w:val="superscript"/>
        </w:rPr>
        <w:footnoteReference w:id="42"/>
      </w:r>
      <w:r>
        <w:t xml:space="preserve"> </w:t>
      </w:r>
    </w:p>
    <w:p w14:paraId="6A74CB7B" w14:textId="77777777" w:rsidR="00CF54CB" w:rsidRDefault="00344004">
      <w:pPr>
        <w:spacing w:after="261"/>
        <w:ind w:left="2160" w:right="20" w:firstLine="6"/>
      </w:pPr>
      <w:r>
        <w:t>Generally, the regulatory authority may retain attorneys, appraisers, actuaries, certified public accountants, loss-reserve specialists, investment bankers or other professionals and specialists at the cost of the insurer being examined.</w:t>
      </w:r>
      <w:r>
        <w:rPr>
          <w:vertAlign w:val="superscript"/>
        </w:rPr>
        <w:t>11</w:t>
      </w:r>
      <w:r>
        <w:rPr>
          <w:sz w:val="37"/>
          <w:szCs w:val="37"/>
          <w:vertAlign w:val="superscript"/>
        </w:rPr>
        <w:t xml:space="preserve"> </w:t>
      </w:r>
      <w:r>
        <w:t xml:space="preserve">Given the </w:t>
      </w:r>
      <w:r>
        <w:lastRenderedPageBreak/>
        <w:t xml:space="preserve">extraordinary nature and complexity of LBRs, it is essential that the regulatory authority have the ability to contract for the services of all experts and specialists deemed necessary and to assess such costs to the insurer. </w:t>
      </w:r>
    </w:p>
    <w:p w14:paraId="1DAF263F" w14:textId="77777777" w:rsidR="00CF54CB" w:rsidRDefault="00344004">
      <w:pPr>
        <w:spacing w:after="301"/>
        <w:ind w:left="0" w:right="18" w:firstLine="7"/>
      </w:pPr>
      <w:r>
        <w:t>The examination statutes generally provide for the confidentiality of all workpapers, recorded information and documents obtained by, or disclosed to, the regulatory authority in the course of an examination and that these materials may not be made public, subject to some limited exceptions.</w:t>
      </w:r>
      <w:r>
        <w:rPr>
          <w:rFonts w:ascii="ZWAdobeF" w:eastAsia="ZWAdobeF" w:hAnsi="ZWAdobeF" w:cs="ZWAdobeF"/>
          <w:sz w:val="2"/>
          <w:szCs w:val="2"/>
        </w:rPr>
        <w:t>37F</w:t>
      </w:r>
      <w:r>
        <w:rPr>
          <w:vertAlign w:val="superscript"/>
        </w:rPr>
        <w:footnoteReference w:id="43"/>
      </w:r>
      <w:r>
        <w:rPr>
          <w:sz w:val="37"/>
          <w:szCs w:val="37"/>
          <w:vertAlign w:val="superscript"/>
        </w:rPr>
        <w:t xml:space="preserve"> </w:t>
      </w:r>
      <w:r>
        <w:t xml:space="preserve">The examination authority under the Holding Company Act contains a similar provision regarding confidentiality of examination materials. These confidentiality provisions are necessary for the regulatory authority to conduct a thorough examination. The examination statutes provide the regulatory authority an important tool to evaluate LBRs, but the examination law prevents the regulatory authority from disclosing examination documents that might be of interest to policyholders. (See § 5(B)(4)). </w:t>
      </w:r>
    </w:p>
    <w:p w14:paraId="635AFC53" w14:textId="77777777" w:rsidR="00CF54CB" w:rsidRDefault="00344004">
      <w:pPr>
        <w:numPr>
          <w:ilvl w:val="2"/>
          <w:numId w:val="41"/>
        </w:numPr>
        <w:spacing w:after="260"/>
        <w:ind w:hanging="720"/>
      </w:pPr>
      <w:r>
        <w:rPr>
          <w:b/>
        </w:rPr>
        <w:t>Other Laws</w:t>
      </w:r>
    </w:p>
    <w:p w14:paraId="348EFA42" w14:textId="77777777" w:rsidR="00CF54CB" w:rsidRDefault="00344004">
      <w:pPr>
        <w:spacing w:after="306"/>
        <w:ind w:left="2160" w:right="20" w:firstLine="6"/>
      </w:pPr>
      <w:r>
        <w:t>Other insurance regulatory laws that may need to be considered regarding an LBR relate to the orderly withdrawal from insurance business in the state,</w:t>
      </w:r>
      <w:r>
        <w:rPr>
          <w:rFonts w:ascii="ZWAdobeF" w:eastAsia="ZWAdobeF" w:hAnsi="ZWAdobeF" w:cs="ZWAdobeF"/>
          <w:sz w:val="2"/>
          <w:szCs w:val="2"/>
        </w:rPr>
        <w:t>38F</w:t>
      </w:r>
      <w:r>
        <w:rPr>
          <w:vertAlign w:val="superscript"/>
        </w:rPr>
        <w:footnoteReference w:id="44"/>
      </w:r>
      <w:r>
        <w:rPr>
          <w:sz w:val="37"/>
          <w:szCs w:val="37"/>
          <w:vertAlign w:val="superscript"/>
        </w:rPr>
        <w:t xml:space="preserve"> </w:t>
      </w:r>
      <w:r>
        <w:t>demutualization, or redomestication</w:t>
      </w:r>
      <w:r>
        <w:rPr>
          <w:rFonts w:ascii="ZWAdobeF" w:eastAsia="ZWAdobeF" w:hAnsi="ZWAdobeF" w:cs="ZWAdobeF"/>
          <w:sz w:val="2"/>
          <w:szCs w:val="2"/>
        </w:rPr>
        <w:t>39F</w:t>
      </w:r>
      <w:r>
        <w:rPr>
          <w:vertAlign w:val="superscript"/>
        </w:rPr>
        <w:footnoteReference w:id="45"/>
      </w:r>
      <w:r>
        <w:rPr>
          <w:sz w:val="37"/>
          <w:szCs w:val="37"/>
          <w:vertAlign w:val="superscript"/>
        </w:rPr>
        <w:t xml:space="preserve"> </w:t>
      </w:r>
      <w:r>
        <w:t xml:space="preserve">of the insurer to another state. Issues regarding guaranty fund coverage and assumption reinsurance requirements deserve special consideration and are discussed in separate sections of this paper. Other insurance laws and regulations may need to be considered in connection with an LBR. Therefore, it is important to evaluate all the ramifications of an LBR and the component steps and transactions necessary to achieve the LBR. This may involve regulatory issues not identified in this paper. </w:t>
      </w:r>
    </w:p>
    <w:p w14:paraId="6C238459" w14:textId="77777777" w:rsidR="00CF54CB" w:rsidRDefault="00344004">
      <w:pPr>
        <w:numPr>
          <w:ilvl w:val="1"/>
          <w:numId w:val="39"/>
        </w:numPr>
        <w:spacing w:after="260"/>
        <w:ind w:hanging="720"/>
      </w:pPr>
      <w:r>
        <w:rPr>
          <w:b/>
        </w:rPr>
        <w:t>Due Process</w:t>
      </w:r>
    </w:p>
    <w:p w14:paraId="29994A63" w14:textId="77777777" w:rsidR="00CF54CB" w:rsidRDefault="00344004">
      <w:pPr>
        <w:spacing w:after="271"/>
        <w:ind w:left="720" w:right="22" w:firstLine="7"/>
      </w:pPr>
      <w:r>
        <w:t xml:space="preserve">What do the concepts of due process and equal protection mean in the context of the review of an LBR by the regulatory authority? The requirements of due process and equal protection are triggered by action of the state through its authorized governmental agencies. The concept of due process includes both procedural and substantive aspects. Procedural due process concerns the right of interested parties to notice and the opportunity to be heard. Substantive due process requires that government action be based on legislation that is within the scope of legislative authority and reasonably related to the purpose of the legislation. Not every proposed LBR will affect private interests to the extent that the requirements of due process and equal protection will be applicable. </w:t>
      </w:r>
    </w:p>
    <w:p w14:paraId="78C77BC6" w14:textId="77777777" w:rsidR="00CF54CB" w:rsidRDefault="00344004">
      <w:pPr>
        <w:ind w:left="720" w:right="20" w:firstLine="7"/>
      </w:pPr>
      <w:r>
        <w:t xml:space="preserve">The regulatory authority should consider the persons whose interests are affected by a proposed LBR and who is entitled to notice and the opportunity to be heard. The regulatory authority should </w:t>
      </w:r>
      <w:r>
        <w:lastRenderedPageBreak/>
        <w:t>consider whether a public hearing concerning the LBR is required or should be held.</w:t>
      </w:r>
      <w:r>
        <w:rPr>
          <w:rFonts w:ascii="ZWAdobeF" w:eastAsia="ZWAdobeF" w:hAnsi="ZWAdobeF" w:cs="ZWAdobeF"/>
          <w:sz w:val="2"/>
          <w:szCs w:val="2"/>
        </w:rPr>
        <w:t>40F</w:t>
      </w:r>
      <w:r>
        <w:rPr>
          <w:vertAlign w:val="superscript"/>
        </w:rPr>
        <w:footnoteReference w:id="46"/>
      </w:r>
      <w:r>
        <w:t xml:space="preserve"> </w:t>
      </w:r>
      <w:r>
        <w:rPr>
          <w:sz w:val="37"/>
          <w:szCs w:val="37"/>
          <w:vertAlign w:val="superscript"/>
        </w:rPr>
        <w:t xml:space="preserve"> </w:t>
      </w:r>
      <w:r>
        <w:t xml:space="preserve">The regulatory authority should consider whether interested parties should be allowed to present evidence, call witnesses and cross-examine the witnesses of other parties. The regulatory authority should consider whether policyholder consent is necessary. </w:t>
      </w:r>
    </w:p>
    <w:p w14:paraId="17E44388" w14:textId="77777777" w:rsidR="00CF54CB" w:rsidRDefault="00344004">
      <w:pPr>
        <w:spacing w:after="304"/>
        <w:ind w:left="720" w:right="20" w:firstLine="7"/>
      </w:pPr>
      <w:r>
        <w:t>The regulatory authority should consider the information that should be disclosed and to whom disclosure should be made. The regulatory authority should consider the persons that may be aggrieved by its decision. These questions may well have their answers in general (</w:t>
      </w:r>
      <w:r>
        <w:rPr>
          <w:i/>
        </w:rPr>
        <w:t xml:space="preserve">i.e., </w:t>
      </w:r>
      <w:r>
        <w:t xml:space="preserve">noninsurance) administrative and state and federal constitutional law. If not, local law may govern policyholder relationships and rights. Finally, the regulatory authority should consider whether the action to be taken is reasonable under all the attendant circumstances. </w:t>
      </w:r>
    </w:p>
    <w:p w14:paraId="2AFF81C3" w14:textId="77777777" w:rsidR="00CF54CB" w:rsidRDefault="00344004">
      <w:pPr>
        <w:numPr>
          <w:ilvl w:val="1"/>
          <w:numId w:val="39"/>
        </w:numPr>
        <w:spacing w:after="260"/>
        <w:ind w:hanging="720"/>
      </w:pPr>
      <w:r>
        <w:rPr>
          <w:b/>
        </w:rPr>
        <w:t>Assumption Reinsurance</w:t>
      </w:r>
    </w:p>
    <w:p w14:paraId="2721E903" w14:textId="77777777" w:rsidR="00CF54CB" w:rsidRDefault="00344004">
      <w:pPr>
        <w:ind w:left="720" w:firstLine="7"/>
      </w:pPr>
      <w:r>
        <w:t xml:space="preserve">Corporate restructurings may be subject to the assumption reinsurance transactions statutes. The </w:t>
      </w:r>
    </w:p>
    <w:p w14:paraId="5AF4E364" w14:textId="77777777" w:rsidR="00CF54CB" w:rsidRDefault="00344004">
      <w:pPr>
        <w:spacing w:after="266"/>
        <w:ind w:left="720" w:right="19" w:firstLine="7"/>
      </w:pPr>
      <w:r>
        <w:t xml:space="preserve">Assumption Reinsurance Model Act was drafted by state insurance regulators and adopted by the NAIC Dec. 5, 1993. The model act establishes notice and disclosure requirements intended to protect consumers’ rights in an assumption reinsurance transaction. Under these statutes, insurers must seek prior approval from the regulatory authority for a transfer of business as well as notify all policyholders affected by the transfer. Policyholders must be informed that they have the right to reject the transfer. </w:t>
      </w:r>
    </w:p>
    <w:p w14:paraId="7FC46238" w14:textId="77777777" w:rsidR="00CF54CB" w:rsidRDefault="00344004">
      <w:pPr>
        <w:spacing w:after="266"/>
        <w:ind w:left="720" w:right="20" w:firstLine="7"/>
      </w:pPr>
      <w:r>
        <w:t xml:space="preserve">An assumption reinsurance agreement is any contract that both transfers insurance obligations and is intended to effect a novation of the transferred contract of insurance with the result that the assuming insurer becomes directly liable to the policyholders of the transferring insurer and the transferring insurer’s insurance obligations and/or risks under the contracts are extinguished. If the laws of the domiciliary states of both the transferring and assuming insurer contain provisions substantially similar to the model act, the assumption reinsurance transaction is subject to prior approval by both states’ regulatory authorities. If no substantially similar requirements exist, the transaction is subject to the prior approval of the regulatory authorities of the states in which affected policyholders reside. Policyholders receive a notice of transfer by mail and may reject or accept the transfer. If the policyholder does not respond, the policyholder will be deemed to have given implied consent and the novation of the contract will be effected. </w:t>
      </w:r>
    </w:p>
    <w:p w14:paraId="2BF8F7F4" w14:textId="77777777" w:rsidR="00CF54CB" w:rsidRDefault="00344004">
      <w:pPr>
        <w:spacing w:after="26"/>
        <w:ind w:left="720" w:right="20" w:firstLine="7"/>
      </w:pPr>
      <w:r>
        <w:t xml:space="preserve">The effect of an assumption reinsurance transaction is to relieve the transferring insurer of all related insurance obligations and to make the assuming insurer directly liable to the policyholder for the transferred risks. In addition, a domiciliary regulatory authority has the necessary discretion to effect a transfer and novation if an insurer is in hazardous financial condition and the transfer of its insurance contracts would be in the best interests of the policyholders. These statutes may also come into play if an insurer transfers business through bulk reinsurance or a contract of bulk reinsurance. Bulk reinsurance or a contract of bulk reinsurance is an agreement whereby one insurer cedes by an assumption reinsurance agreement a certain percentage of its business to another insurer. The </w:t>
      </w:r>
      <w:r>
        <w:lastRenderedPageBreak/>
        <w:t xml:space="preserve">transaction must be filed with and approved by the regulatory authority of the insurer’s state of domicile. </w:t>
      </w:r>
    </w:p>
    <w:p w14:paraId="094D1DFE" w14:textId="77777777" w:rsidR="00CF54CB" w:rsidRDefault="00344004">
      <w:pPr>
        <w:tabs>
          <w:tab w:val="center" w:pos="834"/>
          <w:tab w:val="center" w:pos="2539"/>
        </w:tabs>
        <w:spacing w:after="288"/>
        <w:ind w:left="0" w:firstLine="0"/>
        <w:jc w:val="left"/>
      </w:pPr>
      <w:r>
        <w:rPr>
          <w:rFonts w:ascii="Calibri" w:eastAsia="Calibri" w:hAnsi="Calibri" w:cs="Calibri"/>
          <w:sz w:val="22"/>
          <w:szCs w:val="22"/>
        </w:rPr>
        <w:tab/>
      </w:r>
      <w:r>
        <w:rPr>
          <w:b/>
        </w:rPr>
        <w:t>D.</w:t>
      </w:r>
      <w:r>
        <w:rPr>
          <w:b/>
        </w:rPr>
        <w:tab/>
        <w:t>Policyholder Consent</w:t>
      </w:r>
    </w:p>
    <w:p w14:paraId="6E843E49" w14:textId="77777777" w:rsidR="00CF54CB" w:rsidRDefault="00344004">
      <w:pPr>
        <w:spacing w:after="272" w:line="242" w:lineRule="auto"/>
        <w:ind w:left="720" w:right="59" w:firstLine="0"/>
        <w:jc w:val="left"/>
      </w:pPr>
      <w:r>
        <w:t>When a new agreement replaces an existing agreement, a novation has occurred.</w:t>
      </w:r>
      <w:r>
        <w:rPr>
          <w:rFonts w:ascii="ZWAdobeF" w:eastAsia="ZWAdobeF" w:hAnsi="ZWAdobeF" w:cs="ZWAdobeF"/>
          <w:sz w:val="2"/>
          <w:szCs w:val="2"/>
        </w:rPr>
        <w:t>41F</w:t>
      </w:r>
      <w:r>
        <w:rPr>
          <w:vertAlign w:val="superscript"/>
        </w:rPr>
        <w:footnoteReference w:id="47"/>
      </w:r>
      <w:r>
        <w:rPr>
          <w:sz w:val="37"/>
          <w:szCs w:val="37"/>
          <w:vertAlign w:val="superscript"/>
        </w:rPr>
        <w:t xml:space="preserve"> </w:t>
      </w:r>
      <w:r>
        <w:t>Because the Assumption Reinsurance Model Act specifically states that it is intended to provide for the regulation of assumption reinsurance transactions as novations of contracts,</w:t>
      </w:r>
      <w:r>
        <w:rPr>
          <w:vertAlign w:val="superscript"/>
        </w:rPr>
        <w:t>17</w:t>
      </w:r>
      <w:r>
        <w:rPr>
          <w:sz w:val="37"/>
          <w:szCs w:val="37"/>
          <w:vertAlign w:val="superscript"/>
        </w:rPr>
        <w:t xml:space="preserve"> </w:t>
      </w:r>
      <w:r>
        <w:t xml:space="preserve">general rules of contract law apply to any disputes arising under the assumption reinsurance agreements. </w:t>
      </w:r>
    </w:p>
    <w:p w14:paraId="62566C61" w14:textId="77777777" w:rsidR="00CF54CB" w:rsidRDefault="00344004">
      <w:pPr>
        <w:ind w:left="720" w:firstLine="7"/>
      </w:pPr>
      <w:r>
        <w:t xml:space="preserve">Many courts have found that the type of implied consent required by the Assumption Reinsurance </w:t>
      </w:r>
    </w:p>
    <w:p w14:paraId="2888BACD" w14:textId="77777777" w:rsidR="00CF54CB" w:rsidRDefault="00344004">
      <w:pPr>
        <w:spacing w:after="304"/>
        <w:ind w:left="720" w:right="22" w:firstLine="7"/>
      </w:pPr>
      <w:r>
        <w:t xml:space="preserve">Model Act is legally sufficient. For example, in </w:t>
      </w:r>
      <w:r>
        <w:rPr>
          <w:i/>
        </w:rPr>
        <w:t>State Dept. of Public Welfare v. Central Standard Life Ins. Co.</w:t>
      </w:r>
      <w:r>
        <w:t>,</w:t>
      </w:r>
      <w:r>
        <w:rPr>
          <w:vertAlign w:val="superscript"/>
        </w:rPr>
        <w:t>18</w:t>
      </w:r>
      <w:r>
        <w:rPr>
          <w:sz w:val="37"/>
          <w:szCs w:val="37"/>
          <w:vertAlign w:val="superscript"/>
        </w:rPr>
        <w:t xml:space="preserve"> </w:t>
      </w:r>
      <w:r>
        <w:t xml:space="preserve">the Supreme Court of Wisconsin found implied consent to an assumption agreement where the policyholder retained the original policy, was silent after receiving a certificate of assumption and subsequently paid 15 premiums to the assuming insurer. </w:t>
      </w:r>
    </w:p>
    <w:p w14:paraId="20732417" w14:textId="77777777" w:rsidR="00CF54CB" w:rsidRDefault="00344004">
      <w:pPr>
        <w:spacing w:after="265"/>
        <w:ind w:left="720" w:right="16" w:firstLine="7"/>
      </w:pPr>
      <w:r>
        <w:t xml:space="preserve">Furthermore, in </w:t>
      </w:r>
      <w:r>
        <w:rPr>
          <w:i/>
        </w:rPr>
        <w:t>Sawyer v. Sunset Mutual Life Insurance Co.</w:t>
      </w:r>
      <w:r>
        <w:t>,</w:t>
      </w:r>
      <w:r>
        <w:rPr>
          <w:vertAlign w:val="superscript"/>
        </w:rPr>
        <w:t>19</w:t>
      </w:r>
      <w:r>
        <w:rPr>
          <w:sz w:val="37"/>
          <w:szCs w:val="37"/>
          <w:vertAlign w:val="superscript"/>
        </w:rPr>
        <w:t xml:space="preserve"> </w:t>
      </w:r>
      <w:r>
        <w:t xml:space="preserve">the Supreme Court of California held that when an insured’s beneficiaries sued the insurer that had assumed the insured’s life insurance policy, “the bringing of suit is sufficient evidence of assent on the part of respondents to said agreement and undertaking.” </w:t>
      </w:r>
    </w:p>
    <w:p w14:paraId="7C3C431E" w14:textId="77777777" w:rsidR="00CF54CB" w:rsidRDefault="00344004">
      <w:pPr>
        <w:spacing w:after="303"/>
        <w:ind w:left="720" w:right="20" w:firstLine="7"/>
      </w:pPr>
      <w:r>
        <w:t xml:space="preserve">However, other courts have required express consent by the policyholder to an assumption reinsurance transaction. For example, in </w:t>
      </w:r>
      <w:r>
        <w:rPr>
          <w:i/>
        </w:rPr>
        <w:t>Security Benefit Life Ins. Co. v. Federal Deposit Insurance Corp.,</w:t>
      </w:r>
      <w:r>
        <w:rPr>
          <w:i/>
          <w:vertAlign w:val="superscript"/>
        </w:rPr>
        <w:t>20</w:t>
      </w:r>
      <w:r>
        <w:rPr>
          <w:sz w:val="37"/>
          <w:szCs w:val="37"/>
          <w:vertAlign w:val="superscript"/>
        </w:rPr>
        <w:t xml:space="preserve"> </w:t>
      </w:r>
      <w:r>
        <w:t xml:space="preserve">the U.S. District Court for the District of Kansas found that where a series of assumption reinsurance agreements was executed, the agreements were not enforceable without proof that the policyholder or at least one of its successors in interest consented to the novation. Acquiescence to the transaction did not constitute policyholder consent to the assumption reinsurance transaction. </w:t>
      </w:r>
    </w:p>
    <w:p w14:paraId="2EE7E204" w14:textId="77777777" w:rsidR="00CF54CB" w:rsidRDefault="00344004">
      <w:pPr>
        <w:spacing w:after="295"/>
        <w:ind w:left="720" w:right="21" w:firstLine="7"/>
      </w:pPr>
      <w:r>
        <w:t xml:space="preserve">In </w:t>
      </w:r>
      <w:r>
        <w:rPr>
          <w:i/>
        </w:rPr>
        <w:t>Travelers Indemnity Company v. Gillespie</w:t>
      </w:r>
      <w:r>
        <w:t>,</w:t>
      </w:r>
      <w:r>
        <w:rPr>
          <w:vertAlign w:val="superscript"/>
        </w:rPr>
        <w:t>21</w:t>
      </w:r>
      <w:r>
        <w:rPr>
          <w:sz w:val="37"/>
          <w:szCs w:val="37"/>
          <w:vertAlign w:val="superscript"/>
        </w:rPr>
        <w:t xml:space="preserve"> </w:t>
      </w:r>
      <w:r>
        <w:t xml:space="preserve">the Supreme Court of California stated that even when an insurer obtained reinsurance and assumption agreements pursuant to the state’s withdrawal statute, policyholder consent to the transaction was still required. </w:t>
      </w:r>
    </w:p>
    <w:p w14:paraId="10D680B5" w14:textId="77777777" w:rsidR="00CF54CB" w:rsidRDefault="00344004">
      <w:pPr>
        <w:spacing w:after="577"/>
        <w:ind w:left="720" w:right="17" w:firstLine="7"/>
      </w:pPr>
      <w:r>
        <w:t xml:space="preserve">In </w:t>
      </w:r>
      <w:r>
        <w:rPr>
          <w:i/>
        </w:rPr>
        <w:t>Prucha v. Guarantee Reserve Life Ins. Co.,</w:t>
      </w:r>
      <w:r>
        <w:rPr>
          <w:i/>
          <w:vertAlign w:val="superscript"/>
        </w:rPr>
        <w:t>22</w:t>
      </w:r>
      <w:r>
        <w:rPr>
          <w:sz w:val="37"/>
          <w:szCs w:val="37"/>
          <w:vertAlign w:val="superscript"/>
        </w:rPr>
        <w:t xml:space="preserve"> </w:t>
      </w:r>
      <w:r>
        <w:t xml:space="preserve">the policyholder wrote to his insurer and said he did not consent to the transfer of his policy to another insurer through an assumption reinsurance agreement, but he paid premiums to the new company. The Court of Appeal of Florida, Third District, found that the policyholder’s payment of premiums did not constitute implied consent to the novation because the policyholder had no opportunity to consent and his premium payments were merely an effort to protect his investment. </w:t>
      </w:r>
    </w:p>
    <w:p w14:paraId="10145DA6" w14:textId="77777777" w:rsidR="00CF54CB" w:rsidRDefault="00344004">
      <w:pPr>
        <w:tabs>
          <w:tab w:val="center" w:pos="826"/>
          <w:tab w:val="center" w:pos="3174"/>
        </w:tabs>
        <w:spacing w:after="260"/>
        <w:ind w:left="0" w:firstLine="0"/>
        <w:jc w:val="left"/>
      </w:pPr>
      <w:r>
        <w:rPr>
          <w:rFonts w:ascii="Calibri" w:eastAsia="Calibri" w:hAnsi="Calibri" w:cs="Calibri"/>
          <w:sz w:val="22"/>
          <w:szCs w:val="22"/>
        </w:rPr>
        <w:tab/>
      </w:r>
      <w:r>
        <w:rPr>
          <w:b/>
        </w:rPr>
        <w:t>E.</w:t>
      </w:r>
      <w:r>
        <w:rPr>
          <w:b/>
        </w:rPr>
        <w:tab/>
        <w:t>Rights of Other Interested Parties</w:t>
      </w:r>
    </w:p>
    <w:p w14:paraId="78595E20" w14:textId="77777777" w:rsidR="00CF54CB" w:rsidRDefault="00344004">
      <w:pPr>
        <w:ind w:left="720" w:right="29" w:firstLine="7"/>
      </w:pPr>
      <w:r>
        <w:lastRenderedPageBreak/>
        <w:t xml:space="preserve">What persons have an interest in a proposed LBR in addition to policyholders and insurance regulators in non-domiciliary states? Guaranty funds have an interest in the approval of LBRs because they may be called upon to step in and pay claims if the restructured entity is subsequently </w:t>
      </w:r>
    </w:p>
    <w:p w14:paraId="177CF401" w14:textId="77777777" w:rsidR="00CF54CB" w:rsidRDefault="00344004">
      <w:pPr>
        <w:spacing w:after="142" w:line="259" w:lineRule="auto"/>
        <w:ind w:left="0" w:firstLine="0"/>
        <w:jc w:val="left"/>
      </w:pPr>
      <w:r>
        <w:rPr>
          <w:rFonts w:ascii="Calibri" w:eastAsia="Calibri" w:hAnsi="Calibri" w:cs="Calibri"/>
          <w:noProof/>
          <w:sz w:val="22"/>
          <w:szCs w:val="22"/>
        </w:rPr>
        <mc:AlternateContent>
          <mc:Choice Requires="wpg">
            <w:drawing>
              <wp:inline distT="0" distB="0" distL="0" distR="0" wp14:anchorId="396A0ACB" wp14:editId="342CE2B7">
                <wp:extent cx="1828800" cy="9144"/>
                <wp:effectExtent l="0" t="0" r="0" b="0"/>
                <wp:docPr id="117631" name="Group 117631" descr="P374#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32" name="Group 117632"/>
                        <wpg:cNvGrpSpPr/>
                        <wpg:grpSpPr>
                          <a:xfrm>
                            <a:off x="4431600" y="3775428"/>
                            <a:ext cx="1828800" cy="9144"/>
                            <a:chOff x="0" y="0"/>
                            <a:chExt cx="1828800" cy="9144"/>
                          </a:xfrm>
                        </wpg:grpSpPr>
                        <wps:wsp>
                          <wps:cNvPr id="117633" name="Rectangle 117633"/>
                          <wps:cNvSpPr/>
                          <wps:spPr>
                            <a:xfrm>
                              <a:off x="0" y="0"/>
                              <a:ext cx="1828800" cy="9125"/>
                            </a:xfrm>
                            <a:prstGeom prst="rect">
                              <a:avLst/>
                            </a:prstGeom>
                            <a:noFill/>
                            <a:ln>
                              <a:noFill/>
                            </a:ln>
                          </wps:spPr>
                          <wps:txbx>
                            <w:txbxContent>
                              <w:p w14:paraId="1983E8EB"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34" name="Freeform: Shape 117634"/>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396A0ACB" id="Group 117631" o:spid="_x0000_s1264" alt="P374#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">
                <v:group id="Group 117632" o:spid="_x0000_s1265"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">
                  <v:rect id="Rectangle 117633" o:spid="_x0000_s1266"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" filled="f" stroked="f">
                    <v:textbox inset="2.53958mm,2.53958mm,2.53958mm,2.53958mm">
                      <w:txbxContent>
                        <w:p w14:paraId="1983E8EB" w14:textId="77777777" w:rsidR="00CF54CB" w:rsidRDefault="00CF54CB">
                          <w:pPr>
                            <w:spacing w:after="0" w:line="240" w:lineRule="auto"/>
                            <w:ind w:left="0" w:firstLine="0"/>
                            <w:jc w:val="left"/>
                            <w:textDirection w:val="btLr"/>
                          </w:pPr>
                        </w:p>
                      </w:txbxContent>
                    </v:textbox>
                  </v:rect>
                  <v:shape id="Freeform: Shape 117634" o:spid="_x0000_s1267"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" path="m,l1828800,r,9144l,9144,,e" fillcolor="black" stroked="f">
                    <v:path arrowok="t" o:extrusionok="f"/>
                  </v:shape>
                </v:group>
                <w10:anchorlock/>
              </v:group>
            </w:pict>
          </mc:Fallback>
        </mc:AlternateContent>
      </w:r>
    </w:p>
    <w:p w14:paraId="2FA97FF0" w14:textId="77777777" w:rsidR="00CF54CB" w:rsidRDefault="00344004">
      <w:pPr>
        <w:spacing w:after="58" w:line="269" w:lineRule="auto"/>
        <w:ind w:left="-5" w:right="465" w:hanging="10"/>
        <w:jc w:val="left"/>
      </w:pPr>
      <w:r>
        <w:rPr>
          <w:rFonts w:ascii="Century Schoolbook" w:eastAsia="Century Schoolbook" w:hAnsi="Century Schoolbook" w:cs="Century Schoolbook"/>
          <w:sz w:val="16"/>
          <w:szCs w:val="16"/>
        </w:rPr>
        <w:t>obligation for an existing one, between the same or different parties…. A novation substitutes a new party and discharges one of the original parties to a contract by agreement of all parties….”</w:t>
      </w:r>
      <w:r>
        <w:rPr>
          <w:rFonts w:ascii="Calibri" w:eastAsia="Calibri" w:hAnsi="Calibri" w:cs="Calibri"/>
          <w:sz w:val="20"/>
          <w:szCs w:val="20"/>
        </w:rPr>
        <w:t xml:space="preserve"> </w:t>
      </w:r>
      <w:r>
        <w:rPr>
          <w:rFonts w:ascii="Calibri" w:eastAsia="Calibri" w:hAnsi="Calibri" w:cs="Calibri"/>
          <w:sz w:val="20"/>
          <w:szCs w:val="20"/>
          <w:vertAlign w:val="superscript"/>
        </w:rPr>
        <w:t>17</w:t>
      </w:r>
      <w:r>
        <w:rPr>
          <w:rFonts w:ascii="Calibri" w:eastAsia="Calibri" w:hAnsi="Calibri" w:cs="Calibri"/>
          <w:sz w:val="20"/>
          <w:szCs w:val="20"/>
        </w:rPr>
        <w:t xml:space="preserve"> </w:t>
      </w:r>
      <w:r>
        <w:rPr>
          <w:rFonts w:ascii="Century Schoolbook" w:eastAsia="Century Schoolbook" w:hAnsi="Century Schoolbook" w:cs="Century Schoolbook"/>
          <w:sz w:val="16"/>
          <w:szCs w:val="16"/>
        </w:rPr>
        <w:t>NAIC Assumption Reinsurance Model Act § 1 (1993).</w:t>
      </w:r>
      <w:r>
        <w:rPr>
          <w:rFonts w:ascii="Calibri" w:eastAsia="Calibri" w:hAnsi="Calibri" w:cs="Calibri"/>
          <w:sz w:val="20"/>
          <w:szCs w:val="20"/>
        </w:rPr>
        <w:t xml:space="preserve"> </w:t>
      </w:r>
    </w:p>
    <w:p w14:paraId="149DEF29" w14:textId="77777777" w:rsidR="00CF54CB" w:rsidRDefault="00344004">
      <w:pPr>
        <w:numPr>
          <w:ilvl w:val="0"/>
          <w:numId w:val="42"/>
        </w:numPr>
        <w:spacing w:after="51" w:line="259" w:lineRule="auto"/>
        <w:jc w:val="left"/>
      </w:pPr>
      <w:r>
        <w:rPr>
          <w:rFonts w:ascii="Century Schoolbook" w:eastAsia="Century Schoolbook" w:hAnsi="Century Schoolbook" w:cs="Century Schoolbook"/>
          <w:i/>
          <w:sz w:val="16"/>
          <w:szCs w:val="16"/>
        </w:rPr>
        <w:t xml:space="preserve">State Dept. of Public Welfare v. Central Standard Life Ins. Co., </w:t>
      </w:r>
      <w:r>
        <w:rPr>
          <w:rFonts w:ascii="Century Schoolbook" w:eastAsia="Century Schoolbook" w:hAnsi="Century Schoolbook" w:cs="Century Schoolbook"/>
          <w:sz w:val="16"/>
          <w:szCs w:val="16"/>
        </w:rPr>
        <w:t>120 N.W.2d 687 (Wis. 1963).</w:t>
      </w:r>
      <w:r>
        <w:rPr>
          <w:rFonts w:ascii="Calibri" w:eastAsia="Calibri" w:hAnsi="Calibri" w:cs="Calibri"/>
          <w:sz w:val="20"/>
          <w:szCs w:val="20"/>
        </w:rPr>
        <w:t xml:space="preserve"> </w:t>
      </w:r>
    </w:p>
    <w:p w14:paraId="09ECAAA0" w14:textId="77777777" w:rsidR="00CF54CB" w:rsidRDefault="00344004">
      <w:pPr>
        <w:numPr>
          <w:ilvl w:val="0"/>
          <w:numId w:val="42"/>
        </w:numPr>
        <w:spacing w:after="51" w:line="259" w:lineRule="auto"/>
        <w:jc w:val="left"/>
      </w:pPr>
      <w:r>
        <w:rPr>
          <w:rFonts w:ascii="Century Schoolbook" w:eastAsia="Century Schoolbook" w:hAnsi="Century Schoolbook" w:cs="Century Schoolbook"/>
          <w:i/>
          <w:sz w:val="16"/>
          <w:szCs w:val="16"/>
        </w:rPr>
        <w:t xml:space="preserve">Sawyer v. Sunset Mutual Life Insurance Co., </w:t>
      </w:r>
      <w:r>
        <w:rPr>
          <w:rFonts w:ascii="Century Schoolbook" w:eastAsia="Century Schoolbook" w:hAnsi="Century Schoolbook" w:cs="Century Schoolbook"/>
          <w:sz w:val="16"/>
          <w:szCs w:val="16"/>
        </w:rPr>
        <w:t>66 P.2d 641 (Cal. 1937).</w:t>
      </w:r>
      <w:r>
        <w:rPr>
          <w:rFonts w:ascii="Calibri" w:eastAsia="Calibri" w:hAnsi="Calibri" w:cs="Calibri"/>
          <w:sz w:val="20"/>
          <w:szCs w:val="20"/>
        </w:rPr>
        <w:t xml:space="preserve"> </w:t>
      </w:r>
    </w:p>
    <w:p w14:paraId="575A6E7A" w14:textId="77777777" w:rsidR="00CF54CB" w:rsidRDefault="00344004">
      <w:pPr>
        <w:numPr>
          <w:ilvl w:val="0"/>
          <w:numId w:val="42"/>
        </w:numPr>
        <w:spacing w:after="51" w:line="259" w:lineRule="auto"/>
        <w:jc w:val="left"/>
      </w:pPr>
      <w:r>
        <w:rPr>
          <w:rFonts w:ascii="Century Schoolbook" w:eastAsia="Century Schoolbook" w:hAnsi="Century Schoolbook" w:cs="Century Schoolbook"/>
          <w:i/>
          <w:sz w:val="16"/>
          <w:szCs w:val="16"/>
        </w:rPr>
        <w:t xml:space="preserve">Security Benefit Life Ins. Co. v. Federal Deposit Insurance Corp., </w:t>
      </w:r>
      <w:r>
        <w:rPr>
          <w:rFonts w:ascii="Century Schoolbook" w:eastAsia="Century Schoolbook" w:hAnsi="Century Schoolbook" w:cs="Century Schoolbook"/>
          <w:sz w:val="16"/>
          <w:szCs w:val="16"/>
        </w:rPr>
        <w:t>804 F.Supp. 217 (D.Kan. 1992).</w:t>
      </w:r>
      <w:r>
        <w:rPr>
          <w:rFonts w:ascii="Calibri" w:eastAsia="Calibri" w:hAnsi="Calibri" w:cs="Calibri"/>
          <w:sz w:val="20"/>
          <w:szCs w:val="20"/>
        </w:rPr>
        <w:t xml:space="preserve"> </w:t>
      </w:r>
    </w:p>
    <w:p w14:paraId="434D1A8F" w14:textId="77777777" w:rsidR="00CF54CB" w:rsidRDefault="00344004">
      <w:pPr>
        <w:numPr>
          <w:ilvl w:val="0"/>
          <w:numId w:val="42"/>
        </w:numPr>
        <w:spacing w:after="51" w:line="259" w:lineRule="auto"/>
        <w:jc w:val="left"/>
      </w:pPr>
      <w:r>
        <w:rPr>
          <w:rFonts w:ascii="Century Schoolbook" w:eastAsia="Century Schoolbook" w:hAnsi="Century Schoolbook" w:cs="Century Schoolbook"/>
          <w:i/>
          <w:sz w:val="16"/>
          <w:szCs w:val="16"/>
        </w:rPr>
        <w:t xml:space="preserve">Travelers Indemnity Company v. Gillespie, </w:t>
      </w:r>
      <w:r>
        <w:rPr>
          <w:rFonts w:ascii="Century Schoolbook" w:eastAsia="Century Schoolbook" w:hAnsi="Century Schoolbook" w:cs="Century Schoolbook"/>
          <w:sz w:val="16"/>
          <w:szCs w:val="16"/>
        </w:rPr>
        <w:t>785 P.2d 500 (Cal. 1990).</w:t>
      </w:r>
      <w:r>
        <w:rPr>
          <w:rFonts w:ascii="Calibri" w:eastAsia="Calibri" w:hAnsi="Calibri" w:cs="Calibri"/>
          <w:sz w:val="20"/>
          <w:szCs w:val="20"/>
        </w:rPr>
        <w:t xml:space="preserve"> </w:t>
      </w:r>
    </w:p>
    <w:p w14:paraId="0000AA6F" w14:textId="77777777" w:rsidR="00CF54CB" w:rsidRDefault="00344004">
      <w:pPr>
        <w:numPr>
          <w:ilvl w:val="0"/>
          <w:numId w:val="42"/>
        </w:numPr>
        <w:spacing w:after="51" w:line="259" w:lineRule="auto"/>
        <w:jc w:val="left"/>
      </w:pPr>
      <w:r>
        <w:rPr>
          <w:rFonts w:ascii="Century Schoolbook" w:eastAsia="Century Schoolbook" w:hAnsi="Century Schoolbook" w:cs="Century Schoolbook"/>
          <w:i/>
          <w:sz w:val="16"/>
          <w:szCs w:val="16"/>
        </w:rPr>
        <w:t xml:space="preserve">Prucha v. Guarantee Reserve Life Ins. Co., </w:t>
      </w:r>
      <w:r>
        <w:rPr>
          <w:rFonts w:ascii="Century Schoolbook" w:eastAsia="Century Schoolbook" w:hAnsi="Century Schoolbook" w:cs="Century Schoolbook"/>
          <w:sz w:val="16"/>
          <w:szCs w:val="16"/>
        </w:rPr>
        <w:t>358 So.2d. 1155 (Fla. App. 1978).</w:t>
      </w:r>
      <w:r>
        <w:rPr>
          <w:rFonts w:ascii="Calibri" w:eastAsia="Calibri" w:hAnsi="Calibri" w:cs="Calibri"/>
          <w:sz w:val="20"/>
          <w:szCs w:val="20"/>
        </w:rPr>
        <w:t xml:space="preserve"> </w:t>
      </w:r>
    </w:p>
    <w:p w14:paraId="34970691" w14:textId="77777777" w:rsidR="00CF54CB" w:rsidRDefault="00344004">
      <w:pPr>
        <w:ind w:left="720" w:right="20" w:firstLine="7"/>
      </w:pPr>
      <w:r>
        <w:t xml:space="preserve">found to be insolvent. Third parties having pending claims against an insured of the restructuring insurer may also be interested persons. Other interested persons, depending upon the circumstances in each case, may include reinsurers, ceding insurers, general creditors, shareholders, if the restructuring insurer is a stock company, and the public. </w:t>
      </w:r>
    </w:p>
    <w:p w14:paraId="20E3C2E5" w14:textId="77777777" w:rsidR="00CF54CB" w:rsidRDefault="00344004">
      <w:pPr>
        <w:spacing w:after="0" w:line="259" w:lineRule="auto"/>
        <w:ind w:left="0" w:firstLine="0"/>
        <w:jc w:val="left"/>
      </w:pPr>
      <w:r>
        <w:rPr>
          <w:sz w:val="22"/>
          <w:szCs w:val="22"/>
        </w:rPr>
        <w:t xml:space="preserve"> </w:t>
      </w:r>
    </w:p>
    <w:p w14:paraId="5CB880C4" w14:textId="77777777" w:rsidR="00CF54CB" w:rsidRDefault="00344004">
      <w:pPr>
        <w:ind w:left="720" w:right="20" w:firstLine="7"/>
      </w:pPr>
      <w:r>
        <w:t xml:space="preserve">The regulatory authority should consider the type of notice to be given to interested persons. The regulatory authority should also consider whether certain persons should be afforded the opportunity to intervene in the proceedings concerning an LBR. Finally, the regulatory authority must consider the fiscal impact of giving notice to a large number of interested persons and the participation of those persons in the approval process. </w:t>
      </w:r>
    </w:p>
    <w:p w14:paraId="2D30B42C" w14:textId="77777777" w:rsidR="00CF54CB" w:rsidRDefault="00344004">
      <w:pPr>
        <w:spacing w:after="26" w:line="259" w:lineRule="auto"/>
        <w:ind w:left="0" w:firstLine="0"/>
        <w:jc w:val="left"/>
      </w:pPr>
      <w:r>
        <w:rPr>
          <w:sz w:val="22"/>
          <w:szCs w:val="22"/>
        </w:rPr>
        <w:t xml:space="preserve"> </w:t>
      </w:r>
    </w:p>
    <w:p w14:paraId="407CD513" w14:textId="77777777" w:rsidR="00CF54CB" w:rsidRDefault="00344004">
      <w:pPr>
        <w:numPr>
          <w:ilvl w:val="1"/>
          <w:numId w:val="42"/>
        </w:numPr>
        <w:spacing w:after="12"/>
        <w:ind w:hanging="720"/>
      </w:pPr>
      <w:r>
        <w:rPr>
          <w:b/>
        </w:rPr>
        <w:t xml:space="preserve">Disclosure of Information </w:t>
      </w:r>
    </w:p>
    <w:p w14:paraId="1007129F" w14:textId="77777777" w:rsidR="00CF54CB" w:rsidRDefault="00344004">
      <w:pPr>
        <w:spacing w:after="0" w:line="259" w:lineRule="auto"/>
        <w:ind w:left="0" w:firstLine="0"/>
        <w:jc w:val="left"/>
      </w:pPr>
      <w:r>
        <w:rPr>
          <w:b/>
          <w:sz w:val="22"/>
          <w:szCs w:val="22"/>
        </w:rPr>
        <w:t xml:space="preserve"> </w:t>
      </w:r>
    </w:p>
    <w:p w14:paraId="7A6213A2" w14:textId="77777777" w:rsidR="00CF54CB" w:rsidRDefault="00344004">
      <w:pPr>
        <w:ind w:left="720" w:right="21" w:firstLine="7"/>
      </w:pPr>
      <w:r>
        <w:t xml:space="preserve">In an LBR the regulatory authority should consider the extent to which financial information about the insurer involved must be disclosed to interested persons or the public. Applicable state laws may require the regulatory authority to disclose certain information. However, most of the states have enacted laws that provide for maintaining the confidentiality of sensitive information acquired by the regulatory authority during an examination of an insurer or in the course of certain other regulatory activities. Use of the examination law to evaluate an LBR may prevent the regulatory authority from disclosing materials that the regulatory authority would prefer to release to interested persons or the public. </w:t>
      </w:r>
    </w:p>
    <w:p w14:paraId="1F981EB2" w14:textId="77777777" w:rsidR="00CF54CB" w:rsidRDefault="00344004">
      <w:pPr>
        <w:spacing w:after="0" w:line="259" w:lineRule="auto"/>
        <w:ind w:left="720" w:firstLine="0"/>
        <w:jc w:val="left"/>
      </w:pPr>
      <w:r>
        <w:rPr>
          <w:sz w:val="23"/>
          <w:szCs w:val="23"/>
        </w:rPr>
        <w:t xml:space="preserve"> </w:t>
      </w:r>
    </w:p>
    <w:p w14:paraId="29DE5B6C" w14:textId="77777777" w:rsidR="00CF54CB" w:rsidRDefault="00344004">
      <w:pPr>
        <w:ind w:left="720" w:right="21" w:firstLine="7"/>
      </w:pPr>
      <w:r>
        <w:t xml:space="preserve">The regulatory authority should determine whether disclosure requirements or confidentiality provisions are applicable to the review of an LBR. In the absence of explicit statutory guidance, the regulatory authority should balance due process considerations and the public’s right to know with the need to protect sensitive or proprietary information. </w:t>
      </w:r>
    </w:p>
    <w:p w14:paraId="52660005" w14:textId="77777777" w:rsidR="00CF54CB" w:rsidRDefault="00344004">
      <w:pPr>
        <w:spacing w:after="30" w:line="259" w:lineRule="auto"/>
        <w:ind w:left="0" w:firstLine="0"/>
        <w:jc w:val="left"/>
      </w:pPr>
      <w:r>
        <w:rPr>
          <w:sz w:val="22"/>
          <w:szCs w:val="22"/>
        </w:rPr>
        <w:t xml:space="preserve"> </w:t>
      </w:r>
    </w:p>
    <w:p w14:paraId="2E1BAC17" w14:textId="77777777" w:rsidR="00CF54CB" w:rsidRDefault="00344004">
      <w:pPr>
        <w:numPr>
          <w:ilvl w:val="1"/>
          <w:numId w:val="42"/>
        </w:numPr>
        <w:spacing w:after="12"/>
        <w:ind w:hanging="720"/>
      </w:pPr>
      <w:r>
        <w:rPr>
          <w:b/>
        </w:rPr>
        <w:t xml:space="preserve">Guaranty Fund Coverage </w:t>
      </w:r>
    </w:p>
    <w:p w14:paraId="76A5B3E3" w14:textId="77777777" w:rsidR="00CF54CB" w:rsidRDefault="00344004">
      <w:pPr>
        <w:spacing w:after="0" w:line="259" w:lineRule="auto"/>
        <w:ind w:left="0" w:firstLine="0"/>
        <w:jc w:val="left"/>
      </w:pPr>
      <w:r>
        <w:rPr>
          <w:b/>
          <w:sz w:val="22"/>
          <w:szCs w:val="22"/>
        </w:rPr>
        <w:t xml:space="preserve"> </w:t>
      </w:r>
    </w:p>
    <w:p w14:paraId="4DF2FAE2" w14:textId="77777777" w:rsidR="00CF54CB" w:rsidRDefault="00344004">
      <w:pPr>
        <w:ind w:left="720" w:right="21" w:firstLine="7"/>
      </w:pPr>
      <w:r>
        <w:t xml:space="preserve">An important issue for the regulatory authority with regard to an LBR is the availability of guaranty fund coverage in the event of the insolvency of the restructured insurer. From the viewpoint of the insurance consumer, absent express consent, guaranty fund coverage should not be reduced or eliminated by an LBR. </w:t>
      </w:r>
    </w:p>
    <w:p w14:paraId="7D8F8DD5" w14:textId="77777777" w:rsidR="00CF54CB" w:rsidRDefault="00344004">
      <w:pPr>
        <w:spacing w:after="107" w:line="259" w:lineRule="auto"/>
        <w:ind w:left="720" w:firstLine="0"/>
        <w:jc w:val="left"/>
      </w:pPr>
      <w:r>
        <w:rPr>
          <w:sz w:val="22"/>
          <w:szCs w:val="22"/>
        </w:rPr>
        <w:lastRenderedPageBreak/>
        <w:t xml:space="preserve"> </w:t>
      </w:r>
    </w:p>
    <w:p w14:paraId="07412D80" w14:textId="77777777" w:rsidR="00CF54CB" w:rsidRDefault="00344004">
      <w:pPr>
        <w:numPr>
          <w:ilvl w:val="2"/>
          <w:numId w:val="42"/>
        </w:numPr>
        <w:spacing w:after="12"/>
        <w:ind w:hanging="720"/>
      </w:pPr>
      <w:r>
        <w:rPr>
          <w:b/>
        </w:rPr>
        <w:t xml:space="preserve">Overview of Guaranty Fund System </w:t>
      </w:r>
    </w:p>
    <w:p w14:paraId="6A7B4A8F" w14:textId="77777777" w:rsidR="00CF54CB" w:rsidRDefault="00344004">
      <w:pPr>
        <w:spacing w:after="0" w:line="259" w:lineRule="auto"/>
        <w:ind w:left="0" w:firstLine="0"/>
        <w:jc w:val="left"/>
      </w:pPr>
      <w:r>
        <w:rPr>
          <w:b/>
          <w:sz w:val="22"/>
          <w:szCs w:val="22"/>
        </w:rPr>
        <w:t xml:space="preserve"> </w:t>
      </w:r>
    </w:p>
    <w:p w14:paraId="16E83F98" w14:textId="77777777" w:rsidR="00CF54CB" w:rsidRDefault="00344004">
      <w:pPr>
        <w:spacing w:after="213"/>
        <w:ind w:left="1440" w:right="20" w:firstLine="6"/>
      </w:pPr>
      <w:r>
        <w:t>Each state has a guaranty fund, created by statute, to provide a safety net for policyholders and third party liability claimants in the event of the insolvency of an insurer writing property and liability lines of insurance. Although the majority of state guaranty fund statutes are based upon the NAIC Post-Assessment Property and Liability Insurance Guaranty Association Model Act, there are variations from state to state that should be taken into account by the regulatory authority when reviewing a proposed LBR. First, the lines of business covered may differ. Also, the amount of coverage provided per claim varies. Although the Model Act and many state statutes provide for payment of covered claims of up to $300,000, some state laws provide more or less coverage. Several states have enacted net worth provisions that exclude from coverage the claims of persons whose net worth exceeds a certain benchmark, the rationale being that such persons are sophisticated purchasers and can afford to absorb some loss.</w:t>
      </w:r>
      <w:r>
        <w:rPr>
          <w:rFonts w:ascii="ZWAdobeF" w:eastAsia="ZWAdobeF" w:hAnsi="ZWAdobeF" w:cs="ZWAdobeF"/>
          <w:sz w:val="2"/>
          <w:szCs w:val="2"/>
        </w:rPr>
        <w:t>42F</w:t>
      </w:r>
      <w:r>
        <w:rPr>
          <w:vertAlign w:val="superscript"/>
        </w:rPr>
        <w:footnoteReference w:id="48"/>
      </w:r>
      <w:r>
        <w:rPr>
          <w:sz w:val="37"/>
          <w:szCs w:val="37"/>
          <w:vertAlign w:val="superscript"/>
        </w:rPr>
        <w:t xml:space="preserve"> </w:t>
      </w:r>
    </w:p>
    <w:p w14:paraId="66DC766B" w14:textId="77777777" w:rsidR="00CF54CB" w:rsidRDefault="00344004">
      <w:pPr>
        <w:ind w:left="1440" w:right="20" w:firstLine="6"/>
      </w:pPr>
      <w:r>
        <w:t xml:space="preserve">Since each state guaranty fund is a separate entity, each fund makes its own determination with respect to coverage. Therefore, potentially, the guaranty funds in some states may determine that claims arising from the policies of the restructured insurer are covered, while other guaranty funds may reach a different conclusion. </w:t>
      </w:r>
    </w:p>
    <w:p w14:paraId="32B7DCA9" w14:textId="77777777" w:rsidR="00CF54CB" w:rsidRDefault="00344004">
      <w:pPr>
        <w:spacing w:after="0" w:line="259" w:lineRule="auto"/>
        <w:ind w:left="0" w:firstLine="0"/>
        <w:jc w:val="left"/>
      </w:pPr>
      <w:r>
        <w:t xml:space="preserve"> </w:t>
      </w:r>
    </w:p>
    <w:p w14:paraId="5299078D" w14:textId="77777777" w:rsidR="00CF54CB" w:rsidRDefault="00344004">
      <w:pPr>
        <w:ind w:left="1440" w:right="20" w:firstLine="6"/>
      </w:pPr>
      <w:r>
        <w:t xml:space="preserve">Finally, although the regulatory authority reviewing an LBR should consider the potential availability of guaranty fund coverage as one of many factors in deciding whether to approve the LBR, it is important to note that the existence of guaranty fund coverage can only be conclusively determined if and when the insurer becomes insolvent. </w:t>
      </w:r>
    </w:p>
    <w:p w14:paraId="53C382FD" w14:textId="77777777" w:rsidR="00CF54CB" w:rsidRDefault="00344004">
      <w:pPr>
        <w:spacing w:after="11" w:line="259" w:lineRule="auto"/>
        <w:ind w:left="0" w:firstLine="0"/>
        <w:jc w:val="left"/>
      </w:pPr>
      <w:r>
        <w:t xml:space="preserve"> </w:t>
      </w:r>
    </w:p>
    <w:p w14:paraId="0E850ACA" w14:textId="77777777" w:rsidR="00CF54CB" w:rsidRDefault="00344004">
      <w:pPr>
        <w:numPr>
          <w:ilvl w:val="2"/>
          <w:numId w:val="42"/>
        </w:numPr>
        <w:spacing w:after="0"/>
        <w:ind w:hanging="720"/>
      </w:pPr>
      <w:r>
        <w:rPr>
          <w:b/>
        </w:rPr>
        <w:t xml:space="preserve">The Availability of Guaranty Fund Coverage May Depend Upon the Form of Restructuring </w:t>
      </w:r>
    </w:p>
    <w:p w14:paraId="20FBA9EC" w14:textId="77777777" w:rsidR="00CF54CB" w:rsidRDefault="00344004">
      <w:pPr>
        <w:spacing w:after="0" w:line="259" w:lineRule="auto"/>
        <w:ind w:left="0" w:firstLine="0"/>
        <w:jc w:val="left"/>
      </w:pPr>
      <w:r>
        <w:rPr>
          <w:b/>
          <w:sz w:val="23"/>
          <w:szCs w:val="23"/>
        </w:rPr>
        <w:t xml:space="preserve"> </w:t>
      </w:r>
    </w:p>
    <w:p w14:paraId="71B28199" w14:textId="77777777" w:rsidR="00CF54CB" w:rsidRDefault="00344004">
      <w:pPr>
        <w:ind w:left="1440" w:right="21" w:firstLine="6"/>
      </w:pPr>
      <w:r>
        <w:t xml:space="preserve">Whether guaranty fund coverage is available to policyholders, claimants, and creditors of an insurer involved in an LBR may depend upon the form of the restructuring. The regulatory authority should determine the effect of an LBR on the availability of guaranty fund coverage in the event the restructured insurer subsequently becomes insolvent. Issues to be considered include: </w:t>
      </w:r>
    </w:p>
    <w:p w14:paraId="6822B3A1" w14:textId="77777777" w:rsidR="00CF54CB" w:rsidRDefault="00344004">
      <w:pPr>
        <w:spacing w:after="3" w:line="259" w:lineRule="auto"/>
        <w:ind w:left="0" w:firstLine="0"/>
        <w:jc w:val="left"/>
      </w:pPr>
      <w:r>
        <w:t xml:space="preserve"> </w:t>
      </w:r>
    </w:p>
    <w:p w14:paraId="16521ACE" w14:textId="77777777" w:rsidR="00CF54CB" w:rsidRDefault="00344004">
      <w:pPr>
        <w:numPr>
          <w:ilvl w:val="3"/>
          <w:numId w:val="42"/>
        </w:numPr>
        <w:spacing w:line="259" w:lineRule="auto"/>
        <w:ind w:right="198" w:hanging="720"/>
      </w:pPr>
      <w:r>
        <w:t xml:space="preserve">Whether an unlicensed insurer is involved in the LBR; </w:t>
      </w:r>
    </w:p>
    <w:p w14:paraId="66DB1937" w14:textId="77777777" w:rsidR="00CF54CB" w:rsidRDefault="00344004">
      <w:pPr>
        <w:spacing w:after="3" w:line="259" w:lineRule="auto"/>
        <w:ind w:left="0" w:firstLine="0"/>
        <w:jc w:val="left"/>
      </w:pPr>
      <w:r>
        <w:t xml:space="preserve"> </w:t>
      </w:r>
    </w:p>
    <w:p w14:paraId="7E633EA6" w14:textId="77777777" w:rsidR="00CF54CB" w:rsidRDefault="00344004">
      <w:pPr>
        <w:numPr>
          <w:ilvl w:val="3"/>
          <w:numId w:val="42"/>
        </w:numPr>
        <w:ind w:right="198" w:hanging="720"/>
      </w:pPr>
      <w:r>
        <w:t xml:space="preserve">Whether the restructured insurer that could become insolvent is the insurer that issued the policy; </w:t>
      </w:r>
    </w:p>
    <w:p w14:paraId="4067672F" w14:textId="77777777" w:rsidR="00CF54CB" w:rsidRDefault="00344004">
      <w:pPr>
        <w:spacing w:after="8" w:line="259" w:lineRule="auto"/>
        <w:ind w:left="0" w:firstLine="0"/>
        <w:jc w:val="left"/>
      </w:pPr>
      <w:r>
        <w:t xml:space="preserve"> </w:t>
      </w:r>
    </w:p>
    <w:p w14:paraId="59EE39BC" w14:textId="77777777" w:rsidR="00CF54CB" w:rsidRDefault="00344004">
      <w:pPr>
        <w:numPr>
          <w:ilvl w:val="3"/>
          <w:numId w:val="42"/>
        </w:numPr>
        <w:ind w:right="198" w:hanging="720"/>
      </w:pPr>
      <w:r>
        <w:lastRenderedPageBreak/>
        <w:t xml:space="preserve">Whether the restructured insurer that could become insolvent was the insurer at the time the insured event occurred; </w:t>
      </w:r>
    </w:p>
    <w:p w14:paraId="2329BBF6" w14:textId="77777777" w:rsidR="00CF54CB" w:rsidRDefault="00344004">
      <w:pPr>
        <w:spacing w:after="0" w:line="259" w:lineRule="auto"/>
        <w:ind w:left="0" w:firstLine="0"/>
        <w:jc w:val="left"/>
      </w:pPr>
      <w:r>
        <w:t xml:space="preserve"> </w:t>
      </w:r>
    </w:p>
    <w:p w14:paraId="131C9DF8" w14:textId="77777777" w:rsidR="00CF54CB" w:rsidRDefault="00344004">
      <w:pPr>
        <w:numPr>
          <w:ilvl w:val="3"/>
          <w:numId w:val="42"/>
        </w:numPr>
        <w:spacing w:after="102"/>
        <w:ind w:right="198" w:hanging="720"/>
      </w:pPr>
      <w:r>
        <w:t xml:space="preserve">Whether the guaranty fund coverage in other states varies from the coverage available in the regulatory authority’s jurisdiction. </w:t>
      </w:r>
    </w:p>
    <w:p w14:paraId="4BE4DF27" w14:textId="77777777" w:rsidR="00CF54CB" w:rsidRDefault="00344004">
      <w:pPr>
        <w:numPr>
          <w:ilvl w:val="2"/>
          <w:numId w:val="42"/>
        </w:numPr>
        <w:spacing w:after="12"/>
        <w:ind w:hanging="720"/>
      </w:pPr>
      <w:r>
        <w:rPr>
          <w:b/>
        </w:rPr>
        <w:t xml:space="preserve">Conclusion </w:t>
      </w:r>
    </w:p>
    <w:p w14:paraId="2651AD84" w14:textId="77777777" w:rsidR="00CF54CB" w:rsidRDefault="00344004">
      <w:pPr>
        <w:spacing w:after="0" w:line="259" w:lineRule="auto"/>
        <w:ind w:left="0" w:firstLine="0"/>
        <w:jc w:val="left"/>
      </w:pPr>
      <w:r>
        <w:rPr>
          <w:b/>
          <w:sz w:val="23"/>
          <w:szCs w:val="23"/>
        </w:rPr>
        <w:t xml:space="preserve"> </w:t>
      </w:r>
    </w:p>
    <w:p w14:paraId="267A6C55" w14:textId="77777777" w:rsidR="00CF54CB" w:rsidRDefault="00344004">
      <w:pPr>
        <w:ind w:left="1440" w:right="21" w:firstLine="6"/>
      </w:pPr>
      <w:r>
        <w:t xml:space="preserve">Guaranty fund coverage and the provisions for triggering the guaranty fund vary by state. Regulators involved in the approval of an LBR should determine the effect of the LBR on the availability of guaranty fund coverage for policyholders in the event the restructured insurer subsequently becomes insolvent. If it is concluded that an LBR places the availability of guaranty fund coverage in serious question, the structure of the proposed transaction or questionable component should be modified before approval. </w:t>
      </w:r>
    </w:p>
    <w:p w14:paraId="419AC861" w14:textId="77777777" w:rsidR="00CF54CB" w:rsidRDefault="00344004">
      <w:pPr>
        <w:spacing w:after="11" w:line="259" w:lineRule="auto"/>
        <w:ind w:left="0" w:firstLine="0"/>
        <w:jc w:val="left"/>
      </w:pPr>
      <w:r>
        <w:t xml:space="preserve"> </w:t>
      </w:r>
    </w:p>
    <w:p w14:paraId="6A06005C" w14:textId="77777777" w:rsidR="00CF54CB" w:rsidRDefault="00344004">
      <w:pPr>
        <w:tabs>
          <w:tab w:val="center" w:pos="2999"/>
        </w:tabs>
        <w:spacing w:after="12"/>
        <w:ind w:left="0" w:firstLine="0"/>
        <w:jc w:val="left"/>
      </w:pPr>
      <w:r>
        <w:rPr>
          <w:b/>
        </w:rPr>
        <w:t>VI.</w:t>
      </w:r>
      <w:r>
        <w:rPr>
          <w:rFonts w:ascii="Arial" w:eastAsia="Arial" w:hAnsi="Arial" w:cs="Arial"/>
          <w:b/>
        </w:rPr>
        <w:t xml:space="preserve"> </w:t>
      </w:r>
      <w:r>
        <w:rPr>
          <w:rFonts w:ascii="Arial" w:eastAsia="Arial" w:hAnsi="Arial" w:cs="Arial"/>
          <w:b/>
        </w:rPr>
        <w:tab/>
      </w:r>
      <w:r>
        <w:rPr>
          <w:b/>
        </w:rPr>
        <w:t xml:space="preserve">ON-GOING REGULATORY OVERSIGHT </w:t>
      </w:r>
    </w:p>
    <w:p w14:paraId="0348C26F" w14:textId="77777777" w:rsidR="00CF54CB" w:rsidRDefault="00344004">
      <w:pPr>
        <w:spacing w:after="240" w:line="259" w:lineRule="auto"/>
        <w:ind w:left="0" w:firstLine="0"/>
        <w:jc w:val="left"/>
      </w:pPr>
      <w:r>
        <w:rPr>
          <w:b/>
          <w:sz w:val="23"/>
          <w:szCs w:val="23"/>
        </w:rPr>
        <w:t xml:space="preserve"> </w:t>
      </w:r>
    </w:p>
    <w:p w14:paraId="1957DD37" w14:textId="77777777" w:rsidR="00CF54CB" w:rsidRDefault="00344004">
      <w:pPr>
        <w:spacing w:after="0" w:line="259" w:lineRule="auto"/>
        <w:ind w:left="0" w:firstLine="0"/>
        <w:jc w:val="left"/>
      </w:pPr>
      <w:r>
        <w:rPr>
          <w:rFonts w:ascii="Calibri" w:eastAsia="Calibri" w:hAnsi="Calibri" w:cs="Calibri"/>
          <w:noProof/>
          <w:sz w:val="22"/>
          <w:szCs w:val="22"/>
        </w:rPr>
        <mc:AlternateContent>
          <mc:Choice Requires="wpg">
            <w:drawing>
              <wp:inline distT="0" distB="0" distL="0" distR="0" wp14:anchorId="39025F92" wp14:editId="2B193CC1">
                <wp:extent cx="1828800" cy="9144"/>
                <wp:effectExtent l="0" t="0" r="0" b="0"/>
                <wp:docPr id="117635" name="Group 117635" descr="P419#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36" name="Group 117636"/>
                        <wpg:cNvGrpSpPr/>
                        <wpg:grpSpPr>
                          <a:xfrm>
                            <a:off x="4431600" y="3775428"/>
                            <a:ext cx="1828800" cy="9144"/>
                            <a:chOff x="0" y="0"/>
                            <a:chExt cx="1828800" cy="9144"/>
                          </a:xfrm>
                        </wpg:grpSpPr>
                        <wps:wsp>
                          <wps:cNvPr id="117637" name="Rectangle 117637"/>
                          <wps:cNvSpPr/>
                          <wps:spPr>
                            <a:xfrm>
                              <a:off x="0" y="0"/>
                              <a:ext cx="1828800" cy="9125"/>
                            </a:xfrm>
                            <a:prstGeom prst="rect">
                              <a:avLst/>
                            </a:prstGeom>
                            <a:noFill/>
                            <a:ln>
                              <a:noFill/>
                            </a:ln>
                          </wps:spPr>
                          <wps:txbx>
                            <w:txbxContent>
                              <w:p w14:paraId="1EDC35F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38" name="Freeform: Shape 117638"/>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39025F92" id="Group 117635" o:spid="_x0000_s1268" alt="P419#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">
                <v:group id="Group 117636" o:spid="_x0000_s1269"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">
                  <v:rect id="Rectangle 117637" o:spid="_x0000_s1270"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" filled="f" stroked="f">
                    <v:textbox inset="2.53958mm,2.53958mm,2.53958mm,2.53958mm">
                      <w:txbxContent>
                        <w:p w14:paraId="1EDC35F5" w14:textId="77777777" w:rsidR="00CF54CB" w:rsidRDefault="00CF54CB">
                          <w:pPr>
                            <w:spacing w:after="0" w:line="240" w:lineRule="auto"/>
                            <w:ind w:left="0" w:firstLine="0"/>
                            <w:jc w:val="left"/>
                            <w:textDirection w:val="btLr"/>
                          </w:pPr>
                        </w:p>
                      </w:txbxContent>
                    </v:textbox>
                  </v:rect>
                  <v:shape id="Freeform: Shape 117638" o:spid="_x0000_s1271"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5ACE45FF" w14:textId="77777777" w:rsidR="00CF54CB" w:rsidRDefault="00344004">
      <w:pPr>
        <w:numPr>
          <w:ilvl w:val="0"/>
          <w:numId w:val="52"/>
        </w:numPr>
        <w:spacing w:after="12"/>
        <w:ind w:hanging="720"/>
      </w:pPr>
      <w:r>
        <w:rPr>
          <w:b/>
        </w:rPr>
        <w:t xml:space="preserve">General </w:t>
      </w:r>
    </w:p>
    <w:p w14:paraId="36602F43" w14:textId="77777777" w:rsidR="00CF54CB" w:rsidRDefault="00344004">
      <w:pPr>
        <w:spacing w:after="0" w:line="259" w:lineRule="auto"/>
        <w:ind w:left="0" w:firstLine="0"/>
        <w:jc w:val="left"/>
      </w:pPr>
      <w:r>
        <w:rPr>
          <w:b/>
          <w:sz w:val="23"/>
          <w:szCs w:val="23"/>
        </w:rPr>
        <w:t xml:space="preserve"> </w:t>
      </w:r>
    </w:p>
    <w:p w14:paraId="2301FF33" w14:textId="77777777" w:rsidR="00CF54CB" w:rsidRDefault="00344004">
      <w:pPr>
        <w:ind w:left="720" w:right="16" w:firstLine="7"/>
      </w:pPr>
      <w:r>
        <w:t xml:space="preserve">The responsibility of the regulatory authority does not end with the approval of an LBR. Subsequent to the completion of the transaction there will be one or more insurers with obligations to policyholders and other creditors. These insurers will continue to require regulatory oversight. Because of the existence of obligations to policyholders and other creditors, the insurance laws of the state of domicile should continue to apply to the restructured insurer. However, the LBR may also result in the need for additional regulatory oversight. As an LBR can take many forms, the exact nature of the oversight is dependent on the risks created by an individual restructuring. To the extent that these risks can be identified prior to the approval of the LBR, the regulatory authority should consider incorporating any additional regulatory requirements in the order approving the transaction. </w:t>
      </w:r>
    </w:p>
    <w:p w14:paraId="1EA8038C" w14:textId="77777777" w:rsidR="00CF54CB" w:rsidRDefault="00344004">
      <w:pPr>
        <w:spacing w:after="0" w:line="259" w:lineRule="auto"/>
        <w:ind w:left="720" w:firstLine="0"/>
        <w:jc w:val="left"/>
      </w:pPr>
      <w:r>
        <w:t xml:space="preserve"> </w:t>
      </w:r>
    </w:p>
    <w:p w14:paraId="2E9CD84B" w14:textId="77777777" w:rsidR="00CF54CB" w:rsidRDefault="00344004">
      <w:pPr>
        <w:spacing w:after="170"/>
        <w:ind w:left="720" w:right="19" w:firstLine="7"/>
      </w:pPr>
      <w:r>
        <w:t xml:space="preserve">This section assumes that the restructured insurer remains domiciled in the United States. If this is not the case, most of this section will not apply, as the regulatory authorities approving the transaction will no longer have jurisdiction over the restructured insurer. This should be considered prior to approving the LBR. </w:t>
      </w:r>
    </w:p>
    <w:p w14:paraId="52228532" w14:textId="77777777" w:rsidR="00CF54CB" w:rsidRDefault="00344004">
      <w:pPr>
        <w:ind w:left="720" w:right="21" w:firstLine="7"/>
      </w:pPr>
      <w:r>
        <w:t xml:space="preserve">In the end, any LBR will be judged on the reorganized insurer’s ability to meet its obligations to policyholders and other creditors. If approved, the regulatory authority has the responsibility to identify new risks created by the LBR, and institute appropriate regulatory safe-guards to help ensure that all obligations to policyholders and other creditors will be met. An outline of a program for on-going regulatory oversight is attached at Appendix 3. </w:t>
      </w:r>
    </w:p>
    <w:p w14:paraId="115CA1BD" w14:textId="77777777" w:rsidR="00CF54CB" w:rsidRDefault="00344004">
      <w:pPr>
        <w:spacing w:after="6" w:line="259" w:lineRule="auto"/>
        <w:ind w:left="0" w:firstLine="0"/>
        <w:jc w:val="left"/>
      </w:pPr>
      <w:r>
        <w:t xml:space="preserve"> </w:t>
      </w:r>
    </w:p>
    <w:p w14:paraId="29B58995" w14:textId="77777777" w:rsidR="00CF54CB" w:rsidRDefault="00344004">
      <w:pPr>
        <w:numPr>
          <w:ilvl w:val="0"/>
          <w:numId w:val="52"/>
        </w:numPr>
        <w:spacing w:after="12"/>
        <w:ind w:hanging="720"/>
      </w:pPr>
      <w:r>
        <w:rPr>
          <w:b/>
        </w:rPr>
        <w:t xml:space="preserve">Oversight </w:t>
      </w:r>
    </w:p>
    <w:p w14:paraId="346BDC44" w14:textId="77777777" w:rsidR="00CF54CB" w:rsidRDefault="00344004">
      <w:pPr>
        <w:spacing w:after="0" w:line="259" w:lineRule="auto"/>
        <w:ind w:left="0" w:firstLine="0"/>
        <w:jc w:val="left"/>
      </w:pPr>
      <w:r>
        <w:rPr>
          <w:b/>
          <w:sz w:val="23"/>
          <w:szCs w:val="23"/>
        </w:rPr>
        <w:t xml:space="preserve"> </w:t>
      </w:r>
    </w:p>
    <w:p w14:paraId="28EDECF4" w14:textId="77777777" w:rsidR="00CF54CB" w:rsidRDefault="00344004">
      <w:pPr>
        <w:ind w:left="720" w:right="20" w:firstLine="7"/>
      </w:pPr>
      <w:r>
        <w:lastRenderedPageBreak/>
        <w:t xml:space="preserve">One of the primary areas of concern regarding a restructured insurer is the availability of sufficient resources to meet all of its obligations to policyholders and other creditors. Although the restructured insurer would still be subject to the domiciliary state’s examination law, additional oversight may be required to help mitigate additional risks created by the LBR. For instance, if a dedicated pool of assets is created to meet obligations to policyholders the regulatory authority should consider additional oversight measures designed to ensure the assets will be available to pay policyholder claims. See Appendix 3 for examples of conditions and requirements for on-going regulatory oversight of an LBR. </w:t>
      </w:r>
    </w:p>
    <w:p w14:paraId="4AA814B9" w14:textId="77777777" w:rsidR="00CF54CB" w:rsidRDefault="00344004">
      <w:pPr>
        <w:spacing w:after="0" w:line="259" w:lineRule="auto"/>
        <w:ind w:left="720" w:firstLine="0"/>
        <w:jc w:val="left"/>
      </w:pPr>
      <w:r>
        <w:t xml:space="preserve"> </w:t>
      </w:r>
    </w:p>
    <w:p w14:paraId="2D2FCD02" w14:textId="77777777" w:rsidR="00CF54CB" w:rsidRDefault="00344004">
      <w:pPr>
        <w:ind w:left="720" w:right="22" w:firstLine="7"/>
      </w:pPr>
      <w:r>
        <w:t xml:space="preserve">One of the factors that will be analyzed prior to approving an LBR is future corporate affiliations. In cases where there are continuing affiliations, the regulatory authority’s oversight would most likely include monitoring compliance with agreements between the resulting insurers. For example, the regulatory authority should consider on-going evaluations of statutory compliance with any capital maintenance agreement, and review of management or administrative agreements or other inter-company agreements or transactions. In addition, the regulatory authority should review compliance with the requirements set forth in the order approving the LBR. </w:t>
      </w:r>
    </w:p>
    <w:p w14:paraId="1DD88A5D" w14:textId="77777777" w:rsidR="00CF54CB" w:rsidRDefault="00344004">
      <w:pPr>
        <w:spacing w:after="0" w:line="259" w:lineRule="auto"/>
        <w:ind w:left="0" w:firstLine="0"/>
        <w:jc w:val="left"/>
      </w:pPr>
      <w:r>
        <w:t xml:space="preserve"> </w:t>
      </w:r>
    </w:p>
    <w:p w14:paraId="1740D3F3" w14:textId="77777777" w:rsidR="00CF54CB" w:rsidRDefault="00344004">
      <w:pPr>
        <w:ind w:left="720" w:right="20" w:firstLine="7"/>
      </w:pPr>
      <w:r>
        <w:t xml:space="preserve">Where there is common management and/or ownership of on-going and run-off operations of a restructured insurer, the regulatory authority needs to be aware of any potential conflicts of interest between the two entities. This may lead to inappropriate influence by the on-going entity of the runoff entity’s operations. For example, it might be in the interest of the on-going entity for the run-off entity to settle claims of current on-going entity customers on a preferential basis. This could have the effect of jeopardizing whether the run-off entity will have sufficient assets to settle other policyholders claims. A similar conflict exists if there is a block of policies whose obligations revert to the on-going entity upon the insolvency of the run-off entity. If such conflicts exist the regulatory authority should consider an examination of the claim settlement patterns of the run-off entity as part of its regular examination process. </w:t>
      </w:r>
    </w:p>
    <w:p w14:paraId="2D0FD3AA" w14:textId="77777777" w:rsidR="00CF54CB" w:rsidRDefault="00344004">
      <w:pPr>
        <w:spacing w:after="0" w:line="259" w:lineRule="auto"/>
        <w:ind w:left="720" w:firstLine="0"/>
        <w:jc w:val="left"/>
      </w:pPr>
      <w:r>
        <w:t xml:space="preserve"> </w:t>
      </w:r>
    </w:p>
    <w:p w14:paraId="5337F80C" w14:textId="77777777" w:rsidR="00CF54CB" w:rsidRDefault="00344004">
      <w:pPr>
        <w:ind w:left="720" w:right="21" w:firstLine="7"/>
      </w:pPr>
      <w:r>
        <w:t xml:space="preserve">If an LBR results in one or more insurers that have no on-going operations, the regulatory authority should consider requiring regulatory approval before the run-off entity can begin or resume ongoing operations. Prior to approving the reactivation of operations, the regulatory authority should consider the financial and operational resources available to the restructured insurer, and be able to determine that such a reactivation will not place existing policyholders at any additional risk. </w:t>
      </w:r>
    </w:p>
    <w:p w14:paraId="2533D5A7" w14:textId="77777777" w:rsidR="00CF54CB" w:rsidRDefault="00344004">
      <w:pPr>
        <w:spacing w:after="0" w:line="259" w:lineRule="auto"/>
        <w:ind w:left="720" w:firstLine="0"/>
        <w:jc w:val="left"/>
      </w:pPr>
      <w:r>
        <w:t xml:space="preserve"> </w:t>
      </w:r>
    </w:p>
    <w:p w14:paraId="509833B8" w14:textId="77777777" w:rsidR="00CF54CB" w:rsidRDefault="00344004">
      <w:pPr>
        <w:ind w:left="720" w:right="28" w:firstLine="7"/>
      </w:pPr>
      <w:r>
        <w:t xml:space="preserve">The regulatory authority should evaluate residual market obligations before approval of an LBR. Consideration should be given to requiring that these types of obligations be assumed by the ongoing entity. </w:t>
      </w:r>
    </w:p>
    <w:p w14:paraId="7A0501B1" w14:textId="77777777" w:rsidR="00CF54CB" w:rsidRDefault="00344004">
      <w:pPr>
        <w:spacing w:after="6" w:line="259" w:lineRule="auto"/>
        <w:ind w:left="0" w:firstLine="0"/>
        <w:jc w:val="left"/>
      </w:pPr>
      <w:r>
        <w:t xml:space="preserve"> </w:t>
      </w:r>
    </w:p>
    <w:p w14:paraId="2D1EDA10" w14:textId="77777777" w:rsidR="00CF54CB" w:rsidRDefault="00344004">
      <w:pPr>
        <w:tabs>
          <w:tab w:val="center" w:pos="3199"/>
        </w:tabs>
        <w:spacing w:after="12"/>
        <w:ind w:left="0" w:firstLine="0"/>
        <w:jc w:val="left"/>
      </w:pPr>
      <w:r>
        <w:rPr>
          <w:b/>
        </w:rPr>
        <w:t>VII.</w:t>
      </w:r>
      <w:r>
        <w:rPr>
          <w:rFonts w:ascii="Arial" w:eastAsia="Arial" w:hAnsi="Arial" w:cs="Arial"/>
          <w:b/>
        </w:rPr>
        <w:t xml:space="preserve"> </w:t>
      </w:r>
      <w:r>
        <w:rPr>
          <w:rFonts w:ascii="Arial" w:eastAsia="Arial" w:hAnsi="Arial" w:cs="Arial"/>
          <w:b/>
        </w:rPr>
        <w:tab/>
      </w:r>
      <w:r>
        <w:rPr>
          <w:b/>
        </w:rPr>
        <w:t xml:space="preserve">CONCLUSIONS AND RECOMMENDATIONS </w:t>
      </w:r>
    </w:p>
    <w:p w14:paraId="13A06DE8" w14:textId="77777777" w:rsidR="00CF54CB" w:rsidRDefault="00344004">
      <w:pPr>
        <w:spacing w:after="0" w:line="259" w:lineRule="auto"/>
        <w:ind w:left="0" w:firstLine="0"/>
        <w:jc w:val="left"/>
      </w:pPr>
      <w:r>
        <w:rPr>
          <w:b/>
          <w:sz w:val="23"/>
          <w:szCs w:val="23"/>
        </w:rPr>
        <w:t xml:space="preserve"> </w:t>
      </w:r>
    </w:p>
    <w:p w14:paraId="0CA52BCF" w14:textId="77777777" w:rsidR="00CF54CB" w:rsidRDefault="00344004">
      <w:pPr>
        <w:ind w:left="0" w:right="396" w:firstLine="7"/>
      </w:pPr>
      <w:r>
        <w:t xml:space="preserve">The Liability-Based Restructuring Working Group concludes and recommends as follows: </w:t>
      </w:r>
    </w:p>
    <w:p w14:paraId="378E6576" w14:textId="77777777" w:rsidR="00CF54CB" w:rsidRDefault="00344004">
      <w:pPr>
        <w:spacing w:after="6" w:line="259" w:lineRule="auto"/>
        <w:ind w:left="0" w:firstLine="0"/>
        <w:jc w:val="left"/>
      </w:pPr>
      <w:r>
        <w:t xml:space="preserve"> </w:t>
      </w:r>
    </w:p>
    <w:p w14:paraId="6CD741B9" w14:textId="77777777" w:rsidR="00CF54CB" w:rsidRDefault="00344004">
      <w:pPr>
        <w:numPr>
          <w:ilvl w:val="0"/>
          <w:numId w:val="53"/>
        </w:numPr>
        <w:ind w:right="23"/>
      </w:pPr>
      <w:r>
        <w:t xml:space="preserve">LBRs present both advantages and disadvantages, and therefore, LBRs should not be prohibited per se, but each should be evaluated on its own merits by the regulatory authority. </w:t>
      </w:r>
    </w:p>
    <w:p w14:paraId="19013897" w14:textId="77777777" w:rsidR="00CF54CB" w:rsidRDefault="00344004">
      <w:pPr>
        <w:spacing w:after="83" w:line="259" w:lineRule="auto"/>
        <w:ind w:left="0" w:firstLine="0"/>
        <w:jc w:val="left"/>
      </w:pPr>
      <w:r>
        <w:lastRenderedPageBreak/>
        <w:t xml:space="preserve"> </w:t>
      </w:r>
    </w:p>
    <w:p w14:paraId="5EE4BF5D" w14:textId="77777777" w:rsidR="00CF54CB" w:rsidRDefault="00344004">
      <w:pPr>
        <w:numPr>
          <w:ilvl w:val="0"/>
          <w:numId w:val="53"/>
        </w:numPr>
        <w:ind w:right="23"/>
      </w:pPr>
      <w:r>
        <w:t>LBRs are extraordinary transactions that vary widely in form, method and circumstances, and therefore, a “one size fits all” stand alone model law approach is not recommended at this time. Insurance regulatory authorities must have adequate statutory authority with sufficient flexibility and discretion to respond to the situation presented. The Working Group believes that existing regulatory authority is generally adequate, but recommends that the Post-Assessment Property and Liability Insurance Guaranty Association Model Act, the Assumption Reinsurance Model Act, and the Insurance Holding Company System Regulatory Act be revisited to consider whether amendments may be appropriate in light of LBRs.</w:t>
      </w:r>
      <w:r>
        <w:rPr>
          <w:rFonts w:ascii="ZWAdobeF" w:eastAsia="ZWAdobeF" w:hAnsi="ZWAdobeF" w:cs="ZWAdobeF"/>
          <w:sz w:val="2"/>
          <w:szCs w:val="2"/>
        </w:rPr>
        <w:t>43F</w:t>
      </w:r>
      <w:r>
        <w:rPr>
          <w:vertAlign w:val="superscript"/>
        </w:rPr>
        <w:footnoteReference w:id="49"/>
      </w:r>
      <w:r>
        <w:rPr>
          <w:sz w:val="37"/>
          <w:szCs w:val="37"/>
          <w:vertAlign w:val="superscript"/>
        </w:rPr>
        <w:t xml:space="preserve"> </w:t>
      </w:r>
    </w:p>
    <w:p w14:paraId="088E29B5" w14:textId="77777777" w:rsidR="00CF54CB" w:rsidRDefault="00344004">
      <w:pPr>
        <w:spacing w:after="78" w:line="259" w:lineRule="auto"/>
        <w:ind w:left="0" w:firstLine="0"/>
        <w:jc w:val="left"/>
      </w:pPr>
      <w:r>
        <w:t xml:space="preserve"> </w:t>
      </w:r>
    </w:p>
    <w:p w14:paraId="50E2ACD7" w14:textId="77777777" w:rsidR="00CF54CB" w:rsidRDefault="00344004">
      <w:pPr>
        <w:numPr>
          <w:ilvl w:val="0"/>
          <w:numId w:val="53"/>
        </w:numPr>
        <w:ind w:right="23"/>
      </w:pPr>
      <w:r>
        <w:t xml:space="preserve">An LBR should be subject to approval or disapproval by the domestic regulatory authority(ies) on the basis of a comprehensive and thorough review. The regulatory authority should have the ability to engage all experts necessary to assist in the review at the expense of the LBR applicant. </w:t>
      </w:r>
    </w:p>
    <w:p w14:paraId="230D94C4" w14:textId="77777777" w:rsidR="00CF54CB" w:rsidRDefault="00344004">
      <w:pPr>
        <w:spacing w:after="1" w:line="259" w:lineRule="auto"/>
        <w:ind w:left="0" w:firstLine="0"/>
        <w:jc w:val="left"/>
      </w:pPr>
      <w:r>
        <w:t xml:space="preserve"> </w:t>
      </w:r>
    </w:p>
    <w:p w14:paraId="5B10E2D1" w14:textId="77777777" w:rsidR="00CF54CB" w:rsidRDefault="00344004">
      <w:pPr>
        <w:numPr>
          <w:ilvl w:val="0"/>
          <w:numId w:val="53"/>
        </w:numPr>
        <w:ind w:right="23"/>
      </w:pPr>
      <w:r>
        <w:t xml:space="preserve">The LBR applicant has the burden of justifying the LBR to the regulatory authority. The regulatory authority should not approve a proposed LBR if the transaction is likely to jeopardize the financial stability of the insurers, prejudice the interests of policyholders or be unfair or unreasonable to policyholders. An </w:t>
      </w:r>
    </w:p>
    <w:p w14:paraId="31DA4DEF" w14:textId="77777777" w:rsidR="00CF54CB" w:rsidRDefault="00344004">
      <w:pPr>
        <w:spacing w:after="105"/>
        <w:ind w:left="0" w:firstLine="7"/>
      </w:pPr>
      <w:r>
        <w:t xml:space="preserve">LBR is not an acceptable alternative to appropriate regulatory action, such as the rehabilitation or </w:t>
      </w:r>
    </w:p>
    <w:p w14:paraId="1EEC93C8" w14:textId="77777777" w:rsidR="00CF54CB" w:rsidRDefault="00344004">
      <w:pPr>
        <w:spacing w:after="0" w:line="259" w:lineRule="auto"/>
        <w:ind w:left="0" w:firstLine="0"/>
        <w:jc w:val="left"/>
      </w:pPr>
      <w:r>
        <w:rPr>
          <w:rFonts w:ascii="Calibri" w:eastAsia="Calibri" w:hAnsi="Calibri" w:cs="Calibri"/>
          <w:noProof/>
          <w:sz w:val="22"/>
          <w:szCs w:val="22"/>
        </w:rPr>
        <mc:AlternateContent>
          <mc:Choice Requires="wpg">
            <w:drawing>
              <wp:inline distT="0" distB="0" distL="0" distR="0" wp14:anchorId="023C945B" wp14:editId="69140B2C">
                <wp:extent cx="1828800" cy="9144"/>
                <wp:effectExtent l="0" t="0" r="0" b="0"/>
                <wp:docPr id="117639" name="Group 117639" descr="P451#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40" name="Group 117640"/>
                        <wpg:cNvGrpSpPr/>
                        <wpg:grpSpPr>
                          <a:xfrm>
                            <a:off x="4431600" y="3775428"/>
                            <a:ext cx="1828800" cy="9144"/>
                            <a:chOff x="0" y="0"/>
                            <a:chExt cx="1828800" cy="9144"/>
                          </a:xfrm>
                        </wpg:grpSpPr>
                        <wps:wsp>
                          <wps:cNvPr id="117641" name="Rectangle 117641"/>
                          <wps:cNvSpPr/>
                          <wps:spPr>
                            <a:xfrm>
                              <a:off x="0" y="0"/>
                              <a:ext cx="1828800" cy="9125"/>
                            </a:xfrm>
                            <a:prstGeom prst="rect">
                              <a:avLst/>
                            </a:prstGeom>
                            <a:noFill/>
                            <a:ln>
                              <a:noFill/>
                            </a:ln>
                          </wps:spPr>
                          <wps:txbx>
                            <w:txbxContent>
                              <w:p w14:paraId="2E8FB46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42" name="Freeform: Shape 117642"/>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023C945B" id="Group 117639" o:spid="_x0000_s1272" alt="P451#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">
                <v:group id="Group 117640" o:spid="_x0000_s1273"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">
                  <v:rect id="Rectangle 117641" o:spid="_x0000_s1274"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" filled="f" stroked="f">
                    <v:textbox inset="2.53958mm,2.53958mm,2.53958mm,2.53958mm">
                      <w:txbxContent>
                        <w:p w14:paraId="2E8FB46C" w14:textId="77777777" w:rsidR="00CF54CB" w:rsidRDefault="00CF54CB">
                          <w:pPr>
                            <w:spacing w:after="0" w:line="240" w:lineRule="auto"/>
                            <w:ind w:left="0" w:firstLine="0"/>
                            <w:jc w:val="left"/>
                            <w:textDirection w:val="btLr"/>
                          </w:pPr>
                        </w:p>
                      </w:txbxContent>
                    </v:textbox>
                  </v:rect>
                  <v:shape id="Freeform: Shape 117642" o:spid="_x0000_s1275"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74EE1DD8" w14:textId="77777777" w:rsidR="00CF54CB" w:rsidRDefault="00344004">
      <w:pPr>
        <w:spacing w:after="98"/>
        <w:ind w:left="0" w:firstLine="7"/>
      </w:pPr>
      <w:r>
        <w:t xml:space="preserve">liquidation of insurers in hazardous financial condition, unless the hazardous financial condition is corrected in association with the LBR. </w:t>
      </w:r>
    </w:p>
    <w:p w14:paraId="6DFBDE87" w14:textId="77777777" w:rsidR="00CF54CB" w:rsidRDefault="00344004">
      <w:pPr>
        <w:numPr>
          <w:ilvl w:val="0"/>
          <w:numId w:val="53"/>
        </w:numPr>
        <w:spacing w:after="209"/>
        <w:ind w:right="23"/>
      </w:pPr>
      <w:r>
        <w:t>If the effect of the LBR is intended to extinguish an insurer’s obligation to its policyholders, consent of the policyholders should be required. Such transactions result in a novation or have the same effect on policyholders as a novation and therefore should satisfy the procedural and legal requirements of a novation. States should consider adopting the Assumption Reinsurance Model Act or other legislation that will safeguard the interests of policyholders.</w:t>
      </w:r>
      <w:r>
        <w:rPr>
          <w:rFonts w:ascii="ZWAdobeF" w:eastAsia="ZWAdobeF" w:hAnsi="ZWAdobeF" w:cs="ZWAdobeF"/>
          <w:sz w:val="2"/>
          <w:szCs w:val="2"/>
        </w:rPr>
        <w:t>44F</w:t>
      </w:r>
      <w:r>
        <w:rPr>
          <w:vertAlign w:val="superscript"/>
        </w:rPr>
        <w:footnoteReference w:id="50"/>
      </w:r>
      <w:r>
        <w:rPr>
          <w:sz w:val="37"/>
          <w:szCs w:val="37"/>
          <w:vertAlign w:val="superscript"/>
        </w:rPr>
        <w:t xml:space="preserve"> </w:t>
      </w:r>
    </w:p>
    <w:p w14:paraId="7294D302" w14:textId="77777777" w:rsidR="00CF54CB" w:rsidRDefault="00344004">
      <w:pPr>
        <w:numPr>
          <w:ilvl w:val="0"/>
          <w:numId w:val="53"/>
        </w:numPr>
        <w:ind w:right="23"/>
      </w:pPr>
      <w:r>
        <w:t xml:space="preserve">Public confidence in insurance and the integrity of the regulatory process requires that regulatory authorities strive to respond to LBRs as consistently as possible. Consideration should be given to developing a standardized regulatory review process through filing requirements, guidelines, protocols and best practices. The Pre-approval Checklist, Appendix 2, and On-going Regulation Oversight, Appendix 3, are examples of such regulatory guidelines. </w:t>
      </w:r>
    </w:p>
    <w:p w14:paraId="526FD834" w14:textId="77777777" w:rsidR="00CF54CB" w:rsidRDefault="00344004">
      <w:pPr>
        <w:spacing w:after="1" w:line="259" w:lineRule="auto"/>
        <w:ind w:left="0" w:firstLine="0"/>
        <w:jc w:val="left"/>
      </w:pPr>
      <w:r>
        <w:t xml:space="preserve"> </w:t>
      </w:r>
    </w:p>
    <w:p w14:paraId="27C6330F" w14:textId="77777777" w:rsidR="00CF54CB" w:rsidRDefault="00344004">
      <w:pPr>
        <w:numPr>
          <w:ilvl w:val="0"/>
          <w:numId w:val="53"/>
        </w:numPr>
        <w:ind w:right="23"/>
      </w:pPr>
      <w:r>
        <w:t xml:space="preserve">Interstate cooperation and communication are especially important. LBRs are likely to trigger the regulatory jurisdiction of more than one state and will be of interest to all states where affected policyholders reside. The domiciliary state of the parent or largest insurer involved in the LBR should coordinate activities among the states having jurisdiction over some aspect of the LBR, make basic </w:t>
      </w:r>
      <w:r>
        <w:lastRenderedPageBreak/>
        <w:t xml:space="preserve">information available to nondomiciliary states and respond to specific inquiries from non-domiciliary states as necessary. </w:t>
      </w:r>
    </w:p>
    <w:p w14:paraId="79A19D10" w14:textId="77777777" w:rsidR="00CF54CB" w:rsidRDefault="00344004">
      <w:pPr>
        <w:spacing w:after="13" w:line="259" w:lineRule="auto"/>
        <w:ind w:left="0" w:firstLine="0"/>
        <w:jc w:val="left"/>
      </w:pPr>
      <w:r>
        <w:rPr>
          <w:sz w:val="23"/>
          <w:szCs w:val="23"/>
        </w:rPr>
        <w:t xml:space="preserve"> </w:t>
      </w:r>
    </w:p>
    <w:p w14:paraId="48136E1E" w14:textId="77777777" w:rsidR="00CF54CB" w:rsidRDefault="00344004">
      <w:pPr>
        <w:numPr>
          <w:ilvl w:val="0"/>
          <w:numId w:val="53"/>
        </w:numPr>
        <w:ind w:right="23"/>
      </w:pPr>
      <w:r>
        <w:t xml:space="preserve">Policyholders should have an opportunity for direct participation in the LBR approval process. At a minimum, this should include notice to policyholders of the proposed LBR with an explanation of the LBR and its effect on policyholders, meaningful access to information about the LBR, and a public hearing that affords policyholders an opportunity to be heard. Meaningful access to information necessarily requires that policyholders be given access to information that may be sensitive and proprietary. The competing interests of the policyholders and the insurer in this regard should be balanced with appropriate measures such as protective orders or confidentiality agreements to allow policyholders access to such information while protecting the insurer’s interests, in accordance with applicable public information laws. </w:t>
      </w:r>
    </w:p>
    <w:p w14:paraId="2C743FC1" w14:textId="77777777" w:rsidR="00CF54CB" w:rsidRDefault="00344004">
      <w:pPr>
        <w:spacing w:after="6" w:line="259" w:lineRule="auto"/>
        <w:ind w:left="0" w:firstLine="0"/>
        <w:jc w:val="left"/>
      </w:pPr>
      <w:r>
        <w:t xml:space="preserve"> </w:t>
      </w:r>
    </w:p>
    <w:p w14:paraId="02BE9434" w14:textId="77777777" w:rsidR="00CF54CB" w:rsidRDefault="00344004">
      <w:pPr>
        <w:numPr>
          <w:ilvl w:val="0"/>
          <w:numId w:val="53"/>
        </w:numPr>
        <w:ind w:right="23"/>
      </w:pPr>
      <w:r>
        <w:t xml:space="preserve">The review of all financial aspects of a proposed LBR culminate in a determination of the adequacy of capital and surplus. It should be demonstrated that each insurer in the group will have adequate capital and surplus to support its own liabilities and plan of operation. The capital facilities at the holding company level also should be reviewed for adequacy should a member of the group require additional capital infusions, guarantees or other support measures. </w:t>
      </w:r>
    </w:p>
    <w:p w14:paraId="64482E22" w14:textId="77777777" w:rsidR="00CF54CB" w:rsidRDefault="00344004">
      <w:pPr>
        <w:spacing w:after="1" w:line="259" w:lineRule="auto"/>
        <w:ind w:left="0" w:firstLine="0"/>
        <w:jc w:val="left"/>
      </w:pPr>
      <w:r>
        <w:t xml:space="preserve"> </w:t>
      </w:r>
    </w:p>
    <w:p w14:paraId="401EC4BE" w14:textId="77777777" w:rsidR="00CF54CB" w:rsidRDefault="00344004">
      <w:pPr>
        <w:numPr>
          <w:ilvl w:val="0"/>
          <w:numId w:val="53"/>
        </w:numPr>
        <w:ind w:right="23"/>
      </w:pPr>
      <w:r>
        <w:t xml:space="preserve">A key regulatory consideration in evaluating an LBR is whether there will be an on-going parental or affiliate involvement with the restructured insurer after the completion of the LBR. This involvement may take many forms, including, but not limited to, overlapping management, capital and surplus guarantees, reinsurance agreements, cut-through provisions and investment yield guarantees. The form and extent of the involvement or support will depend on the structure of the LBR and the entities involved. </w:t>
      </w:r>
    </w:p>
    <w:p w14:paraId="776E7733" w14:textId="77777777" w:rsidR="00CF54CB" w:rsidRDefault="00344004">
      <w:pPr>
        <w:spacing w:after="6" w:line="259" w:lineRule="auto"/>
        <w:ind w:left="0" w:firstLine="0"/>
        <w:jc w:val="left"/>
      </w:pPr>
      <w:r>
        <w:t xml:space="preserve"> </w:t>
      </w:r>
    </w:p>
    <w:p w14:paraId="63DFD8FC" w14:textId="77777777" w:rsidR="00CF54CB" w:rsidRDefault="00344004">
      <w:pPr>
        <w:numPr>
          <w:ilvl w:val="0"/>
          <w:numId w:val="53"/>
        </w:numPr>
        <w:spacing w:after="147"/>
        <w:ind w:right="23"/>
      </w:pPr>
      <w:r>
        <w:t xml:space="preserve">Material exposures to asbestos, pollution and health hazard claims (APH) have been the motivating factor in recent noteworthy LBRs. The Working Group recommends that the NAIC request that the </w:t>
      </w:r>
    </w:p>
    <w:p w14:paraId="1D942652" w14:textId="77777777" w:rsidR="00CF54CB" w:rsidRDefault="00344004">
      <w:pPr>
        <w:spacing w:after="0" w:line="259" w:lineRule="auto"/>
        <w:ind w:left="0" w:firstLine="0"/>
        <w:jc w:val="left"/>
      </w:pPr>
      <w:r>
        <w:rPr>
          <w:rFonts w:ascii="Calibri" w:eastAsia="Calibri" w:hAnsi="Calibri" w:cs="Calibri"/>
          <w:noProof/>
          <w:sz w:val="22"/>
          <w:szCs w:val="22"/>
        </w:rPr>
        <mc:AlternateContent>
          <mc:Choice Requires="wpg">
            <w:drawing>
              <wp:inline distT="0" distB="0" distL="0" distR="0" wp14:anchorId="40FD85F5" wp14:editId="5908D2DB">
                <wp:extent cx="1828800" cy="9144"/>
                <wp:effectExtent l="0" t="0" r="0" b="0"/>
                <wp:docPr id="117643" name="Group 117643" descr="P465#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44" name="Group 117644"/>
                        <wpg:cNvGrpSpPr/>
                        <wpg:grpSpPr>
                          <a:xfrm>
                            <a:off x="4431600" y="3775428"/>
                            <a:ext cx="1828800" cy="9144"/>
                            <a:chOff x="0" y="0"/>
                            <a:chExt cx="1828800" cy="9144"/>
                          </a:xfrm>
                        </wpg:grpSpPr>
                        <wps:wsp>
                          <wps:cNvPr id="117645" name="Rectangle 117645"/>
                          <wps:cNvSpPr/>
                          <wps:spPr>
                            <a:xfrm>
                              <a:off x="0" y="0"/>
                              <a:ext cx="1828800" cy="9125"/>
                            </a:xfrm>
                            <a:prstGeom prst="rect">
                              <a:avLst/>
                            </a:prstGeom>
                            <a:noFill/>
                            <a:ln>
                              <a:noFill/>
                            </a:ln>
                          </wps:spPr>
                          <wps:txbx>
                            <w:txbxContent>
                              <w:p w14:paraId="32C7BBD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46" name="Freeform: Shape 117646"/>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40FD85F5" id="Group 117643" o:spid="_x0000_s1276" alt="P465#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">
                <v:group id="Group 117644" o:spid="_x0000_s1277"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">
                  <v:rect id="Rectangle 117645" o:spid="_x0000_s1278"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" filled="f" stroked="f">
                    <v:textbox inset="2.53958mm,2.53958mm,2.53958mm,2.53958mm">
                      <w:txbxContent>
                        <w:p w14:paraId="32C7BBD3" w14:textId="77777777" w:rsidR="00CF54CB" w:rsidRDefault="00CF54CB">
                          <w:pPr>
                            <w:spacing w:after="0" w:line="240" w:lineRule="auto"/>
                            <w:ind w:left="0" w:firstLine="0"/>
                            <w:jc w:val="left"/>
                            <w:textDirection w:val="btLr"/>
                          </w:pPr>
                        </w:p>
                      </w:txbxContent>
                    </v:textbox>
                  </v:rect>
                  <v:shape id="Freeform: Shape 117646" o:spid="_x0000_s1279"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578EEB68" w14:textId="77777777" w:rsidR="00CF54CB" w:rsidRDefault="00344004">
      <w:pPr>
        <w:ind w:left="0" w:firstLine="7"/>
      </w:pPr>
      <w:r>
        <w:t xml:space="preserve">Casualty Actuarial (Technical) Task Force consider documenting and evaluating the analytical techniques in use to estimate such long-tail exposures. </w:t>
      </w:r>
    </w:p>
    <w:p w14:paraId="20E9E9E5" w14:textId="77777777" w:rsidR="00CF54CB" w:rsidRDefault="00344004">
      <w:pPr>
        <w:spacing w:after="6" w:line="259" w:lineRule="auto"/>
        <w:ind w:left="0" w:firstLine="0"/>
        <w:jc w:val="left"/>
      </w:pPr>
      <w:r>
        <w:t xml:space="preserve"> </w:t>
      </w:r>
    </w:p>
    <w:p w14:paraId="48BECC5C" w14:textId="77777777" w:rsidR="00CF54CB" w:rsidRDefault="00344004">
      <w:pPr>
        <w:numPr>
          <w:ilvl w:val="0"/>
          <w:numId w:val="53"/>
        </w:numPr>
        <w:ind w:right="23"/>
      </w:pPr>
      <w:r>
        <w:t xml:space="preserve">The major LBRs that have generated concern and raised issues are a fairly recent development. The nature of future LBRs and their frequency remains to be seen. The NAIC should consider monitoring the evolution of these transactions in order to determine whether additional regulatory responses are necessary. </w:t>
      </w:r>
    </w:p>
    <w:p w14:paraId="5AB2BAEA" w14:textId="77777777" w:rsidR="00CF54CB" w:rsidRDefault="00344004">
      <w:pPr>
        <w:spacing w:after="156" w:line="259" w:lineRule="auto"/>
        <w:ind w:left="0" w:firstLine="0"/>
        <w:jc w:val="left"/>
      </w:pPr>
      <w:r>
        <w:t xml:space="preserve"> </w:t>
      </w:r>
    </w:p>
    <w:p w14:paraId="15B98684" w14:textId="77777777" w:rsidR="00CF54CB" w:rsidRDefault="00344004">
      <w:pPr>
        <w:spacing w:after="0" w:line="259" w:lineRule="auto"/>
        <w:ind w:left="0" w:firstLine="0"/>
        <w:jc w:val="left"/>
      </w:pPr>
      <w:r>
        <w:t xml:space="preserve"> </w:t>
      </w:r>
      <w:r>
        <w:br w:type="page"/>
      </w:r>
    </w:p>
    <w:p w14:paraId="096A31D3" w14:textId="77777777" w:rsidR="00CF54CB" w:rsidRDefault="00344004">
      <w:pPr>
        <w:spacing w:after="0" w:line="259" w:lineRule="auto"/>
        <w:ind w:left="0" w:right="26" w:firstLine="0"/>
        <w:jc w:val="right"/>
      </w:pPr>
      <w:r>
        <w:rPr>
          <w:b/>
        </w:rPr>
        <w:lastRenderedPageBreak/>
        <w:t xml:space="preserve">APPENDIX 1 </w:t>
      </w:r>
    </w:p>
    <w:p w14:paraId="4A062426" w14:textId="77777777" w:rsidR="00CF54CB" w:rsidRDefault="00344004">
      <w:pPr>
        <w:spacing w:after="0" w:line="259" w:lineRule="auto"/>
        <w:ind w:left="10" w:right="979" w:hanging="10"/>
        <w:jc w:val="center"/>
      </w:pPr>
      <w:r>
        <w:rPr>
          <w:b/>
        </w:rPr>
        <w:t xml:space="preserve">Case Studies </w:t>
      </w:r>
    </w:p>
    <w:p w14:paraId="68A59DFE" w14:textId="77777777" w:rsidR="00CF54CB" w:rsidRDefault="00344004">
      <w:pPr>
        <w:spacing w:after="0" w:line="259" w:lineRule="auto"/>
        <w:ind w:left="0" w:firstLine="0"/>
        <w:jc w:val="left"/>
      </w:pPr>
      <w:r>
        <w:rPr>
          <w:b/>
          <w:sz w:val="22"/>
          <w:szCs w:val="22"/>
        </w:rPr>
        <w:t xml:space="preserve"> </w:t>
      </w:r>
    </w:p>
    <w:p w14:paraId="34AB1176" w14:textId="77777777" w:rsidR="00CF54CB" w:rsidRDefault="00344004">
      <w:pPr>
        <w:spacing w:after="12"/>
        <w:ind w:left="2012" w:hanging="10"/>
      </w:pPr>
      <w:r>
        <w:rPr>
          <w:b/>
        </w:rPr>
        <w:t xml:space="preserve">Cigna Corporation Property and Casualty Division </w:t>
      </w:r>
    </w:p>
    <w:p w14:paraId="21C99CD5" w14:textId="77777777" w:rsidR="00CF54CB" w:rsidRDefault="00344004">
      <w:pPr>
        <w:spacing w:after="147" w:line="259" w:lineRule="auto"/>
        <w:ind w:left="0" w:firstLine="0"/>
        <w:jc w:val="left"/>
      </w:pPr>
      <w:r>
        <w:rPr>
          <w:b/>
          <w:sz w:val="16"/>
          <w:szCs w:val="16"/>
        </w:rPr>
        <w:t xml:space="preserve"> </w:t>
      </w:r>
    </w:p>
    <w:p w14:paraId="4E925D5D" w14:textId="77777777" w:rsidR="00CF54CB" w:rsidRDefault="00344004">
      <w:pPr>
        <w:ind w:left="0" w:right="31" w:firstLine="7"/>
      </w:pPr>
      <w:r>
        <w:t xml:space="preserve">An intercompany reinsurance pooling arrangement existed between a substantial portion of the property and casualty insurance companies of Cigna Corporation. The lead company in the pool was the Insurance Company of North America (INA), a Pennsylvania-domiciled insurer. </w:t>
      </w:r>
    </w:p>
    <w:p w14:paraId="60148549" w14:textId="77777777" w:rsidR="00CF54CB" w:rsidRDefault="00344004">
      <w:pPr>
        <w:spacing w:after="0" w:line="259" w:lineRule="auto"/>
        <w:ind w:left="0" w:firstLine="0"/>
        <w:jc w:val="left"/>
      </w:pPr>
      <w:r>
        <w:rPr>
          <w:sz w:val="22"/>
          <w:szCs w:val="22"/>
        </w:rPr>
        <w:t xml:space="preserve"> </w:t>
      </w:r>
    </w:p>
    <w:p w14:paraId="0E4A2CD2" w14:textId="77777777" w:rsidR="00CF54CB" w:rsidRDefault="00344004">
      <w:pPr>
        <w:ind w:left="0" w:right="26" w:firstLine="7"/>
      </w:pPr>
      <w:r>
        <w:t xml:space="preserve">For some years the pool’s loss reserves experienced adverse development mainly from its 1986 and prior general liability policies which included APH and other long-tail liabilities. During 1994, A.M. Best downgraded the rating of the companies within the pool to B++. After a mini-restructuring in 1994 that created two separate intercompany reinsurance pooling arrangements, A.M. Best gave the pools two separate ratings, one being A- with developing implications, the other a B+ with negative implications. </w:t>
      </w:r>
    </w:p>
    <w:p w14:paraId="4EA62BF6" w14:textId="77777777" w:rsidR="00CF54CB" w:rsidRDefault="00344004">
      <w:pPr>
        <w:spacing w:after="0" w:line="259" w:lineRule="auto"/>
        <w:ind w:left="0" w:firstLine="0"/>
        <w:jc w:val="left"/>
      </w:pPr>
      <w:r>
        <w:rPr>
          <w:sz w:val="22"/>
          <w:szCs w:val="22"/>
        </w:rPr>
        <w:t xml:space="preserve"> </w:t>
      </w:r>
    </w:p>
    <w:p w14:paraId="57F154A2" w14:textId="77777777" w:rsidR="00CF54CB" w:rsidRDefault="00344004">
      <w:pPr>
        <w:ind w:left="0" w:right="25" w:firstLine="7"/>
      </w:pPr>
      <w:r>
        <w:t xml:space="preserve">To alleviate A.M. Best’s and market concerns over the operations of Cigna, a second restructuring proposal was submitted to the Pennsylvania Insurance Department in October 1995. The restructuring plan called for the use of the Pennsylvania Business Corporation Law’s division statute to divide INA into two companies. The two companies resulting from the division would be controlled by two separate holding companies. Simultaneously with the division, Cigna would amend its two pooling arrangements. The effect would be that the one resulting insurer, CCI (which would then be merged into Century Indemnity), would receive the 1986 and prior liabilities along with certain assets and be placed in run-off. The other resulting insurer, INA, would receive the remaining liabilities and assets, continue to write business and enter into a new intercompany reinsurance pooling arrangement with a substantial portion of the Cigna companies (active companies). As part of the restructuring, a capital infusion of $500 million was contributed by </w:t>
      </w:r>
    </w:p>
    <w:p w14:paraId="6048A3A4" w14:textId="77777777" w:rsidR="00CF54CB" w:rsidRDefault="00344004">
      <w:pPr>
        <w:ind w:left="0" w:right="26" w:firstLine="7"/>
      </w:pPr>
      <w:r>
        <w:t xml:space="preserve">Cigna Corporation to Century Indemnity. In addition, the active companies supported Century Indemnity through an $800 million excess of loss reinsurance agreement and a $50 million dividend retention fund. </w:t>
      </w:r>
    </w:p>
    <w:p w14:paraId="5DBAADC8" w14:textId="77777777" w:rsidR="00CF54CB" w:rsidRDefault="00344004">
      <w:pPr>
        <w:spacing w:after="0" w:line="259" w:lineRule="auto"/>
        <w:ind w:left="0" w:firstLine="0"/>
        <w:jc w:val="left"/>
      </w:pPr>
      <w:r>
        <w:rPr>
          <w:sz w:val="22"/>
          <w:szCs w:val="22"/>
        </w:rPr>
        <w:t xml:space="preserve"> </w:t>
      </w:r>
    </w:p>
    <w:p w14:paraId="5DA9BE60" w14:textId="77777777" w:rsidR="00CF54CB" w:rsidRDefault="00344004">
      <w:pPr>
        <w:ind w:left="0" w:right="23" w:firstLine="7"/>
      </w:pPr>
      <w:r>
        <w:t xml:space="preserve">The Pennsylvania Insurance Commissioner approved the division and changes to the intercompany reinsurance pooling arrangements. Seven other states, Texas, Ohio, Indiana, Illinois, California, New Jersey and Connecticut, approved changes in the intercompany reinsurance pooling arrangements and a change of control of certain insurers. The reorganization became effective on Dec. 31, 1995. </w:t>
      </w:r>
    </w:p>
    <w:p w14:paraId="53F95838" w14:textId="77777777" w:rsidR="00CF54CB" w:rsidRDefault="00344004">
      <w:pPr>
        <w:spacing w:after="0" w:line="259" w:lineRule="auto"/>
        <w:ind w:left="0" w:firstLine="0"/>
        <w:jc w:val="left"/>
      </w:pPr>
      <w:r>
        <w:rPr>
          <w:sz w:val="22"/>
          <w:szCs w:val="22"/>
        </w:rPr>
        <w:t xml:space="preserve"> </w:t>
      </w:r>
    </w:p>
    <w:p w14:paraId="1FBA330A" w14:textId="77777777" w:rsidR="00CF54CB" w:rsidRDefault="00344004">
      <w:pPr>
        <w:spacing w:after="12"/>
        <w:ind w:left="2257" w:hanging="10"/>
      </w:pPr>
      <w:r>
        <w:rPr>
          <w:b/>
        </w:rPr>
        <w:t xml:space="preserve">Restructuring of the Crum and Forster Group </w:t>
      </w:r>
    </w:p>
    <w:p w14:paraId="4544C02E" w14:textId="77777777" w:rsidR="00CF54CB" w:rsidRDefault="00344004">
      <w:pPr>
        <w:spacing w:after="0" w:line="259" w:lineRule="auto"/>
        <w:ind w:left="0" w:firstLine="0"/>
        <w:jc w:val="left"/>
      </w:pPr>
      <w:r>
        <w:rPr>
          <w:b/>
          <w:sz w:val="22"/>
          <w:szCs w:val="22"/>
        </w:rPr>
        <w:t xml:space="preserve"> </w:t>
      </w:r>
    </w:p>
    <w:p w14:paraId="798D6B5D" w14:textId="77777777" w:rsidR="00CF54CB" w:rsidRDefault="00344004">
      <w:pPr>
        <w:ind w:left="0" w:right="28" w:firstLine="7"/>
      </w:pPr>
      <w:r>
        <w:t xml:space="preserve">Prior to the 1993 restructuring, the Crum and Forster Group, ultimately owned by Xerox Corporation, included 21 property and casualty insurance companies, five of which directly participated in an interaffiliate pool. The lead company of the pool was United States Fire, which, along with affiliates Westchester Fire and Constitution Reinsurance, was domiciled in New York. International Insurance Company was the sole Illinois domestic participant in the inter-affiliate pool. International Surplus Lines, an Illinois domestic, ceded 100% of its business to International Insurance Company, so it was an indirect participant in the pool. </w:t>
      </w:r>
    </w:p>
    <w:p w14:paraId="415CDA01" w14:textId="77777777" w:rsidR="00CF54CB" w:rsidRDefault="00344004">
      <w:pPr>
        <w:spacing w:after="0" w:line="259" w:lineRule="auto"/>
        <w:ind w:left="0" w:firstLine="0"/>
        <w:jc w:val="left"/>
      </w:pPr>
      <w:r>
        <w:rPr>
          <w:sz w:val="22"/>
          <w:szCs w:val="22"/>
        </w:rPr>
        <w:t xml:space="preserve"> </w:t>
      </w:r>
    </w:p>
    <w:p w14:paraId="22241EB9" w14:textId="77777777" w:rsidR="00CF54CB" w:rsidRDefault="00344004">
      <w:pPr>
        <w:ind w:left="0" w:firstLine="7"/>
      </w:pPr>
      <w:r>
        <w:lastRenderedPageBreak/>
        <w:t xml:space="preserve">Following a preliminary restructuring in 1990 which included exiting from the standard personal lines market and other market-related action to improve on-going operational results, Xerox announced plans to exit the financial services business. During the latter part of 1992, in preparation for the LBR, the group greatly strengthened loss reserves, after having suffered significant losses from Hurricanes Andrew and Iniki. Although the LBR was intended to enhance the salability of the insurance operations, an immediate goal was to realign the business into stand-alone company groups. Each group was to be dedicated to a particular purpose with greater management accountability and better focus. </w:t>
      </w:r>
    </w:p>
    <w:p w14:paraId="5EBB6830" w14:textId="77777777" w:rsidR="00CF54CB" w:rsidRDefault="00344004">
      <w:pPr>
        <w:spacing w:after="0" w:line="259" w:lineRule="auto"/>
        <w:ind w:left="0" w:firstLine="0"/>
        <w:jc w:val="left"/>
      </w:pPr>
      <w:r>
        <w:rPr>
          <w:sz w:val="22"/>
          <w:szCs w:val="22"/>
        </w:rPr>
        <w:t xml:space="preserve"> </w:t>
      </w:r>
    </w:p>
    <w:p w14:paraId="5698D021" w14:textId="77777777" w:rsidR="00CF54CB" w:rsidRDefault="00344004">
      <w:pPr>
        <w:ind w:left="0" w:right="26" w:firstLine="7"/>
      </w:pPr>
      <w:r>
        <w:t xml:space="preserve">The initial step of the LBR was to de-pool the group’s operations. Seven separate operating groups were created: (1) Constitution Reinsurance – treaty and facultative reinsurance; (2) Coregis – professional liability, public entity and other property and casualty programs; (3) Crum &amp; Forster Insurance – commercial property and casualty insurance through a select network of independent agents; (4) Industrial Indemnity – workers’ compensation coverage and services; (5) The Resolution Group – reinsurance collection services and management of run-off businesses; (6) Viking – non-standard personal auto; and (7) Westchester Specialty Group – umbrella, excess casualty and specialty property business. To this end, various assumptive and indemnity reinsurance contracts were executed among the affiliates, and a stop loss contract was entered with Ridge Re, an affiliated reinsurer funded by the group’s direct parent, Xerox Financial Services. Additional capital constituting $235 million in cash and $100 million in notes was contributed to the group. </w:t>
      </w:r>
    </w:p>
    <w:p w14:paraId="3F7561E6" w14:textId="77777777" w:rsidR="00CF54CB" w:rsidRDefault="00344004">
      <w:pPr>
        <w:spacing w:after="0" w:line="259" w:lineRule="auto"/>
        <w:ind w:left="0" w:firstLine="0"/>
        <w:jc w:val="left"/>
      </w:pPr>
      <w:r>
        <w:rPr>
          <w:sz w:val="22"/>
          <w:szCs w:val="22"/>
        </w:rPr>
        <w:t xml:space="preserve"> </w:t>
      </w:r>
    </w:p>
    <w:p w14:paraId="15397B37" w14:textId="77777777" w:rsidR="00CF54CB" w:rsidRDefault="00344004">
      <w:pPr>
        <w:ind w:left="0" w:right="27" w:firstLine="7"/>
      </w:pPr>
      <w:r>
        <w:t xml:space="preserve">The LBR received approval in the 15 states in which the 21 property and casualty insurance companies were domiciled. The primary states were New York, Illinois, California, and New Jersey. Initial discussions with the states began during the first part of 1993, and approval from all states was received by September 7 of that year. Regulators granted approvals to Form A exemptions, restatement of unassigned funds/quasireorganization, various reinsurance agreements, the merger of International Surplus Lines into International Insurance Company, various service agreements, and assumption certificates. </w:t>
      </w:r>
    </w:p>
    <w:p w14:paraId="5938AB78" w14:textId="77777777" w:rsidR="00CF54CB" w:rsidRDefault="00344004">
      <w:pPr>
        <w:spacing w:after="0" w:line="259" w:lineRule="auto"/>
        <w:ind w:left="0" w:firstLine="0"/>
        <w:jc w:val="left"/>
      </w:pPr>
      <w:r>
        <w:rPr>
          <w:sz w:val="22"/>
          <w:szCs w:val="22"/>
        </w:rPr>
        <w:t xml:space="preserve"> </w:t>
      </w:r>
    </w:p>
    <w:p w14:paraId="6E17072A" w14:textId="77777777" w:rsidR="00CF54CB" w:rsidRDefault="00344004">
      <w:pPr>
        <w:spacing w:after="0" w:line="259" w:lineRule="auto"/>
        <w:ind w:left="10" w:right="987" w:hanging="10"/>
        <w:jc w:val="center"/>
      </w:pPr>
      <w:r>
        <w:rPr>
          <w:b/>
        </w:rPr>
        <w:t xml:space="preserve">ITT Corporation </w:t>
      </w:r>
    </w:p>
    <w:p w14:paraId="047AB7AB" w14:textId="77777777" w:rsidR="00CF54CB" w:rsidRDefault="00344004">
      <w:pPr>
        <w:spacing w:after="0" w:line="259" w:lineRule="auto"/>
        <w:ind w:left="0" w:firstLine="0"/>
        <w:jc w:val="left"/>
      </w:pPr>
      <w:r>
        <w:rPr>
          <w:b/>
          <w:sz w:val="22"/>
          <w:szCs w:val="22"/>
        </w:rPr>
        <w:t xml:space="preserve"> </w:t>
      </w:r>
    </w:p>
    <w:p w14:paraId="72E4D3B0" w14:textId="77777777" w:rsidR="00CF54CB" w:rsidRDefault="00344004">
      <w:pPr>
        <w:ind w:left="0" w:right="26" w:firstLine="7"/>
      </w:pPr>
      <w:r>
        <w:t xml:space="preserve">In 1992, the Connecticut Insurance Department approved a series of transactions through which ITT Corporation restructured its insurance business into discontinued and on-going operations. Effective Sept. 30, 1992, First State Insurance Company (FSIC) redomesticated from Delaware to Connecticut. Ownership of FSIC and its Connecticut domiciled subsidiaries, New England Insurance Company and New England Reinsurance Company, collectively referred to as the First State Companies, was transferred from Hartford Fire Insurance Company (HFIC) to ITT Corporation through an extraordinary dividend. Since Connecticut was domicile to FSIC and its subsidiaries, no other state was required to approve the transaction. All approvals were made pursuant to Connecticut’s holding company act and notification was made to all states requiring notice regarding the discontinuation of writing new and renewal business. </w:t>
      </w:r>
    </w:p>
    <w:p w14:paraId="4F9A0C76" w14:textId="77777777" w:rsidR="00CF54CB" w:rsidRDefault="00344004">
      <w:pPr>
        <w:spacing w:after="0" w:line="259" w:lineRule="auto"/>
        <w:ind w:left="0" w:firstLine="0"/>
        <w:jc w:val="left"/>
      </w:pPr>
      <w:r>
        <w:rPr>
          <w:sz w:val="22"/>
          <w:szCs w:val="22"/>
        </w:rPr>
        <w:t xml:space="preserve"> </w:t>
      </w:r>
    </w:p>
    <w:p w14:paraId="63DCD8B7" w14:textId="77777777" w:rsidR="00CF54CB" w:rsidRDefault="00344004">
      <w:pPr>
        <w:spacing w:after="12"/>
        <w:ind w:left="3183" w:hanging="10"/>
      </w:pPr>
      <w:r>
        <w:rPr>
          <w:b/>
        </w:rPr>
        <w:t xml:space="preserve">The Home Insurance Group </w:t>
      </w:r>
    </w:p>
    <w:p w14:paraId="2A72DA1F" w14:textId="77777777" w:rsidR="00CF54CB" w:rsidRDefault="00344004">
      <w:pPr>
        <w:spacing w:after="0" w:line="259" w:lineRule="auto"/>
        <w:ind w:left="0" w:firstLine="0"/>
        <w:jc w:val="left"/>
      </w:pPr>
      <w:r>
        <w:rPr>
          <w:b/>
          <w:sz w:val="22"/>
          <w:szCs w:val="22"/>
        </w:rPr>
        <w:t xml:space="preserve"> </w:t>
      </w:r>
    </w:p>
    <w:p w14:paraId="1326917C" w14:textId="77777777" w:rsidR="00CF54CB" w:rsidRDefault="00344004">
      <w:pPr>
        <w:ind w:left="0" w:right="26" w:firstLine="7"/>
      </w:pPr>
      <w:r>
        <w:t xml:space="preserve">Prior to mid-1995, the Home Insurance Company and five of its seven property/casualty insurance subsidiaries operated under a pooling agreement for the writing of commercial business. Following several years of losses, the Home’s upstream parents, Home Holdings, Inc. and Trygg Hansa AB, entered into an </w:t>
      </w:r>
      <w:r>
        <w:lastRenderedPageBreak/>
        <w:t xml:space="preserve">agreement in principle in December 1994 with the Zurich Insurance Group to sell the Home Companies. The agreement virtually put the Home and its subsidiaries into run-off. The issues surrounding the acquisition and related transactions involved adequacy and funding of reserves, including asbestos and environmental, reinsurance, mergers and redomestications, and placement of renewal business. In addition, Home Holdings, Inc. had outstanding public shareholders and public bondholders. </w:t>
      </w:r>
    </w:p>
    <w:p w14:paraId="49A7FAB1" w14:textId="77777777" w:rsidR="00CF54CB" w:rsidRDefault="00344004">
      <w:pPr>
        <w:spacing w:after="70"/>
        <w:ind w:left="0" w:right="24" w:firstLine="7"/>
      </w:pPr>
      <w:r>
        <w:t xml:space="preserve">New Hampshire, the domiciliary regulatory authority for the Home Insurance Company, coordinated a multistate review. Provisions of the modified agreement included a guaranteed investment rate of 7.5%, excess of loss reinsurance coverage of up to $1.3 billion, deferral of servicing fees over cost, policyholder access to a Zurich company for new and renewal business, renewal fees paid by Zurich to fund interest on public debt, and the buyout of Home Holdings’ publicly held capital stock. The states of New Hampshire, New York, New Jersey, Illinois, Indiana, California and Texas participated in approving all or part of the transaction, and all insurance subsidiaries except U.S. International Reinsurance Company were eventually merged into the Home Insurance Company in run-off. New Hampshire has maintained continual regulatory oversight since the transaction was approved in June 1995. </w:t>
      </w:r>
    </w:p>
    <w:p w14:paraId="4C493E6D" w14:textId="77777777" w:rsidR="00CF54CB" w:rsidRDefault="00344004">
      <w:pPr>
        <w:spacing w:after="0" w:line="259" w:lineRule="auto"/>
        <w:ind w:left="0" w:firstLine="0"/>
        <w:jc w:val="left"/>
      </w:pPr>
      <w:r>
        <w:t xml:space="preserve"> </w:t>
      </w:r>
      <w:r>
        <w:br w:type="page"/>
      </w:r>
    </w:p>
    <w:p w14:paraId="30ECCB8B" w14:textId="77777777" w:rsidR="00CF54CB" w:rsidRDefault="00344004">
      <w:pPr>
        <w:spacing w:after="74" w:line="259" w:lineRule="auto"/>
        <w:ind w:left="0" w:firstLine="0"/>
        <w:jc w:val="left"/>
      </w:pPr>
      <w:r>
        <w:rPr>
          <w:sz w:val="22"/>
          <w:szCs w:val="22"/>
        </w:rPr>
        <w:lastRenderedPageBreak/>
        <w:t xml:space="preserve"> </w:t>
      </w:r>
    </w:p>
    <w:p w14:paraId="07495536" w14:textId="77777777" w:rsidR="00CF54CB" w:rsidRDefault="00344004">
      <w:pPr>
        <w:spacing w:after="0"/>
        <w:ind w:left="3408" w:firstLine="5381"/>
      </w:pPr>
      <w:r>
        <w:rPr>
          <w:b/>
        </w:rPr>
        <w:t xml:space="preserve">APPENDIX 2 Pre-Approval Checklist </w:t>
      </w:r>
    </w:p>
    <w:p w14:paraId="2356B78F" w14:textId="77777777" w:rsidR="00CF54CB" w:rsidRDefault="00344004">
      <w:pPr>
        <w:spacing w:after="164" w:line="259" w:lineRule="auto"/>
        <w:ind w:left="0" w:firstLine="0"/>
        <w:jc w:val="left"/>
      </w:pPr>
      <w:r>
        <w:rPr>
          <w:b/>
          <w:sz w:val="15"/>
          <w:szCs w:val="15"/>
        </w:rPr>
        <w:t xml:space="preserve"> </w:t>
      </w:r>
    </w:p>
    <w:p w14:paraId="50CCB29A" w14:textId="77777777" w:rsidR="00CF54CB" w:rsidRDefault="00344004">
      <w:pPr>
        <w:ind w:left="0" w:right="26" w:firstLine="7"/>
      </w:pPr>
      <w:r>
        <w:t xml:space="preserve">Following is a list of information and data that, if not included in the original filing, should be requested by the regulatory authority and considered in the review of an insurer’s proposed LBR. This list should be used as general guidance and is not intended to be all inclusive. An LBR may be effected through various forms. The regulatory authority may find it necessary to request additional information, dependent upon the complexity of the proposal, the level of regulatory oversight warranted and other circumstances specific to the proposal or the insurer. </w:t>
      </w:r>
    </w:p>
    <w:p w14:paraId="57ECACFD" w14:textId="77777777" w:rsidR="00CF54CB" w:rsidRDefault="00344004">
      <w:pPr>
        <w:spacing w:after="21" w:line="259" w:lineRule="auto"/>
        <w:ind w:left="0" w:firstLine="0"/>
        <w:jc w:val="left"/>
      </w:pPr>
      <w:r>
        <w:rPr>
          <w:sz w:val="22"/>
          <w:szCs w:val="22"/>
        </w:rPr>
        <w:t xml:space="preserve"> </w:t>
      </w:r>
    </w:p>
    <w:p w14:paraId="2DB54718" w14:textId="77777777" w:rsidR="00CF54CB" w:rsidRDefault="00344004">
      <w:pPr>
        <w:tabs>
          <w:tab w:val="center" w:pos="1174"/>
        </w:tabs>
        <w:ind w:left="0" w:firstLine="0"/>
        <w:jc w:val="left"/>
      </w:pPr>
      <w:r>
        <w:t>1.</w:t>
      </w:r>
      <w:r>
        <w:rPr>
          <w:rFonts w:ascii="Arial" w:eastAsia="Arial" w:hAnsi="Arial" w:cs="Arial"/>
        </w:rPr>
        <w:t xml:space="preserve"> </w:t>
      </w:r>
      <w:r>
        <w:rPr>
          <w:rFonts w:ascii="Arial" w:eastAsia="Arial" w:hAnsi="Arial" w:cs="Arial"/>
        </w:rPr>
        <w:tab/>
      </w:r>
      <w:r>
        <w:t xml:space="preserve">Narrative </w:t>
      </w:r>
    </w:p>
    <w:p w14:paraId="1E752DC0" w14:textId="77777777" w:rsidR="00CF54CB" w:rsidRDefault="00344004">
      <w:pPr>
        <w:spacing w:after="0" w:line="259" w:lineRule="auto"/>
        <w:ind w:left="0" w:firstLine="0"/>
        <w:jc w:val="left"/>
      </w:pPr>
      <w:r>
        <w:rPr>
          <w:sz w:val="22"/>
          <w:szCs w:val="22"/>
        </w:rPr>
        <w:t xml:space="preserve"> </w:t>
      </w:r>
    </w:p>
    <w:p w14:paraId="1068E3E9" w14:textId="77777777" w:rsidR="00CF54CB" w:rsidRDefault="00344004">
      <w:pPr>
        <w:ind w:left="0" w:right="396" w:firstLine="7"/>
      </w:pPr>
      <w:r>
        <w:t xml:space="preserve">A general written summary of the proposed LBR, explaining: </w:t>
      </w:r>
    </w:p>
    <w:p w14:paraId="22FC2E39" w14:textId="77777777" w:rsidR="00CF54CB" w:rsidRDefault="00344004">
      <w:pPr>
        <w:spacing w:after="22" w:line="259" w:lineRule="auto"/>
        <w:ind w:left="0" w:firstLine="0"/>
        <w:jc w:val="left"/>
      </w:pPr>
      <w:r>
        <w:rPr>
          <w:sz w:val="22"/>
          <w:szCs w:val="22"/>
        </w:rPr>
        <w:t xml:space="preserve"> </w:t>
      </w:r>
    </w:p>
    <w:p w14:paraId="3F860C9C" w14:textId="77777777" w:rsidR="00CF54CB" w:rsidRDefault="00344004">
      <w:pPr>
        <w:numPr>
          <w:ilvl w:val="0"/>
          <w:numId w:val="54"/>
        </w:numPr>
        <w:ind w:right="396" w:hanging="720"/>
      </w:pPr>
      <w:r>
        <w:t xml:space="preserve">Reasons for undertaking the LBR; </w:t>
      </w:r>
    </w:p>
    <w:p w14:paraId="149E9697" w14:textId="77777777" w:rsidR="00CF54CB" w:rsidRDefault="00344004">
      <w:pPr>
        <w:spacing w:after="1" w:line="259" w:lineRule="auto"/>
        <w:ind w:left="0" w:firstLine="0"/>
        <w:jc w:val="left"/>
      </w:pPr>
      <w:r>
        <w:rPr>
          <w:sz w:val="22"/>
          <w:szCs w:val="22"/>
        </w:rPr>
        <w:t xml:space="preserve"> </w:t>
      </w:r>
    </w:p>
    <w:p w14:paraId="2303D122" w14:textId="77777777" w:rsidR="00CF54CB" w:rsidRDefault="00344004">
      <w:pPr>
        <w:numPr>
          <w:ilvl w:val="0"/>
          <w:numId w:val="54"/>
        </w:numPr>
        <w:ind w:right="396" w:hanging="720"/>
      </w:pPr>
      <w:r>
        <w:t xml:space="preserve">All steps necessary to accomplish the LBR, including legal and regulatory requirements and the timetable for completing such requirements; </w:t>
      </w:r>
    </w:p>
    <w:p w14:paraId="647ADA9E" w14:textId="77777777" w:rsidR="00CF54CB" w:rsidRDefault="00344004">
      <w:pPr>
        <w:spacing w:after="22" w:line="259" w:lineRule="auto"/>
        <w:ind w:left="0" w:firstLine="0"/>
        <w:jc w:val="left"/>
      </w:pPr>
      <w:r>
        <w:rPr>
          <w:sz w:val="22"/>
          <w:szCs w:val="22"/>
        </w:rPr>
        <w:t xml:space="preserve"> </w:t>
      </w:r>
    </w:p>
    <w:p w14:paraId="5821D45C" w14:textId="77777777" w:rsidR="00CF54CB" w:rsidRDefault="00344004">
      <w:pPr>
        <w:numPr>
          <w:ilvl w:val="0"/>
          <w:numId w:val="54"/>
        </w:numPr>
        <w:ind w:right="396" w:hanging="720"/>
      </w:pPr>
      <w:r>
        <w:t xml:space="preserve">The effect of the LBR on the insurer’s financial condition; </w:t>
      </w:r>
    </w:p>
    <w:p w14:paraId="24DCBC05" w14:textId="77777777" w:rsidR="00CF54CB" w:rsidRDefault="00344004">
      <w:pPr>
        <w:spacing w:after="22" w:line="259" w:lineRule="auto"/>
        <w:ind w:left="0" w:firstLine="0"/>
        <w:jc w:val="left"/>
      </w:pPr>
      <w:r>
        <w:rPr>
          <w:sz w:val="22"/>
          <w:szCs w:val="22"/>
        </w:rPr>
        <w:t xml:space="preserve"> </w:t>
      </w:r>
    </w:p>
    <w:p w14:paraId="4325C330" w14:textId="77777777" w:rsidR="00CF54CB" w:rsidRDefault="00344004">
      <w:pPr>
        <w:numPr>
          <w:ilvl w:val="0"/>
          <w:numId w:val="54"/>
        </w:numPr>
        <w:ind w:right="396" w:hanging="720"/>
      </w:pPr>
      <w:r>
        <w:t xml:space="preserve">The effect of the LBR on the insurer’s policyholders; </w:t>
      </w:r>
    </w:p>
    <w:p w14:paraId="1ABDEB32" w14:textId="77777777" w:rsidR="00CF54CB" w:rsidRDefault="00344004">
      <w:pPr>
        <w:spacing w:after="22" w:line="259" w:lineRule="auto"/>
        <w:ind w:left="0" w:firstLine="0"/>
        <w:jc w:val="left"/>
      </w:pPr>
      <w:r>
        <w:rPr>
          <w:sz w:val="22"/>
          <w:szCs w:val="22"/>
        </w:rPr>
        <w:t xml:space="preserve"> </w:t>
      </w:r>
    </w:p>
    <w:p w14:paraId="02F4A014" w14:textId="77777777" w:rsidR="00CF54CB" w:rsidRDefault="00344004">
      <w:pPr>
        <w:numPr>
          <w:ilvl w:val="0"/>
          <w:numId w:val="54"/>
        </w:numPr>
        <w:ind w:right="396" w:hanging="720"/>
      </w:pPr>
      <w:r>
        <w:t xml:space="preserve">The consequences if the LBR is not approved. </w:t>
      </w:r>
    </w:p>
    <w:p w14:paraId="7DADDA9B" w14:textId="77777777" w:rsidR="00CF54CB" w:rsidRDefault="00344004">
      <w:pPr>
        <w:spacing w:after="26" w:line="259" w:lineRule="auto"/>
        <w:ind w:left="0" w:firstLine="0"/>
        <w:jc w:val="left"/>
      </w:pPr>
      <w:r>
        <w:rPr>
          <w:sz w:val="22"/>
          <w:szCs w:val="22"/>
        </w:rPr>
        <w:t xml:space="preserve"> </w:t>
      </w:r>
    </w:p>
    <w:p w14:paraId="11A8671F" w14:textId="77777777" w:rsidR="00CF54CB" w:rsidRDefault="00344004">
      <w:pPr>
        <w:numPr>
          <w:ilvl w:val="0"/>
          <w:numId w:val="55"/>
        </w:numPr>
        <w:ind w:right="396"/>
      </w:pPr>
      <w:r>
        <w:t xml:space="preserve">Business Plan </w:t>
      </w:r>
    </w:p>
    <w:p w14:paraId="0488CF95" w14:textId="77777777" w:rsidR="00CF54CB" w:rsidRDefault="00344004">
      <w:pPr>
        <w:spacing w:after="22" w:line="259" w:lineRule="auto"/>
        <w:ind w:left="0" w:firstLine="0"/>
        <w:jc w:val="left"/>
      </w:pPr>
      <w:r>
        <w:rPr>
          <w:sz w:val="22"/>
          <w:szCs w:val="22"/>
        </w:rPr>
        <w:t xml:space="preserve"> </w:t>
      </w:r>
    </w:p>
    <w:p w14:paraId="0F9026E7" w14:textId="77777777" w:rsidR="00CF54CB" w:rsidRDefault="00344004">
      <w:pPr>
        <w:numPr>
          <w:ilvl w:val="1"/>
          <w:numId w:val="55"/>
        </w:numPr>
        <w:ind w:hanging="720"/>
      </w:pPr>
      <w:r>
        <w:t xml:space="preserve">On-going Operations </w:t>
      </w:r>
    </w:p>
    <w:p w14:paraId="28311FFF" w14:textId="77777777" w:rsidR="00CF54CB" w:rsidRDefault="00344004">
      <w:pPr>
        <w:spacing w:after="22" w:line="259" w:lineRule="auto"/>
        <w:ind w:left="0" w:firstLine="0"/>
        <w:jc w:val="left"/>
      </w:pPr>
      <w:r>
        <w:rPr>
          <w:sz w:val="22"/>
          <w:szCs w:val="22"/>
        </w:rPr>
        <w:t xml:space="preserve"> </w:t>
      </w:r>
    </w:p>
    <w:p w14:paraId="7FA53653" w14:textId="77777777" w:rsidR="00CF54CB" w:rsidRDefault="00344004">
      <w:pPr>
        <w:numPr>
          <w:ilvl w:val="2"/>
          <w:numId w:val="55"/>
        </w:numPr>
        <w:ind w:right="396" w:hanging="720"/>
      </w:pPr>
      <w:r>
        <w:t xml:space="preserve">A listing of the insurer’s major markets/products. </w:t>
      </w:r>
    </w:p>
    <w:p w14:paraId="0022134E" w14:textId="77777777" w:rsidR="00CF54CB" w:rsidRDefault="00344004">
      <w:pPr>
        <w:numPr>
          <w:ilvl w:val="2"/>
          <w:numId w:val="55"/>
        </w:numPr>
        <w:ind w:right="396" w:hanging="720"/>
      </w:pPr>
      <w:r>
        <w:t xml:space="preserve">A description of the insurer’s strategy covering major markets/products and customers and the critical success factors for achieving these strategies. </w:t>
      </w:r>
    </w:p>
    <w:p w14:paraId="364B4245" w14:textId="77777777" w:rsidR="00CF54CB" w:rsidRDefault="00344004">
      <w:pPr>
        <w:numPr>
          <w:ilvl w:val="2"/>
          <w:numId w:val="55"/>
        </w:numPr>
        <w:ind w:right="396" w:hanging="720"/>
      </w:pPr>
      <w:r>
        <w:t xml:space="preserve">A description of the insurer’s competitive positioning for each of its major markets/products and a discussion of growth potential, profit potential and trends for each. </w:t>
      </w:r>
    </w:p>
    <w:p w14:paraId="003A2DFC" w14:textId="77777777" w:rsidR="00CF54CB" w:rsidRDefault="00344004">
      <w:pPr>
        <w:numPr>
          <w:ilvl w:val="2"/>
          <w:numId w:val="55"/>
        </w:numPr>
        <w:ind w:right="396" w:hanging="720"/>
      </w:pPr>
      <w:r>
        <w:t xml:space="preserve">Identification and a discussion of the significant trends in the insurer’s major markets/products, </w:t>
      </w:r>
      <w:r>
        <w:rPr>
          <w:i/>
        </w:rPr>
        <w:t xml:space="preserve">e.g., </w:t>
      </w:r>
      <w:r>
        <w:t xml:space="preserve">demographic changes, alternative markets, distribution methods, </w:t>
      </w:r>
      <w:r>
        <w:rPr>
          <w:i/>
        </w:rPr>
        <w:t xml:space="preserve">etc. </w:t>
      </w:r>
    </w:p>
    <w:p w14:paraId="5302C109" w14:textId="77777777" w:rsidR="00CF54CB" w:rsidRDefault="00344004">
      <w:pPr>
        <w:numPr>
          <w:ilvl w:val="2"/>
          <w:numId w:val="55"/>
        </w:numPr>
        <w:ind w:right="396" w:hanging="720"/>
      </w:pPr>
      <w:r>
        <w:t xml:space="preserve">Identification of the largest risk exposures of the insurer, </w:t>
      </w:r>
      <w:r>
        <w:rPr>
          <w:i/>
        </w:rPr>
        <w:t xml:space="preserve">e.g., </w:t>
      </w:r>
      <w:r>
        <w:t xml:space="preserve">financial market volatility, environmental exposures, geographic distribution, </w:t>
      </w:r>
      <w:r>
        <w:rPr>
          <w:i/>
        </w:rPr>
        <w:t xml:space="preserve">etc. </w:t>
      </w:r>
      <w:r>
        <w:t>vi.</w:t>
      </w:r>
      <w:r>
        <w:rPr>
          <w:rFonts w:ascii="Arial" w:eastAsia="Arial" w:hAnsi="Arial" w:cs="Arial"/>
        </w:rPr>
        <w:t xml:space="preserve"> </w:t>
      </w:r>
      <w:r>
        <w:t xml:space="preserve">A description of the major business risks of the insurer, </w:t>
      </w:r>
      <w:r>
        <w:rPr>
          <w:i/>
        </w:rPr>
        <w:t xml:space="preserve">e.g., </w:t>
      </w:r>
      <w:r>
        <w:t xml:space="preserve">sales practices, data integrity, service delivery, technology, customer satisfaction, </w:t>
      </w:r>
      <w:r>
        <w:rPr>
          <w:i/>
        </w:rPr>
        <w:t xml:space="preserve">etc. </w:t>
      </w:r>
    </w:p>
    <w:p w14:paraId="2BB461B8" w14:textId="77777777" w:rsidR="00CF54CB" w:rsidRDefault="00344004">
      <w:pPr>
        <w:spacing w:after="22" w:line="259" w:lineRule="auto"/>
        <w:ind w:left="0" w:firstLine="0"/>
        <w:jc w:val="left"/>
      </w:pPr>
      <w:r>
        <w:rPr>
          <w:i/>
          <w:sz w:val="22"/>
          <w:szCs w:val="22"/>
        </w:rPr>
        <w:lastRenderedPageBreak/>
        <w:t xml:space="preserve"> </w:t>
      </w:r>
    </w:p>
    <w:p w14:paraId="4215A3D7" w14:textId="77777777" w:rsidR="00CF54CB" w:rsidRDefault="00344004">
      <w:pPr>
        <w:numPr>
          <w:ilvl w:val="1"/>
          <w:numId w:val="55"/>
        </w:numPr>
        <w:ind w:hanging="720"/>
      </w:pPr>
      <w:r>
        <w:t xml:space="preserve">Run-off Operations </w:t>
      </w:r>
    </w:p>
    <w:p w14:paraId="533B3A55" w14:textId="77777777" w:rsidR="00CF54CB" w:rsidRDefault="00344004">
      <w:pPr>
        <w:spacing w:after="22" w:line="259" w:lineRule="auto"/>
        <w:ind w:left="0" w:firstLine="0"/>
        <w:jc w:val="left"/>
      </w:pPr>
      <w:r>
        <w:rPr>
          <w:sz w:val="22"/>
          <w:szCs w:val="22"/>
        </w:rPr>
        <w:t xml:space="preserve"> </w:t>
      </w:r>
    </w:p>
    <w:p w14:paraId="2239B6CE" w14:textId="77777777" w:rsidR="00CF54CB" w:rsidRDefault="00344004">
      <w:pPr>
        <w:numPr>
          <w:ilvl w:val="2"/>
          <w:numId w:val="55"/>
        </w:numPr>
        <w:ind w:right="396" w:hanging="720"/>
      </w:pPr>
      <w:r>
        <w:t xml:space="preserve">A description of all plans regarding any run-off operations. </w:t>
      </w:r>
    </w:p>
    <w:p w14:paraId="1B26D434" w14:textId="77777777" w:rsidR="00CF54CB" w:rsidRDefault="00344004">
      <w:pPr>
        <w:numPr>
          <w:ilvl w:val="0"/>
          <w:numId w:val="55"/>
        </w:numPr>
        <w:ind w:right="396"/>
      </w:pPr>
      <w:r>
        <w:t xml:space="preserve">Financial Information </w:t>
      </w:r>
    </w:p>
    <w:p w14:paraId="3BA7A0CA" w14:textId="77777777" w:rsidR="00CF54CB" w:rsidRDefault="00344004">
      <w:pPr>
        <w:spacing w:after="1" w:line="259" w:lineRule="auto"/>
        <w:ind w:left="0" w:firstLine="0"/>
        <w:jc w:val="left"/>
      </w:pPr>
      <w:r>
        <w:rPr>
          <w:sz w:val="22"/>
          <w:szCs w:val="22"/>
        </w:rPr>
        <w:t xml:space="preserve"> </w:t>
      </w:r>
    </w:p>
    <w:p w14:paraId="28D02D51" w14:textId="77777777" w:rsidR="00CF54CB" w:rsidRDefault="00344004">
      <w:pPr>
        <w:numPr>
          <w:ilvl w:val="1"/>
          <w:numId w:val="55"/>
        </w:numPr>
        <w:ind w:hanging="720"/>
      </w:pPr>
      <w:r>
        <w:t xml:space="preserve">Historical financial statements, including the most recently filed annual and quarterly statutory statements. </w:t>
      </w:r>
    </w:p>
    <w:p w14:paraId="55673E49" w14:textId="77777777" w:rsidR="00CF54CB" w:rsidRDefault="00344004">
      <w:pPr>
        <w:spacing w:after="27" w:line="259" w:lineRule="auto"/>
        <w:ind w:left="1440" w:firstLine="0"/>
        <w:jc w:val="left"/>
      </w:pPr>
      <w:r>
        <w:rPr>
          <w:sz w:val="22"/>
          <w:szCs w:val="22"/>
        </w:rPr>
        <w:t xml:space="preserve"> </w:t>
      </w:r>
    </w:p>
    <w:p w14:paraId="74CD69C2" w14:textId="77777777" w:rsidR="00CF54CB" w:rsidRDefault="00344004">
      <w:pPr>
        <w:numPr>
          <w:ilvl w:val="1"/>
          <w:numId w:val="55"/>
        </w:numPr>
        <w:ind w:hanging="720"/>
      </w:pPr>
      <w:r>
        <w:t xml:space="preserve">Financial statements (in a spreadsheet format) detailing the accounting of the proposed LBR including: </w:t>
      </w:r>
    </w:p>
    <w:p w14:paraId="075F1F42" w14:textId="77777777" w:rsidR="00CF54CB" w:rsidRDefault="00344004">
      <w:pPr>
        <w:spacing w:after="22" w:line="259" w:lineRule="auto"/>
        <w:ind w:left="0" w:firstLine="0"/>
        <w:jc w:val="left"/>
      </w:pPr>
      <w:r>
        <w:rPr>
          <w:sz w:val="22"/>
          <w:szCs w:val="22"/>
        </w:rPr>
        <w:t xml:space="preserve"> </w:t>
      </w:r>
    </w:p>
    <w:p w14:paraId="673ECA1E" w14:textId="77777777" w:rsidR="00CF54CB" w:rsidRDefault="00344004">
      <w:pPr>
        <w:numPr>
          <w:ilvl w:val="2"/>
          <w:numId w:val="55"/>
        </w:numPr>
        <w:ind w:right="396" w:hanging="720"/>
      </w:pPr>
      <w:r>
        <w:t xml:space="preserve">Schedules detailing assets and liabilities to be reallocated as part of the LBR. </w:t>
      </w:r>
    </w:p>
    <w:p w14:paraId="6EDCC201" w14:textId="77777777" w:rsidR="00CF54CB" w:rsidRDefault="00344004">
      <w:pPr>
        <w:numPr>
          <w:ilvl w:val="2"/>
          <w:numId w:val="55"/>
        </w:numPr>
        <w:ind w:right="396" w:hanging="720"/>
      </w:pPr>
      <w:r>
        <w:t xml:space="preserve">An accounting of any special charges, reevaluations, or write-downs to be made as part of the LBR. </w:t>
      </w:r>
    </w:p>
    <w:p w14:paraId="260B89CA" w14:textId="77777777" w:rsidR="00CF54CB" w:rsidRDefault="00344004">
      <w:pPr>
        <w:spacing w:after="1" w:line="259" w:lineRule="auto"/>
        <w:ind w:left="0" w:firstLine="0"/>
        <w:jc w:val="left"/>
      </w:pPr>
      <w:r>
        <w:rPr>
          <w:sz w:val="22"/>
          <w:szCs w:val="22"/>
        </w:rPr>
        <w:t xml:space="preserve"> </w:t>
      </w:r>
    </w:p>
    <w:p w14:paraId="23B1D3BD" w14:textId="77777777" w:rsidR="00CF54CB" w:rsidRDefault="00344004">
      <w:pPr>
        <w:numPr>
          <w:ilvl w:val="1"/>
          <w:numId w:val="55"/>
        </w:numPr>
        <w:ind w:hanging="720"/>
      </w:pPr>
      <w:r>
        <w:t xml:space="preserve">Pro-forma financial statements of the insurer(s) as if the LBR were approved including an explanation of the underlying assumptions. </w:t>
      </w:r>
    </w:p>
    <w:p w14:paraId="7814CCD4" w14:textId="77777777" w:rsidR="00CF54CB" w:rsidRDefault="00344004">
      <w:pPr>
        <w:spacing w:after="1" w:line="259" w:lineRule="auto"/>
        <w:ind w:left="1440" w:firstLine="0"/>
        <w:jc w:val="left"/>
      </w:pPr>
      <w:r>
        <w:rPr>
          <w:sz w:val="22"/>
          <w:szCs w:val="22"/>
        </w:rPr>
        <w:t xml:space="preserve"> </w:t>
      </w:r>
    </w:p>
    <w:p w14:paraId="5102D2AE" w14:textId="77777777" w:rsidR="00CF54CB" w:rsidRDefault="00344004">
      <w:pPr>
        <w:numPr>
          <w:ilvl w:val="1"/>
          <w:numId w:val="55"/>
        </w:numPr>
        <w:ind w:hanging="720"/>
      </w:pPr>
      <w:r>
        <w:t xml:space="preserve">Financial projections for three years (assuming the LBR is approved) for both the run-off and on-going entities and an explanation of the assumptions upon which the projections are based. </w:t>
      </w:r>
    </w:p>
    <w:p w14:paraId="74594C2D" w14:textId="77777777" w:rsidR="00CF54CB" w:rsidRDefault="00344004">
      <w:pPr>
        <w:spacing w:after="22" w:line="259" w:lineRule="auto"/>
        <w:ind w:left="1440" w:firstLine="0"/>
        <w:jc w:val="left"/>
      </w:pPr>
      <w:r>
        <w:rPr>
          <w:sz w:val="22"/>
          <w:szCs w:val="22"/>
        </w:rPr>
        <w:t xml:space="preserve"> </w:t>
      </w:r>
    </w:p>
    <w:p w14:paraId="20CC5AED" w14:textId="77777777" w:rsidR="00CF54CB" w:rsidRDefault="00344004">
      <w:pPr>
        <w:numPr>
          <w:ilvl w:val="1"/>
          <w:numId w:val="55"/>
        </w:numPr>
        <w:ind w:hanging="720"/>
      </w:pPr>
      <w:r>
        <w:t xml:space="preserve">A description of any tax consequences of the LBR. </w:t>
      </w:r>
    </w:p>
    <w:p w14:paraId="5AC9043F" w14:textId="77777777" w:rsidR="00CF54CB" w:rsidRDefault="00344004">
      <w:pPr>
        <w:spacing w:after="22" w:line="259" w:lineRule="auto"/>
        <w:ind w:left="0" w:firstLine="0"/>
        <w:jc w:val="left"/>
      </w:pPr>
      <w:r>
        <w:rPr>
          <w:sz w:val="22"/>
          <w:szCs w:val="22"/>
        </w:rPr>
        <w:t xml:space="preserve"> </w:t>
      </w:r>
    </w:p>
    <w:p w14:paraId="6CB4D008" w14:textId="77777777" w:rsidR="00CF54CB" w:rsidRDefault="00344004">
      <w:pPr>
        <w:numPr>
          <w:ilvl w:val="0"/>
          <w:numId w:val="55"/>
        </w:numPr>
        <w:ind w:right="396"/>
      </w:pPr>
      <w:r>
        <w:t xml:space="preserve">Analysis of Reserves </w:t>
      </w:r>
    </w:p>
    <w:p w14:paraId="6F9DB95E" w14:textId="77777777" w:rsidR="00CF54CB" w:rsidRDefault="00344004">
      <w:pPr>
        <w:spacing w:after="0" w:line="259" w:lineRule="auto"/>
        <w:ind w:left="0" w:firstLine="0"/>
        <w:jc w:val="left"/>
      </w:pPr>
      <w:r>
        <w:rPr>
          <w:sz w:val="22"/>
          <w:szCs w:val="22"/>
        </w:rPr>
        <w:t xml:space="preserve"> </w:t>
      </w:r>
    </w:p>
    <w:p w14:paraId="10DD2BBC" w14:textId="77777777" w:rsidR="00CF54CB" w:rsidRDefault="00344004">
      <w:pPr>
        <w:ind w:left="0" w:right="396" w:firstLine="7"/>
      </w:pPr>
      <w:r>
        <w:t xml:space="preserve">Retain qualified independent actuarial experts. </w:t>
      </w:r>
    </w:p>
    <w:p w14:paraId="0FE38405" w14:textId="77777777" w:rsidR="00CF54CB" w:rsidRDefault="00344004">
      <w:pPr>
        <w:spacing w:after="6" w:line="259" w:lineRule="auto"/>
        <w:ind w:left="0" w:firstLine="0"/>
        <w:jc w:val="left"/>
      </w:pPr>
      <w:r>
        <w:rPr>
          <w:sz w:val="22"/>
          <w:szCs w:val="22"/>
        </w:rPr>
        <w:t xml:space="preserve"> </w:t>
      </w:r>
    </w:p>
    <w:p w14:paraId="264C7A8D" w14:textId="77777777" w:rsidR="00CF54CB" w:rsidRDefault="00344004">
      <w:pPr>
        <w:numPr>
          <w:ilvl w:val="1"/>
          <w:numId w:val="55"/>
        </w:numPr>
        <w:ind w:hanging="720"/>
      </w:pPr>
      <w:r>
        <w:t xml:space="preserve">The actuarial expert should perform a “ground-up” actuarial review of case and incurred but not reported reserves for asbestos, pollution, health hazard and other long-tail claims. </w:t>
      </w:r>
    </w:p>
    <w:p w14:paraId="5F0638AE" w14:textId="77777777" w:rsidR="00CF54CB" w:rsidRDefault="00344004">
      <w:pPr>
        <w:spacing w:after="22" w:line="259" w:lineRule="auto"/>
        <w:ind w:left="1440" w:firstLine="0"/>
        <w:jc w:val="left"/>
      </w:pPr>
      <w:r>
        <w:rPr>
          <w:sz w:val="22"/>
          <w:szCs w:val="22"/>
        </w:rPr>
        <w:t xml:space="preserve"> </w:t>
      </w:r>
    </w:p>
    <w:p w14:paraId="0CB953AA" w14:textId="77777777" w:rsidR="00CF54CB" w:rsidRDefault="00344004">
      <w:pPr>
        <w:numPr>
          <w:ilvl w:val="1"/>
          <w:numId w:val="55"/>
        </w:numPr>
        <w:ind w:hanging="720"/>
      </w:pPr>
      <w:r>
        <w:t xml:space="preserve">The actuarial expert should also opine on: </w:t>
      </w:r>
    </w:p>
    <w:p w14:paraId="3CCB5C2D" w14:textId="77777777" w:rsidR="00CF54CB" w:rsidRDefault="00344004">
      <w:pPr>
        <w:spacing w:after="22" w:line="259" w:lineRule="auto"/>
        <w:ind w:left="0" w:firstLine="0"/>
        <w:jc w:val="left"/>
      </w:pPr>
      <w:r>
        <w:rPr>
          <w:sz w:val="22"/>
          <w:szCs w:val="22"/>
        </w:rPr>
        <w:t xml:space="preserve"> </w:t>
      </w:r>
    </w:p>
    <w:p w14:paraId="609C05C2" w14:textId="77777777" w:rsidR="00CF54CB" w:rsidRDefault="00344004">
      <w:pPr>
        <w:numPr>
          <w:ilvl w:val="2"/>
          <w:numId w:val="55"/>
        </w:numPr>
        <w:spacing w:after="25"/>
        <w:ind w:right="396" w:hanging="720"/>
      </w:pPr>
      <w:r>
        <w:t xml:space="preserve">Methodologies used by the insurer to estimate reserves. </w:t>
      </w:r>
    </w:p>
    <w:p w14:paraId="5C95D464" w14:textId="77777777" w:rsidR="00CF54CB" w:rsidRDefault="00344004">
      <w:pPr>
        <w:numPr>
          <w:ilvl w:val="2"/>
          <w:numId w:val="55"/>
        </w:numPr>
        <w:ind w:right="396" w:hanging="720"/>
      </w:pPr>
      <w:r>
        <w:t>The adequacy of reserves on a gross and net of reinsurance basis. iii.</w:t>
      </w:r>
      <w:r>
        <w:rPr>
          <w:rFonts w:ascii="Arial" w:eastAsia="Arial" w:hAnsi="Arial" w:cs="Arial"/>
        </w:rPr>
        <w:t xml:space="preserve"> </w:t>
      </w:r>
      <w:r>
        <w:rPr>
          <w:rFonts w:ascii="Arial" w:eastAsia="Arial" w:hAnsi="Arial" w:cs="Arial"/>
        </w:rPr>
        <w:tab/>
      </w:r>
      <w:r>
        <w:t xml:space="preserve">The adequacy of the expertise of the insurer’s claims unit. </w:t>
      </w:r>
    </w:p>
    <w:p w14:paraId="7B01F643" w14:textId="77777777" w:rsidR="00CF54CB" w:rsidRDefault="00344004">
      <w:pPr>
        <w:numPr>
          <w:ilvl w:val="2"/>
          <w:numId w:val="56"/>
        </w:numPr>
        <w:ind w:hanging="720"/>
      </w:pPr>
      <w:r>
        <w:t xml:space="preserve">The insurer’s economic approach to funding the run-off liabilities, including cash flow model stress tests. </w:t>
      </w:r>
    </w:p>
    <w:p w14:paraId="155164CC" w14:textId="77777777" w:rsidR="00CF54CB" w:rsidRDefault="00344004">
      <w:pPr>
        <w:numPr>
          <w:ilvl w:val="2"/>
          <w:numId w:val="56"/>
        </w:numPr>
        <w:ind w:hanging="720"/>
      </w:pPr>
      <w:r>
        <w:t xml:space="preserve">If reserve discounting is permitted, funding of the discount and the adequacy of reserves net of discount. </w:t>
      </w:r>
    </w:p>
    <w:p w14:paraId="6E94B4B5" w14:textId="77777777" w:rsidR="00CF54CB" w:rsidRDefault="00344004">
      <w:pPr>
        <w:spacing w:after="22" w:line="259" w:lineRule="auto"/>
        <w:ind w:left="0" w:firstLine="0"/>
        <w:jc w:val="left"/>
      </w:pPr>
      <w:r>
        <w:rPr>
          <w:sz w:val="22"/>
          <w:szCs w:val="22"/>
        </w:rPr>
        <w:t xml:space="preserve"> </w:t>
      </w:r>
    </w:p>
    <w:p w14:paraId="59E57259" w14:textId="77777777" w:rsidR="00CF54CB" w:rsidRDefault="00344004">
      <w:pPr>
        <w:numPr>
          <w:ilvl w:val="0"/>
          <w:numId w:val="55"/>
        </w:numPr>
        <w:ind w:right="396"/>
      </w:pPr>
      <w:r>
        <w:t xml:space="preserve">Analysis of Reinsurance </w:t>
      </w:r>
    </w:p>
    <w:p w14:paraId="52609E11" w14:textId="77777777" w:rsidR="00CF54CB" w:rsidRDefault="00344004">
      <w:pPr>
        <w:spacing w:after="22" w:line="259" w:lineRule="auto"/>
        <w:ind w:left="0" w:firstLine="0"/>
        <w:jc w:val="left"/>
      </w:pPr>
      <w:r>
        <w:rPr>
          <w:sz w:val="22"/>
          <w:szCs w:val="22"/>
        </w:rPr>
        <w:lastRenderedPageBreak/>
        <w:t xml:space="preserve"> </w:t>
      </w:r>
    </w:p>
    <w:p w14:paraId="5F9CD4EE" w14:textId="77777777" w:rsidR="00CF54CB" w:rsidRDefault="00344004">
      <w:pPr>
        <w:numPr>
          <w:ilvl w:val="1"/>
          <w:numId w:val="55"/>
        </w:numPr>
        <w:ind w:hanging="720"/>
      </w:pPr>
      <w:r>
        <w:t xml:space="preserve">An analysis of reinsurance recoverables by a qualified expert including: </w:t>
      </w:r>
    </w:p>
    <w:p w14:paraId="1EA197BD" w14:textId="77777777" w:rsidR="00CF54CB" w:rsidRDefault="00344004">
      <w:pPr>
        <w:spacing w:after="1" w:line="259" w:lineRule="auto"/>
        <w:ind w:left="0" w:firstLine="0"/>
        <w:jc w:val="left"/>
      </w:pPr>
      <w:r>
        <w:rPr>
          <w:sz w:val="22"/>
          <w:szCs w:val="22"/>
        </w:rPr>
        <w:t xml:space="preserve"> </w:t>
      </w:r>
    </w:p>
    <w:p w14:paraId="3846E901" w14:textId="77777777" w:rsidR="00CF54CB" w:rsidRDefault="00344004">
      <w:pPr>
        <w:numPr>
          <w:ilvl w:val="2"/>
          <w:numId w:val="55"/>
        </w:numPr>
        <w:ind w:right="396" w:hanging="720"/>
      </w:pPr>
      <w:r>
        <w:t>A review of the process used to monitor, collect and settle outstanding reinsurance recoverables. ii.</w:t>
      </w:r>
      <w:r>
        <w:rPr>
          <w:rFonts w:ascii="Arial" w:eastAsia="Arial" w:hAnsi="Arial" w:cs="Arial"/>
        </w:rPr>
        <w:t xml:space="preserve"> </w:t>
      </w:r>
      <w:r>
        <w:t xml:space="preserve">An analysis of existing and projected reinsurance balances including the expected timing of cash flows. </w:t>
      </w:r>
    </w:p>
    <w:p w14:paraId="13659FCF" w14:textId="77777777" w:rsidR="00CF54CB" w:rsidRDefault="00344004">
      <w:pPr>
        <w:numPr>
          <w:ilvl w:val="2"/>
          <w:numId w:val="46"/>
        </w:numPr>
        <w:ind w:hanging="720"/>
      </w:pPr>
      <w:r>
        <w:t xml:space="preserve">An analysis of the quality and financial condition of the reinsurers and prospects </w:t>
      </w:r>
    </w:p>
    <w:p w14:paraId="3CB096E0" w14:textId="77777777" w:rsidR="00CF54CB" w:rsidRDefault="00344004">
      <w:pPr>
        <w:spacing w:after="70"/>
        <w:ind w:left="2160" w:right="396" w:firstLine="6"/>
      </w:pPr>
      <w:r>
        <w:t xml:space="preserve">for recovery. </w:t>
      </w:r>
    </w:p>
    <w:p w14:paraId="5D98DE93" w14:textId="77777777" w:rsidR="00CF54CB" w:rsidRDefault="00344004">
      <w:pPr>
        <w:numPr>
          <w:ilvl w:val="2"/>
          <w:numId w:val="46"/>
        </w:numPr>
        <w:ind w:hanging="720"/>
      </w:pPr>
      <w:r>
        <w:t xml:space="preserve">A detailed description of write-offs or required reserves based on the independent analysis taken as a whole. </w:t>
      </w:r>
    </w:p>
    <w:p w14:paraId="4C9F8704" w14:textId="77777777" w:rsidR="00CF54CB" w:rsidRDefault="00344004">
      <w:pPr>
        <w:numPr>
          <w:ilvl w:val="2"/>
          <w:numId w:val="46"/>
        </w:numPr>
        <w:spacing w:after="27"/>
        <w:ind w:hanging="720"/>
      </w:pPr>
      <w:r>
        <w:t xml:space="preserve">Disclosure of material disputes related to reinsurance balances and the potential impact of resolving those disputes. </w:t>
      </w:r>
    </w:p>
    <w:p w14:paraId="1F0B8796" w14:textId="77777777" w:rsidR="00CF54CB" w:rsidRDefault="00344004">
      <w:pPr>
        <w:numPr>
          <w:ilvl w:val="2"/>
          <w:numId w:val="46"/>
        </w:numPr>
        <w:ind w:hanging="720"/>
      </w:pPr>
      <w:r>
        <w:t xml:space="preserve">A discussion of the impact of the LBR on the collectibility of reinsurance balances. </w:t>
      </w:r>
    </w:p>
    <w:p w14:paraId="185D44E2" w14:textId="77777777" w:rsidR="00CF54CB" w:rsidRDefault="00344004">
      <w:pPr>
        <w:spacing w:after="1" w:line="259" w:lineRule="auto"/>
        <w:ind w:left="0" w:firstLine="0"/>
        <w:jc w:val="left"/>
      </w:pPr>
      <w:r>
        <w:rPr>
          <w:sz w:val="22"/>
          <w:szCs w:val="22"/>
        </w:rPr>
        <w:t xml:space="preserve"> </w:t>
      </w:r>
    </w:p>
    <w:p w14:paraId="4D285F34" w14:textId="77777777" w:rsidR="00CF54CB" w:rsidRDefault="00344004">
      <w:pPr>
        <w:numPr>
          <w:ilvl w:val="1"/>
          <w:numId w:val="55"/>
        </w:numPr>
        <w:ind w:hanging="720"/>
      </w:pPr>
      <w:r>
        <w:t xml:space="preserve">A legal analysis of the effect that a rehabilitation or liquidation proceeding involving the restructured entity would have on the timing and amounts of reinsurance recoverables and on the legal rights of the reinsurers to claim setoffs against such recoveries. </w:t>
      </w:r>
    </w:p>
    <w:p w14:paraId="20D92436" w14:textId="77777777" w:rsidR="00CF54CB" w:rsidRDefault="00344004">
      <w:pPr>
        <w:spacing w:after="0" w:line="259" w:lineRule="auto"/>
        <w:ind w:left="1440" w:firstLine="0"/>
        <w:jc w:val="left"/>
      </w:pPr>
      <w:r>
        <w:t xml:space="preserve"> </w:t>
      </w:r>
    </w:p>
    <w:p w14:paraId="454EE8AF" w14:textId="77777777" w:rsidR="00CF54CB" w:rsidRDefault="00344004">
      <w:pPr>
        <w:numPr>
          <w:ilvl w:val="1"/>
          <w:numId w:val="55"/>
        </w:numPr>
        <w:ind w:hanging="720"/>
      </w:pPr>
      <w:r>
        <w:t xml:space="preserve">If reinsurance stop loss or excess of loss coverage is an integral part of the transaction, a copy of such agreement and a written opinion from a qualified expert as to: </w:t>
      </w:r>
    </w:p>
    <w:p w14:paraId="7F415CD5" w14:textId="77777777" w:rsidR="00CF54CB" w:rsidRDefault="00344004">
      <w:pPr>
        <w:spacing w:after="22" w:line="259" w:lineRule="auto"/>
        <w:ind w:left="0" w:firstLine="0"/>
        <w:jc w:val="left"/>
      </w:pPr>
      <w:r>
        <w:rPr>
          <w:sz w:val="22"/>
          <w:szCs w:val="22"/>
        </w:rPr>
        <w:t xml:space="preserve"> </w:t>
      </w:r>
    </w:p>
    <w:p w14:paraId="099360BA" w14:textId="77777777" w:rsidR="00CF54CB" w:rsidRDefault="00344004">
      <w:pPr>
        <w:numPr>
          <w:ilvl w:val="2"/>
          <w:numId w:val="55"/>
        </w:numPr>
        <w:ind w:right="396" w:hanging="720"/>
      </w:pPr>
      <w:r>
        <w:t xml:space="preserve">The adequacy of coverage; </w:t>
      </w:r>
    </w:p>
    <w:p w14:paraId="75F27118" w14:textId="77777777" w:rsidR="00CF54CB" w:rsidRDefault="00344004">
      <w:pPr>
        <w:numPr>
          <w:ilvl w:val="2"/>
          <w:numId w:val="55"/>
        </w:numPr>
        <w:ind w:right="396" w:hanging="720"/>
      </w:pPr>
      <w:r>
        <w:t xml:space="preserve">The ability of the treaty to perform as anticipated and be unaffected by delinquency proceedings; </w:t>
      </w:r>
    </w:p>
    <w:p w14:paraId="70E9A864" w14:textId="77777777" w:rsidR="00CF54CB" w:rsidRDefault="00344004">
      <w:pPr>
        <w:numPr>
          <w:ilvl w:val="2"/>
          <w:numId w:val="55"/>
        </w:numPr>
        <w:ind w:right="396" w:hanging="720"/>
      </w:pPr>
      <w:r>
        <w:t xml:space="preserve">The practical operation of the treaty; </w:t>
      </w:r>
    </w:p>
    <w:p w14:paraId="4EEDFC23" w14:textId="77777777" w:rsidR="00CF54CB" w:rsidRDefault="00344004">
      <w:pPr>
        <w:numPr>
          <w:ilvl w:val="2"/>
          <w:numId w:val="55"/>
        </w:numPr>
        <w:ind w:right="396" w:hanging="720"/>
      </w:pPr>
      <w:r>
        <w:t>The timing and method of payment of reinsurance premium; v.</w:t>
      </w:r>
      <w:r>
        <w:rPr>
          <w:rFonts w:ascii="Arial" w:eastAsia="Arial" w:hAnsi="Arial" w:cs="Arial"/>
        </w:rPr>
        <w:t xml:space="preserve"> </w:t>
      </w:r>
      <w:r>
        <w:t>The financial condition of reinsurers; vi.</w:t>
      </w:r>
      <w:r>
        <w:rPr>
          <w:rFonts w:ascii="Arial" w:eastAsia="Arial" w:hAnsi="Arial" w:cs="Arial"/>
        </w:rPr>
        <w:t xml:space="preserve"> </w:t>
      </w:r>
      <w:r>
        <w:t xml:space="preserve">The sufficiency of coverage and other resources. </w:t>
      </w:r>
    </w:p>
    <w:p w14:paraId="1AEEB5A4" w14:textId="77777777" w:rsidR="00CF54CB" w:rsidRDefault="00344004">
      <w:pPr>
        <w:spacing w:after="1" w:line="259" w:lineRule="auto"/>
        <w:ind w:left="0" w:firstLine="0"/>
        <w:jc w:val="left"/>
      </w:pPr>
      <w:r>
        <w:rPr>
          <w:sz w:val="22"/>
          <w:szCs w:val="22"/>
        </w:rPr>
        <w:t xml:space="preserve"> </w:t>
      </w:r>
    </w:p>
    <w:p w14:paraId="52BB0FC5" w14:textId="77777777" w:rsidR="00CF54CB" w:rsidRDefault="00344004">
      <w:pPr>
        <w:numPr>
          <w:ilvl w:val="1"/>
          <w:numId w:val="55"/>
        </w:numPr>
        <w:ind w:hanging="720"/>
      </w:pPr>
      <w:r>
        <w:t xml:space="preserve">A discussion of existing or proposed reinsurance programs, whether with affiliates or other reinsurers, to assist the regulatory authority in determining that provisions are consistent with other information provided and that adequate coverage exists for both on-going and run-off operations. </w:t>
      </w:r>
    </w:p>
    <w:p w14:paraId="6D58E56F" w14:textId="77777777" w:rsidR="00CF54CB" w:rsidRDefault="00344004">
      <w:pPr>
        <w:spacing w:after="1" w:line="259" w:lineRule="auto"/>
        <w:ind w:left="0" w:firstLine="0"/>
        <w:jc w:val="left"/>
      </w:pPr>
      <w:r>
        <w:rPr>
          <w:sz w:val="22"/>
          <w:szCs w:val="22"/>
        </w:rPr>
        <w:t xml:space="preserve"> </w:t>
      </w:r>
    </w:p>
    <w:p w14:paraId="0666D09C" w14:textId="77777777" w:rsidR="00CF54CB" w:rsidRDefault="00344004">
      <w:pPr>
        <w:numPr>
          <w:ilvl w:val="1"/>
          <w:numId w:val="55"/>
        </w:numPr>
        <w:ind w:hanging="720"/>
      </w:pPr>
      <w:r>
        <w:t xml:space="preserve">Any proposed amended, cancelled, or new pooling agreements, including explanations of significant differences before and after the restructuring, flowcharts to demonstrate the proposed movement of business, and the anticipated financial impact upon the affected companies. </w:t>
      </w:r>
    </w:p>
    <w:p w14:paraId="315D98C2" w14:textId="77777777" w:rsidR="00CF54CB" w:rsidRDefault="00344004">
      <w:pPr>
        <w:spacing w:after="22" w:line="259" w:lineRule="auto"/>
        <w:ind w:left="0" w:firstLine="0"/>
        <w:jc w:val="left"/>
      </w:pPr>
      <w:r>
        <w:rPr>
          <w:sz w:val="22"/>
          <w:szCs w:val="22"/>
        </w:rPr>
        <w:t xml:space="preserve"> </w:t>
      </w:r>
    </w:p>
    <w:p w14:paraId="6EBA2B22" w14:textId="77777777" w:rsidR="00CF54CB" w:rsidRDefault="00344004">
      <w:pPr>
        <w:numPr>
          <w:ilvl w:val="0"/>
          <w:numId w:val="55"/>
        </w:numPr>
        <w:ind w:right="396"/>
      </w:pPr>
      <w:r>
        <w:t xml:space="preserve">Analysis of Liabilities Other Than Reserves </w:t>
      </w:r>
    </w:p>
    <w:p w14:paraId="77159D53" w14:textId="77777777" w:rsidR="00CF54CB" w:rsidRDefault="00344004">
      <w:pPr>
        <w:spacing w:after="0" w:line="259" w:lineRule="auto"/>
        <w:ind w:left="0" w:firstLine="0"/>
        <w:jc w:val="left"/>
      </w:pPr>
      <w:r>
        <w:rPr>
          <w:sz w:val="22"/>
          <w:szCs w:val="22"/>
        </w:rPr>
        <w:t xml:space="preserve"> </w:t>
      </w:r>
    </w:p>
    <w:p w14:paraId="1341819A" w14:textId="77777777" w:rsidR="00CF54CB" w:rsidRDefault="00344004">
      <w:pPr>
        <w:ind w:left="0" w:right="26" w:firstLine="7"/>
      </w:pPr>
      <w:r>
        <w:t xml:space="preserve">An analysis of material liabilities other than reserves, including a discussion about any reallocations or dispositions as part of the LBR, especially as they relate to reinsurance agreements and inter-company cost and tax-sharing agreements. The analysis should include all non-reserve related accruals and outstanding debt line items found on the Property/Casualty Annual Statement (page 3) for liabilities, including writeins. </w:t>
      </w:r>
    </w:p>
    <w:p w14:paraId="53159B94" w14:textId="77777777" w:rsidR="00CF54CB" w:rsidRDefault="00344004">
      <w:pPr>
        <w:spacing w:after="22" w:line="259" w:lineRule="auto"/>
        <w:ind w:left="0" w:firstLine="0"/>
        <w:jc w:val="left"/>
      </w:pPr>
      <w:r>
        <w:rPr>
          <w:sz w:val="22"/>
          <w:szCs w:val="22"/>
        </w:rPr>
        <w:lastRenderedPageBreak/>
        <w:t xml:space="preserve"> </w:t>
      </w:r>
    </w:p>
    <w:p w14:paraId="7EFE642A" w14:textId="77777777" w:rsidR="00CF54CB" w:rsidRDefault="00344004">
      <w:pPr>
        <w:numPr>
          <w:ilvl w:val="0"/>
          <w:numId w:val="55"/>
        </w:numPr>
        <w:ind w:right="396"/>
      </w:pPr>
      <w:r>
        <w:t xml:space="preserve">Analysis of Assets </w:t>
      </w:r>
    </w:p>
    <w:p w14:paraId="00559294" w14:textId="77777777" w:rsidR="00CF54CB" w:rsidRDefault="00344004">
      <w:pPr>
        <w:spacing w:after="0" w:line="259" w:lineRule="auto"/>
        <w:ind w:left="0" w:firstLine="0"/>
        <w:jc w:val="left"/>
      </w:pPr>
      <w:r>
        <w:rPr>
          <w:sz w:val="22"/>
          <w:szCs w:val="22"/>
        </w:rPr>
        <w:t xml:space="preserve"> </w:t>
      </w:r>
    </w:p>
    <w:p w14:paraId="6DE4D9DB" w14:textId="77777777" w:rsidR="00CF54CB" w:rsidRDefault="00344004">
      <w:pPr>
        <w:ind w:left="0" w:firstLine="7"/>
      </w:pPr>
      <w:r>
        <w:t xml:space="preserve">An analysis should be performed to determine if existing assets and future cash flows are sufficient to fund liabilities. This analysis should include: </w:t>
      </w:r>
    </w:p>
    <w:p w14:paraId="7F869932" w14:textId="77777777" w:rsidR="00CF54CB" w:rsidRDefault="00344004">
      <w:pPr>
        <w:spacing w:after="22" w:line="259" w:lineRule="auto"/>
        <w:ind w:left="0" w:firstLine="0"/>
        <w:jc w:val="left"/>
      </w:pPr>
      <w:r>
        <w:rPr>
          <w:sz w:val="22"/>
          <w:szCs w:val="22"/>
        </w:rPr>
        <w:t xml:space="preserve"> </w:t>
      </w:r>
    </w:p>
    <w:p w14:paraId="69B01E4E" w14:textId="77777777" w:rsidR="00CF54CB" w:rsidRDefault="00344004">
      <w:pPr>
        <w:numPr>
          <w:ilvl w:val="1"/>
          <w:numId w:val="55"/>
        </w:numPr>
        <w:spacing w:after="74"/>
        <w:ind w:hanging="720"/>
      </w:pPr>
      <w:r>
        <w:t xml:space="preserve">Disclosure of assumptions regarding the assets of the insurer(s) involved in the LBR, especially those assets with high volatility, liquidity uncertainties, material valuation issues, or representing a material percentage of the invested asset portfolio. </w:t>
      </w:r>
    </w:p>
    <w:p w14:paraId="24877C04" w14:textId="77777777" w:rsidR="00CF54CB" w:rsidRDefault="00344004">
      <w:pPr>
        <w:numPr>
          <w:ilvl w:val="1"/>
          <w:numId w:val="55"/>
        </w:numPr>
        <w:ind w:hanging="720"/>
      </w:pPr>
      <w:r>
        <w:t xml:space="preserve">Current appraisals of any material real estate or mortgage holdings, independent valuation of limited partnerships, certain privately traded investments, highly volatile collateralized mortgage obligations, structured securities, and any other assets of concern. </w:t>
      </w:r>
    </w:p>
    <w:p w14:paraId="7CAD6B95" w14:textId="77777777" w:rsidR="00CF54CB" w:rsidRDefault="00344004">
      <w:pPr>
        <w:spacing w:after="1" w:line="259" w:lineRule="auto"/>
        <w:ind w:left="1440" w:firstLine="0"/>
        <w:jc w:val="left"/>
      </w:pPr>
      <w:r>
        <w:rPr>
          <w:sz w:val="22"/>
          <w:szCs w:val="22"/>
        </w:rPr>
        <w:t xml:space="preserve"> </w:t>
      </w:r>
    </w:p>
    <w:p w14:paraId="240533EF" w14:textId="77777777" w:rsidR="00CF54CB" w:rsidRDefault="00344004">
      <w:pPr>
        <w:numPr>
          <w:ilvl w:val="1"/>
          <w:numId w:val="55"/>
        </w:numPr>
        <w:ind w:hanging="720"/>
      </w:pPr>
      <w:r>
        <w:t xml:space="preserve">A list of assumptions used by the insurer(s) as to investment yield, and disclosure of the effect that the reallocation of assets will have on historical investment yields. </w:t>
      </w:r>
    </w:p>
    <w:p w14:paraId="76A61497" w14:textId="77777777" w:rsidR="00CF54CB" w:rsidRDefault="00344004">
      <w:pPr>
        <w:spacing w:after="1" w:line="259" w:lineRule="auto"/>
        <w:ind w:left="1440" w:firstLine="0"/>
        <w:jc w:val="left"/>
      </w:pPr>
      <w:r>
        <w:rPr>
          <w:sz w:val="22"/>
          <w:szCs w:val="22"/>
        </w:rPr>
        <w:t xml:space="preserve"> </w:t>
      </w:r>
    </w:p>
    <w:p w14:paraId="5C70CA9B" w14:textId="77777777" w:rsidR="00CF54CB" w:rsidRDefault="00344004">
      <w:pPr>
        <w:numPr>
          <w:ilvl w:val="1"/>
          <w:numId w:val="55"/>
        </w:numPr>
        <w:spacing w:after="184"/>
        <w:ind w:hanging="720"/>
      </w:pPr>
      <w:r>
        <w:t xml:space="preserve">If the asset analysis performed by the insurer indicates a potential asset/liability matching problem, documentation that the insurer plans to take action such as: </w:t>
      </w:r>
    </w:p>
    <w:p w14:paraId="6E198FEC" w14:textId="77777777" w:rsidR="00CF54CB" w:rsidRDefault="00344004">
      <w:pPr>
        <w:numPr>
          <w:ilvl w:val="2"/>
          <w:numId w:val="55"/>
        </w:numPr>
        <w:ind w:right="396" w:hanging="720"/>
      </w:pPr>
      <w:r>
        <w:t xml:space="preserve">Reallocation of problem assets to other parts of the organizational structure that are financially capable of absorbing the additional risk. </w:t>
      </w:r>
    </w:p>
    <w:p w14:paraId="65B334FD" w14:textId="77777777" w:rsidR="00CF54CB" w:rsidRDefault="00344004">
      <w:pPr>
        <w:numPr>
          <w:ilvl w:val="2"/>
          <w:numId w:val="55"/>
        </w:numPr>
        <w:ind w:right="396" w:hanging="720"/>
      </w:pPr>
      <w:r>
        <w:t xml:space="preserve">Securing a parental guarantee of investment yield. </w:t>
      </w:r>
    </w:p>
    <w:p w14:paraId="2704A940" w14:textId="77777777" w:rsidR="00CF54CB" w:rsidRDefault="00344004">
      <w:pPr>
        <w:numPr>
          <w:ilvl w:val="2"/>
          <w:numId w:val="55"/>
        </w:numPr>
        <w:ind w:right="396" w:hanging="720"/>
      </w:pPr>
      <w:r>
        <w:t xml:space="preserve">Securing a parental guarantee of asset valuation or a parental agreement to substitute the insurer’s assets. </w:t>
      </w:r>
    </w:p>
    <w:p w14:paraId="78DDBFD5" w14:textId="77777777" w:rsidR="00CF54CB" w:rsidRDefault="00344004">
      <w:pPr>
        <w:numPr>
          <w:ilvl w:val="2"/>
          <w:numId w:val="55"/>
        </w:numPr>
        <w:ind w:right="396" w:hanging="720"/>
      </w:pPr>
      <w:r>
        <w:t xml:space="preserve">Disposing of assets prior to approval of the LBR. </w:t>
      </w:r>
    </w:p>
    <w:p w14:paraId="6E15486F" w14:textId="77777777" w:rsidR="00CF54CB" w:rsidRDefault="00344004">
      <w:pPr>
        <w:spacing w:after="22" w:line="259" w:lineRule="auto"/>
        <w:ind w:left="0" w:firstLine="0"/>
        <w:jc w:val="left"/>
      </w:pPr>
      <w:r>
        <w:rPr>
          <w:sz w:val="22"/>
          <w:szCs w:val="22"/>
        </w:rPr>
        <w:t xml:space="preserve"> </w:t>
      </w:r>
    </w:p>
    <w:p w14:paraId="4188C67B" w14:textId="77777777" w:rsidR="00CF54CB" w:rsidRDefault="00344004">
      <w:pPr>
        <w:numPr>
          <w:ilvl w:val="0"/>
          <w:numId w:val="55"/>
        </w:numPr>
        <w:ind w:right="396"/>
      </w:pPr>
      <w:r>
        <w:t xml:space="preserve">Parental Support </w:t>
      </w:r>
    </w:p>
    <w:p w14:paraId="373335C6" w14:textId="77777777" w:rsidR="00CF54CB" w:rsidRDefault="00344004">
      <w:pPr>
        <w:spacing w:after="1" w:line="259" w:lineRule="auto"/>
        <w:ind w:left="0" w:firstLine="0"/>
        <w:jc w:val="left"/>
      </w:pPr>
      <w:r>
        <w:rPr>
          <w:sz w:val="22"/>
          <w:szCs w:val="22"/>
        </w:rPr>
        <w:t xml:space="preserve"> </w:t>
      </w:r>
    </w:p>
    <w:p w14:paraId="42A2C5A5" w14:textId="77777777" w:rsidR="00CF54CB" w:rsidRDefault="00344004">
      <w:pPr>
        <w:numPr>
          <w:ilvl w:val="1"/>
          <w:numId w:val="55"/>
        </w:numPr>
        <w:ind w:hanging="720"/>
      </w:pPr>
      <w:r>
        <w:t xml:space="preserve">The plan should provide for the provision of financial and managerial support by the parent company to all entities. </w:t>
      </w:r>
    </w:p>
    <w:p w14:paraId="7985272D" w14:textId="77777777" w:rsidR="00CF54CB" w:rsidRDefault="00344004">
      <w:pPr>
        <w:spacing w:after="0" w:line="259" w:lineRule="auto"/>
        <w:ind w:left="1440" w:firstLine="0"/>
        <w:jc w:val="left"/>
      </w:pPr>
      <w:r>
        <w:t xml:space="preserve"> </w:t>
      </w:r>
    </w:p>
    <w:p w14:paraId="043CDA32" w14:textId="77777777" w:rsidR="00CF54CB" w:rsidRDefault="00344004">
      <w:pPr>
        <w:numPr>
          <w:ilvl w:val="1"/>
          <w:numId w:val="55"/>
        </w:numPr>
        <w:ind w:hanging="720"/>
      </w:pPr>
      <w:r>
        <w:t xml:space="preserve">The plan should provide for a commitment of parental support to run-off operations in the event of: </w:t>
      </w:r>
    </w:p>
    <w:p w14:paraId="2D8B528F" w14:textId="77777777" w:rsidR="00CF54CB" w:rsidRDefault="00344004">
      <w:pPr>
        <w:spacing w:after="22" w:line="259" w:lineRule="auto"/>
        <w:ind w:left="0" w:firstLine="0"/>
        <w:jc w:val="left"/>
      </w:pPr>
      <w:r>
        <w:rPr>
          <w:sz w:val="22"/>
          <w:szCs w:val="22"/>
        </w:rPr>
        <w:t xml:space="preserve"> </w:t>
      </w:r>
    </w:p>
    <w:p w14:paraId="54EAF9BC" w14:textId="77777777" w:rsidR="00CF54CB" w:rsidRDefault="00344004">
      <w:pPr>
        <w:numPr>
          <w:ilvl w:val="2"/>
          <w:numId w:val="55"/>
        </w:numPr>
        <w:spacing w:after="26" w:line="242" w:lineRule="auto"/>
        <w:ind w:right="396" w:hanging="720"/>
      </w:pPr>
      <w:r>
        <w:t>Inadequacy of reserves; ii.</w:t>
      </w:r>
      <w:r>
        <w:rPr>
          <w:rFonts w:ascii="Arial" w:eastAsia="Arial" w:hAnsi="Arial" w:cs="Arial"/>
        </w:rPr>
        <w:t xml:space="preserve"> </w:t>
      </w:r>
      <w:r>
        <w:rPr>
          <w:rFonts w:ascii="Arial" w:eastAsia="Arial" w:hAnsi="Arial" w:cs="Arial"/>
        </w:rPr>
        <w:tab/>
      </w:r>
      <w:r>
        <w:t>Asset deterioration; iii.</w:t>
      </w:r>
      <w:r>
        <w:rPr>
          <w:rFonts w:ascii="Arial" w:eastAsia="Arial" w:hAnsi="Arial" w:cs="Arial"/>
        </w:rPr>
        <w:t xml:space="preserve"> </w:t>
      </w:r>
      <w:r>
        <w:rPr>
          <w:rFonts w:ascii="Arial" w:eastAsia="Arial" w:hAnsi="Arial" w:cs="Arial"/>
        </w:rPr>
        <w:tab/>
      </w:r>
      <w:r>
        <w:t xml:space="preserve">Deterioration in the collectibility of reinsurance recoverables. </w:t>
      </w:r>
    </w:p>
    <w:p w14:paraId="557B8D91" w14:textId="77777777" w:rsidR="00CF54CB" w:rsidRDefault="00344004">
      <w:pPr>
        <w:spacing w:after="22" w:line="259" w:lineRule="auto"/>
        <w:ind w:left="0" w:firstLine="0"/>
        <w:jc w:val="left"/>
      </w:pPr>
      <w:r>
        <w:rPr>
          <w:sz w:val="22"/>
          <w:szCs w:val="22"/>
        </w:rPr>
        <w:t xml:space="preserve"> </w:t>
      </w:r>
    </w:p>
    <w:p w14:paraId="7FF2DF92" w14:textId="77777777" w:rsidR="00CF54CB" w:rsidRDefault="00344004">
      <w:pPr>
        <w:numPr>
          <w:ilvl w:val="0"/>
          <w:numId w:val="55"/>
        </w:numPr>
        <w:ind w:right="396"/>
      </w:pPr>
      <w:r>
        <w:t xml:space="preserve">Organizational Impact </w:t>
      </w:r>
    </w:p>
    <w:p w14:paraId="2377D376" w14:textId="77777777" w:rsidR="00CF54CB" w:rsidRDefault="00344004">
      <w:pPr>
        <w:spacing w:after="1" w:line="259" w:lineRule="auto"/>
        <w:ind w:left="0" w:firstLine="0"/>
        <w:jc w:val="left"/>
      </w:pPr>
      <w:r>
        <w:rPr>
          <w:sz w:val="22"/>
          <w:szCs w:val="22"/>
        </w:rPr>
        <w:t xml:space="preserve"> </w:t>
      </w:r>
    </w:p>
    <w:p w14:paraId="46F80D3D" w14:textId="77777777" w:rsidR="00CF54CB" w:rsidRDefault="00344004">
      <w:pPr>
        <w:numPr>
          <w:ilvl w:val="1"/>
          <w:numId w:val="55"/>
        </w:numPr>
        <w:ind w:hanging="720"/>
      </w:pPr>
      <w:r>
        <w:t xml:space="preserve">The plan should affirm that the restructured entity was either licensed or an approved surplus lines carrier in all jurisdictions in which it wrote business, and will be licensed in all jurisdictions where it takes on business as a result of the restructuring. </w:t>
      </w:r>
    </w:p>
    <w:p w14:paraId="3520BFEB" w14:textId="77777777" w:rsidR="00CF54CB" w:rsidRDefault="00344004">
      <w:pPr>
        <w:spacing w:after="1" w:line="259" w:lineRule="auto"/>
        <w:ind w:left="1440" w:firstLine="0"/>
        <w:jc w:val="left"/>
      </w:pPr>
      <w:r>
        <w:rPr>
          <w:sz w:val="22"/>
          <w:szCs w:val="22"/>
        </w:rPr>
        <w:t xml:space="preserve"> </w:t>
      </w:r>
    </w:p>
    <w:p w14:paraId="446F5D48" w14:textId="77777777" w:rsidR="00CF54CB" w:rsidRDefault="00344004">
      <w:pPr>
        <w:numPr>
          <w:ilvl w:val="1"/>
          <w:numId w:val="55"/>
        </w:numPr>
        <w:ind w:hanging="720"/>
      </w:pPr>
      <w:r>
        <w:lastRenderedPageBreak/>
        <w:t xml:space="preserve">Analysis of the change in organizational structure resulting from the transaction. Areas to emphasize include: </w:t>
      </w:r>
    </w:p>
    <w:p w14:paraId="7F5A74DC" w14:textId="77777777" w:rsidR="00CF54CB" w:rsidRDefault="00344004">
      <w:pPr>
        <w:spacing w:after="22" w:line="259" w:lineRule="auto"/>
        <w:ind w:left="1440" w:firstLine="0"/>
        <w:jc w:val="left"/>
      </w:pPr>
      <w:r>
        <w:rPr>
          <w:sz w:val="22"/>
          <w:szCs w:val="22"/>
        </w:rPr>
        <w:t xml:space="preserve"> </w:t>
      </w:r>
    </w:p>
    <w:p w14:paraId="4C4216BB" w14:textId="77777777" w:rsidR="00CF54CB" w:rsidRDefault="00344004">
      <w:pPr>
        <w:numPr>
          <w:ilvl w:val="2"/>
          <w:numId w:val="55"/>
        </w:numPr>
        <w:spacing w:after="26" w:line="242" w:lineRule="auto"/>
        <w:ind w:right="396" w:hanging="720"/>
      </w:pPr>
      <w:r>
        <w:t>Ownership of the resulting corporate structures; ii.</w:t>
      </w:r>
      <w:r>
        <w:rPr>
          <w:rFonts w:ascii="Arial" w:eastAsia="Arial" w:hAnsi="Arial" w:cs="Arial"/>
        </w:rPr>
        <w:t xml:space="preserve"> </w:t>
      </w:r>
      <w:r>
        <w:rPr>
          <w:rFonts w:ascii="Arial" w:eastAsia="Arial" w:hAnsi="Arial" w:cs="Arial"/>
        </w:rPr>
        <w:tab/>
      </w:r>
      <w:r>
        <w:t>relation between management of the resulting entities; iii.</w:t>
      </w:r>
      <w:r>
        <w:rPr>
          <w:rFonts w:ascii="Arial" w:eastAsia="Arial" w:hAnsi="Arial" w:cs="Arial"/>
        </w:rPr>
        <w:t xml:space="preserve"> </w:t>
      </w:r>
      <w:r>
        <w:rPr>
          <w:rFonts w:ascii="Arial" w:eastAsia="Arial" w:hAnsi="Arial" w:cs="Arial"/>
        </w:rPr>
        <w:tab/>
      </w:r>
      <w:r>
        <w:t>Substantial reinsurance arrangements between resulting entities; iv.</w:t>
      </w:r>
      <w:r>
        <w:rPr>
          <w:rFonts w:ascii="Arial" w:eastAsia="Arial" w:hAnsi="Arial" w:cs="Arial"/>
        </w:rPr>
        <w:t xml:space="preserve"> </w:t>
      </w:r>
      <w:r>
        <w:rPr>
          <w:rFonts w:ascii="Arial" w:eastAsia="Arial" w:hAnsi="Arial" w:cs="Arial"/>
        </w:rPr>
        <w:tab/>
      </w:r>
      <w:r>
        <w:t xml:space="preserve">Other on-going business ties between the resulting entities. </w:t>
      </w:r>
    </w:p>
    <w:p w14:paraId="1E6ED2B0" w14:textId="77777777" w:rsidR="00CF54CB" w:rsidRDefault="00344004">
      <w:pPr>
        <w:spacing w:after="22" w:line="259" w:lineRule="auto"/>
        <w:ind w:left="0" w:firstLine="0"/>
        <w:jc w:val="left"/>
      </w:pPr>
      <w:r>
        <w:rPr>
          <w:sz w:val="22"/>
          <w:szCs w:val="22"/>
        </w:rPr>
        <w:t xml:space="preserve"> </w:t>
      </w:r>
    </w:p>
    <w:p w14:paraId="1C9559BF" w14:textId="77777777" w:rsidR="00CF54CB" w:rsidRDefault="00344004">
      <w:pPr>
        <w:numPr>
          <w:ilvl w:val="0"/>
          <w:numId w:val="55"/>
        </w:numPr>
        <w:ind w:right="396"/>
      </w:pPr>
      <w:r>
        <w:t xml:space="preserve">Analysis of Issues Affecting Policyholders </w:t>
      </w:r>
    </w:p>
    <w:p w14:paraId="28A0A385" w14:textId="77777777" w:rsidR="00CF54CB" w:rsidRDefault="00344004">
      <w:pPr>
        <w:spacing w:after="0" w:line="259" w:lineRule="auto"/>
        <w:ind w:left="0" w:firstLine="0"/>
        <w:jc w:val="left"/>
      </w:pPr>
      <w:r>
        <w:rPr>
          <w:sz w:val="22"/>
          <w:szCs w:val="22"/>
        </w:rPr>
        <w:t xml:space="preserve"> </w:t>
      </w:r>
    </w:p>
    <w:p w14:paraId="35ADE275" w14:textId="77777777" w:rsidR="00CF54CB" w:rsidRDefault="00344004">
      <w:pPr>
        <w:numPr>
          <w:ilvl w:val="1"/>
          <w:numId w:val="55"/>
        </w:numPr>
        <w:spacing w:after="72"/>
        <w:ind w:hanging="720"/>
      </w:pPr>
      <w:r>
        <w:t xml:space="preserve">Consider whether to require that “cut-through” provisions be put in place for policyholders of the weaker entity. </w:t>
      </w:r>
    </w:p>
    <w:p w14:paraId="6AD584BC" w14:textId="77777777" w:rsidR="00CF54CB" w:rsidRDefault="00344004">
      <w:pPr>
        <w:numPr>
          <w:ilvl w:val="1"/>
          <w:numId w:val="55"/>
        </w:numPr>
        <w:ind w:hanging="720"/>
      </w:pPr>
      <w:r>
        <w:t xml:space="preserve">Obtain a legal opinion that policyholders of restructured entities will not lose guaranty fund coverage as a result of the LBR. </w:t>
      </w:r>
    </w:p>
    <w:p w14:paraId="1C51FF29" w14:textId="77777777" w:rsidR="00CF54CB" w:rsidRDefault="00344004">
      <w:pPr>
        <w:numPr>
          <w:ilvl w:val="1"/>
          <w:numId w:val="55"/>
        </w:numPr>
        <w:ind w:hanging="720"/>
      </w:pPr>
      <w:r>
        <w:t xml:space="preserve">Hold discussions with affected guaranty funds and National Conference of Insurance Guaranty Funds (NCIGF) regarding any coverage issues. </w:t>
      </w:r>
    </w:p>
    <w:p w14:paraId="10B679E0" w14:textId="77777777" w:rsidR="00CF54CB" w:rsidRDefault="00344004">
      <w:pPr>
        <w:numPr>
          <w:ilvl w:val="1"/>
          <w:numId w:val="55"/>
        </w:numPr>
        <w:ind w:hanging="720"/>
      </w:pPr>
      <w:r>
        <w:t xml:space="preserve">Consider whether to require that a mechanism be put in place to obtain policyholder consent regarding any novations. </w:t>
      </w:r>
    </w:p>
    <w:p w14:paraId="436E3FC5" w14:textId="77777777" w:rsidR="00CF54CB" w:rsidRDefault="00344004">
      <w:pPr>
        <w:spacing w:after="0" w:line="259" w:lineRule="auto"/>
        <w:ind w:left="0" w:firstLine="0"/>
        <w:jc w:val="left"/>
      </w:pPr>
      <w:r>
        <w:t xml:space="preserve"> </w:t>
      </w:r>
    </w:p>
    <w:p w14:paraId="779147A6" w14:textId="77777777" w:rsidR="00CF54CB" w:rsidRDefault="00344004">
      <w:pPr>
        <w:spacing w:after="0" w:line="259" w:lineRule="auto"/>
        <w:ind w:left="0" w:firstLine="0"/>
        <w:jc w:val="left"/>
        <w:sectPr w:rsidR="00CF54CB">
          <w:headerReference w:type="even" r:id="rId25"/>
          <w:headerReference w:type="default" r:id="rId26"/>
          <w:footerReference w:type="even" r:id="rId27"/>
          <w:footerReference w:type="default" r:id="rId28"/>
          <w:headerReference w:type="first" r:id="rId29"/>
          <w:footerReference w:type="first" r:id="rId30"/>
          <w:pgSz w:w="12240" w:h="15840"/>
          <w:pgMar w:top="1475" w:right="1049" w:bottom="1419" w:left="960" w:header="773" w:footer="1171" w:gutter="0"/>
          <w:cols w:space="720"/>
        </w:sectPr>
      </w:pPr>
      <w:r>
        <w:t xml:space="preserve"> </w:t>
      </w:r>
    </w:p>
    <w:p w14:paraId="1B769867" w14:textId="77777777" w:rsidR="00CF54CB" w:rsidRDefault="00344004">
      <w:pPr>
        <w:spacing w:after="0" w:line="265" w:lineRule="auto"/>
        <w:ind w:left="10" w:right="170" w:hanging="10"/>
        <w:jc w:val="right"/>
      </w:pPr>
      <w:r>
        <w:rPr>
          <w:sz w:val="22"/>
          <w:szCs w:val="22"/>
        </w:rPr>
        <w:lastRenderedPageBreak/>
        <w:t xml:space="preserve">Attachment One </w:t>
      </w:r>
    </w:p>
    <w:p w14:paraId="2FC16CE1" w14:textId="77777777" w:rsidR="00CF54CB" w:rsidRDefault="00344004">
      <w:pPr>
        <w:spacing w:after="246" w:line="259" w:lineRule="auto"/>
        <w:ind w:left="0" w:firstLine="0"/>
        <w:jc w:val="left"/>
      </w:pPr>
      <w:r>
        <w:rPr>
          <w:rFonts w:ascii="Calibri" w:eastAsia="Calibri" w:hAnsi="Calibri" w:cs="Calibri"/>
          <w:sz w:val="22"/>
          <w:szCs w:val="22"/>
        </w:rPr>
        <w:t xml:space="preserve"> </w:t>
      </w:r>
    </w:p>
    <w:p w14:paraId="2A7AB5D4" w14:textId="77777777" w:rsidR="00CF54CB" w:rsidRDefault="00344004">
      <w:pPr>
        <w:spacing w:after="12"/>
        <w:ind w:left="10" w:right="288" w:hanging="10"/>
        <w:jc w:val="center"/>
      </w:pPr>
      <w:r>
        <w:rPr>
          <w:b/>
        </w:rPr>
        <w:t xml:space="preserve">APPENDIX 3 ON-GOING REGULATORY OVERSIGHT </w:t>
      </w:r>
    </w:p>
    <w:p w14:paraId="409E416F" w14:textId="77777777" w:rsidR="00CF54CB" w:rsidRDefault="00344004">
      <w:pPr>
        <w:spacing w:after="159" w:line="259" w:lineRule="auto"/>
        <w:ind w:left="0" w:firstLine="0"/>
        <w:jc w:val="left"/>
      </w:pPr>
      <w:r>
        <w:rPr>
          <w:b/>
          <w:sz w:val="15"/>
          <w:szCs w:val="15"/>
        </w:rPr>
        <w:t xml:space="preserve"> </w:t>
      </w:r>
    </w:p>
    <w:p w14:paraId="12411ABD" w14:textId="77777777" w:rsidR="00CF54CB" w:rsidRDefault="00344004">
      <w:pPr>
        <w:ind w:left="0" w:firstLine="7"/>
      </w:pPr>
      <w:r>
        <w:t xml:space="preserve">The following are examples of conditions and requirements for on-going regulatory oversight of an LBR. </w:t>
      </w:r>
    </w:p>
    <w:p w14:paraId="66AB8F36" w14:textId="77777777" w:rsidR="00CF54CB" w:rsidRDefault="00344004">
      <w:pPr>
        <w:spacing w:after="41" w:line="259" w:lineRule="auto"/>
        <w:ind w:left="0" w:firstLine="0"/>
        <w:jc w:val="left"/>
      </w:pPr>
      <w:r>
        <w:rPr>
          <w:sz w:val="22"/>
          <w:szCs w:val="22"/>
        </w:rPr>
        <w:t xml:space="preserve"> </w:t>
      </w:r>
    </w:p>
    <w:p w14:paraId="5EA2008E" w14:textId="77777777" w:rsidR="00CF54CB" w:rsidRDefault="00344004">
      <w:pPr>
        <w:numPr>
          <w:ilvl w:val="0"/>
          <w:numId w:val="47"/>
        </w:numPr>
        <w:ind w:right="396" w:hanging="720"/>
      </w:pPr>
      <w:r>
        <w:t xml:space="preserve">Reporting </w:t>
      </w:r>
    </w:p>
    <w:p w14:paraId="07FC1DAF" w14:textId="77777777" w:rsidR="00CF54CB" w:rsidRDefault="00344004">
      <w:pPr>
        <w:spacing w:after="22" w:line="259" w:lineRule="auto"/>
        <w:ind w:left="0" w:firstLine="0"/>
        <w:jc w:val="left"/>
      </w:pPr>
      <w:r>
        <w:rPr>
          <w:sz w:val="22"/>
          <w:szCs w:val="22"/>
        </w:rPr>
        <w:t xml:space="preserve"> </w:t>
      </w:r>
    </w:p>
    <w:p w14:paraId="6E0B6ABC" w14:textId="77777777" w:rsidR="00CF54CB" w:rsidRDefault="00344004">
      <w:pPr>
        <w:numPr>
          <w:ilvl w:val="0"/>
          <w:numId w:val="47"/>
        </w:numPr>
        <w:ind w:right="396" w:hanging="720"/>
      </w:pPr>
      <w:r>
        <w:t xml:space="preserve">Require periodic operating reports. </w:t>
      </w:r>
    </w:p>
    <w:p w14:paraId="470A95EC" w14:textId="77777777" w:rsidR="00CF54CB" w:rsidRDefault="00344004">
      <w:pPr>
        <w:spacing w:after="22" w:line="259" w:lineRule="auto"/>
        <w:ind w:left="1440" w:firstLine="0"/>
        <w:jc w:val="left"/>
      </w:pPr>
      <w:r>
        <w:rPr>
          <w:sz w:val="22"/>
          <w:szCs w:val="22"/>
        </w:rPr>
        <w:t xml:space="preserve"> </w:t>
      </w:r>
    </w:p>
    <w:p w14:paraId="7C2660AA" w14:textId="77777777" w:rsidR="00CF54CB" w:rsidRDefault="00344004">
      <w:pPr>
        <w:numPr>
          <w:ilvl w:val="0"/>
          <w:numId w:val="47"/>
        </w:numPr>
        <w:ind w:right="396" w:hanging="720"/>
      </w:pPr>
      <w:r>
        <w:t xml:space="preserve">Require financial statements and management reports more frequently than required by statute. </w:t>
      </w:r>
    </w:p>
    <w:p w14:paraId="6757431B" w14:textId="77777777" w:rsidR="00CF54CB" w:rsidRDefault="00344004">
      <w:pPr>
        <w:spacing w:after="22" w:line="259" w:lineRule="auto"/>
        <w:ind w:left="1440" w:firstLine="0"/>
        <w:jc w:val="left"/>
      </w:pPr>
      <w:r>
        <w:rPr>
          <w:sz w:val="22"/>
          <w:szCs w:val="22"/>
        </w:rPr>
        <w:t xml:space="preserve"> </w:t>
      </w:r>
    </w:p>
    <w:p w14:paraId="19B64BA3" w14:textId="77777777" w:rsidR="00CF54CB" w:rsidRDefault="00344004">
      <w:pPr>
        <w:numPr>
          <w:ilvl w:val="0"/>
          <w:numId w:val="47"/>
        </w:numPr>
        <w:ind w:right="396" w:hanging="720"/>
      </w:pPr>
      <w:r>
        <w:t xml:space="preserve">Require periodic reports on certain losses, including payments. </w:t>
      </w:r>
    </w:p>
    <w:p w14:paraId="0180641E" w14:textId="77777777" w:rsidR="00CF54CB" w:rsidRDefault="00344004">
      <w:pPr>
        <w:spacing w:after="22" w:line="259" w:lineRule="auto"/>
        <w:ind w:left="1440" w:firstLine="0"/>
        <w:jc w:val="left"/>
      </w:pPr>
      <w:r>
        <w:rPr>
          <w:sz w:val="22"/>
          <w:szCs w:val="22"/>
        </w:rPr>
        <w:t xml:space="preserve"> </w:t>
      </w:r>
    </w:p>
    <w:p w14:paraId="358D7358" w14:textId="77777777" w:rsidR="00CF54CB" w:rsidRDefault="00344004">
      <w:pPr>
        <w:numPr>
          <w:ilvl w:val="0"/>
          <w:numId w:val="47"/>
        </w:numPr>
        <w:ind w:right="396" w:hanging="720"/>
      </w:pPr>
      <w:r>
        <w:t xml:space="preserve">Require financial projections annually. </w:t>
      </w:r>
    </w:p>
    <w:p w14:paraId="0E8EC366" w14:textId="77777777" w:rsidR="00CF54CB" w:rsidRDefault="00344004">
      <w:pPr>
        <w:spacing w:after="22" w:line="259" w:lineRule="auto"/>
        <w:ind w:left="1440" w:firstLine="0"/>
        <w:jc w:val="left"/>
      </w:pPr>
      <w:r>
        <w:rPr>
          <w:sz w:val="22"/>
          <w:szCs w:val="22"/>
        </w:rPr>
        <w:t xml:space="preserve"> </w:t>
      </w:r>
    </w:p>
    <w:p w14:paraId="15EAE97D" w14:textId="77777777" w:rsidR="00CF54CB" w:rsidRDefault="00344004">
      <w:pPr>
        <w:numPr>
          <w:ilvl w:val="0"/>
          <w:numId w:val="47"/>
        </w:numPr>
        <w:ind w:right="396" w:hanging="720"/>
      </w:pPr>
      <w:r>
        <w:t xml:space="preserve">Require reports on actual results compared to plans. </w:t>
      </w:r>
    </w:p>
    <w:p w14:paraId="700C142F" w14:textId="77777777" w:rsidR="00CF54CB" w:rsidRDefault="00344004">
      <w:pPr>
        <w:spacing w:after="41" w:line="259" w:lineRule="auto"/>
        <w:ind w:left="1440" w:firstLine="0"/>
        <w:jc w:val="left"/>
      </w:pPr>
      <w:r>
        <w:rPr>
          <w:sz w:val="22"/>
          <w:szCs w:val="22"/>
        </w:rPr>
        <w:t xml:space="preserve"> </w:t>
      </w:r>
    </w:p>
    <w:p w14:paraId="1A6F3C9F" w14:textId="77777777" w:rsidR="00CF54CB" w:rsidRDefault="00344004">
      <w:pPr>
        <w:numPr>
          <w:ilvl w:val="0"/>
          <w:numId w:val="47"/>
        </w:numPr>
        <w:ind w:right="396" w:hanging="720"/>
      </w:pPr>
      <w:r>
        <w:t xml:space="preserve">Balance Sheet Discipline </w:t>
      </w:r>
    </w:p>
    <w:p w14:paraId="387568D1" w14:textId="77777777" w:rsidR="00CF54CB" w:rsidRDefault="00344004">
      <w:pPr>
        <w:spacing w:after="1" w:line="259" w:lineRule="auto"/>
        <w:ind w:left="0" w:firstLine="0"/>
        <w:jc w:val="left"/>
      </w:pPr>
      <w:r>
        <w:rPr>
          <w:sz w:val="22"/>
          <w:szCs w:val="22"/>
        </w:rPr>
        <w:t xml:space="preserve"> </w:t>
      </w:r>
    </w:p>
    <w:p w14:paraId="0B42F797" w14:textId="77777777" w:rsidR="00CF54CB" w:rsidRDefault="00344004">
      <w:pPr>
        <w:numPr>
          <w:ilvl w:val="0"/>
          <w:numId w:val="47"/>
        </w:numPr>
        <w:ind w:right="396" w:hanging="720"/>
      </w:pPr>
      <w:r>
        <w:t xml:space="preserve">Require recurring actuarial reviews of reserves. This requirement could include departmental approval of the actuarial firm selected and the scope of the review. </w:t>
      </w:r>
    </w:p>
    <w:p w14:paraId="23211148" w14:textId="77777777" w:rsidR="00CF54CB" w:rsidRDefault="00344004">
      <w:pPr>
        <w:spacing w:after="22" w:line="259" w:lineRule="auto"/>
        <w:ind w:left="1440" w:firstLine="0"/>
        <w:jc w:val="left"/>
      </w:pPr>
      <w:r>
        <w:rPr>
          <w:sz w:val="22"/>
          <w:szCs w:val="22"/>
        </w:rPr>
        <w:t xml:space="preserve"> </w:t>
      </w:r>
    </w:p>
    <w:p w14:paraId="46A0BE30" w14:textId="77777777" w:rsidR="00CF54CB" w:rsidRDefault="00344004">
      <w:pPr>
        <w:numPr>
          <w:ilvl w:val="0"/>
          <w:numId w:val="47"/>
        </w:numPr>
        <w:ind w:right="396" w:hanging="720"/>
      </w:pPr>
      <w:r>
        <w:t xml:space="preserve">Require periodic independent reviews of reinsurance recoverables. </w:t>
      </w:r>
    </w:p>
    <w:p w14:paraId="1FAD18C6" w14:textId="77777777" w:rsidR="00CF54CB" w:rsidRDefault="00344004">
      <w:pPr>
        <w:spacing w:after="22" w:line="259" w:lineRule="auto"/>
        <w:ind w:left="1440" w:firstLine="0"/>
        <w:jc w:val="left"/>
      </w:pPr>
      <w:r>
        <w:rPr>
          <w:sz w:val="22"/>
          <w:szCs w:val="22"/>
        </w:rPr>
        <w:t xml:space="preserve"> </w:t>
      </w:r>
    </w:p>
    <w:p w14:paraId="4E9C1588" w14:textId="77777777" w:rsidR="00CF54CB" w:rsidRDefault="00344004">
      <w:pPr>
        <w:numPr>
          <w:ilvl w:val="0"/>
          <w:numId w:val="47"/>
        </w:numPr>
        <w:ind w:right="396" w:hanging="720"/>
      </w:pPr>
      <w:r>
        <w:t xml:space="preserve">Establish guidelines for future investments of inactive operations. </w:t>
      </w:r>
    </w:p>
    <w:p w14:paraId="54F2E5AF" w14:textId="77777777" w:rsidR="00CF54CB" w:rsidRDefault="00344004">
      <w:pPr>
        <w:spacing w:after="7" w:line="259" w:lineRule="auto"/>
        <w:ind w:left="1440" w:firstLine="0"/>
        <w:jc w:val="left"/>
      </w:pPr>
      <w:r>
        <w:t xml:space="preserve"> </w:t>
      </w:r>
    </w:p>
    <w:p w14:paraId="05625E44" w14:textId="77777777" w:rsidR="00CF54CB" w:rsidRDefault="00344004">
      <w:pPr>
        <w:numPr>
          <w:ilvl w:val="0"/>
          <w:numId w:val="47"/>
        </w:numPr>
        <w:spacing w:after="218"/>
        <w:ind w:right="396" w:hanging="720"/>
      </w:pPr>
      <w:r>
        <w:t xml:space="preserve">Limit discounting of reserves as allowed by law, so long as investment earnings continue to support the rate of discount. </w:t>
      </w:r>
    </w:p>
    <w:p w14:paraId="29C71B90" w14:textId="77777777" w:rsidR="00CF54CB" w:rsidRDefault="00344004">
      <w:pPr>
        <w:numPr>
          <w:ilvl w:val="0"/>
          <w:numId w:val="47"/>
        </w:numPr>
        <w:ind w:right="396" w:hanging="720"/>
      </w:pPr>
      <w:r>
        <w:t xml:space="preserve">Specific Transactions </w:t>
      </w:r>
    </w:p>
    <w:p w14:paraId="56793A61" w14:textId="77777777" w:rsidR="00CF54CB" w:rsidRDefault="00344004">
      <w:pPr>
        <w:spacing w:after="22" w:line="259" w:lineRule="auto"/>
        <w:ind w:left="0" w:firstLine="0"/>
        <w:jc w:val="left"/>
      </w:pPr>
      <w:r>
        <w:rPr>
          <w:sz w:val="22"/>
          <w:szCs w:val="22"/>
        </w:rPr>
        <w:t xml:space="preserve"> </w:t>
      </w:r>
    </w:p>
    <w:p w14:paraId="03C177A1" w14:textId="77777777" w:rsidR="00CF54CB" w:rsidRDefault="00344004">
      <w:pPr>
        <w:numPr>
          <w:ilvl w:val="0"/>
          <w:numId w:val="47"/>
        </w:numPr>
        <w:ind w:right="396" w:hanging="720"/>
      </w:pPr>
      <w:r>
        <w:t xml:space="preserve">Prohibit dividends by inactive operations without prior approval. </w:t>
      </w:r>
    </w:p>
    <w:p w14:paraId="30170D8B" w14:textId="77777777" w:rsidR="00CF54CB" w:rsidRDefault="00344004">
      <w:pPr>
        <w:spacing w:after="22" w:line="259" w:lineRule="auto"/>
        <w:ind w:left="1440" w:firstLine="0"/>
        <w:jc w:val="left"/>
      </w:pPr>
      <w:r>
        <w:rPr>
          <w:sz w:val="22"/>
          <w:szCs w:val="22"/>
        </w:rPr>
        <w:t xml:space="preserve"> </w:t>
      </w:r>
    </w:p>
    <w:p w14:paraId="7F6F4DDB" w14:textId="77777777" w:rsidR="00CF54CB" w:rsidRDefault="00344004">
      <w:pPr>
        <w:numPr>
          <w:ilvl w:val="0"/>
          <w:numId w:val="47"/>
        </w:numPr>
        <w:ind w:right="396" w:hanging="720"/>
      </w:pPr>
      <w:r>
        <w:t xml:space="preserve">Prohibit dividends by active operations for a set period of time. </w:t>
      </w:r>
    </w:p>
    <w:p w14:paraId="6C0ACBE2" w14:textId="77777777" w:rsidR="00CF54CB" w:rsidRDefault="00344004">
      <w:pPr>
        <w:spacing w:after="1" w:line="259" w:lineRule="auto"/>
        <w:ind w:left="1440" w:firstLine="0"/>
        <w:jc w:val="left"/>
      </w:pPr>
      <w:r>
        <w:rPr>
          <w:sz w:val="22"/>
          <w:szCs w:val="22"/>
        </w:rPr>
        <w:t xml:space="preserve"> </w:t>
      </w:r>
    </w:p>
    <w:p w14:paraId="753C8AB8" w14:textId="77777777" w:rsidR="00CF54CB" w:rsidRDefault="00344004">
      <w:pPr>
        <w:numPr>
          <w:ilvl w:val="0"/>
          <w:numId w:val="47"/>
        </w:numPr>
        <w:ind w:right="396" w:hanging="720"/>
      </w:pPr>
      <w:r>
        <w:t xml:space="preserve">Require creation of a dividend “sinking fund,” with contributions from inactive operations requiring regulatory approval and payments to be made from the principal amount. The fund would be maintained in a separate account and could not be terminated without prior written approval from the regulatory authority. </w:t>
      </w:r>
    </w:p>
    <w:p w14:paraId="2EA2AB28" w14:textId="77777777" w:rsidR="00CF54CB" w:rsidRDefault="00344004">
      <w:pPr>
        <w:spacing w:after="1" w:line="259" w:lineRule="auto"/>
        <w:ind w:left="1440" w:firstLine="0"/>
        <w:jc w:val="left"/>
      </w:pPr>
      <w:r>
        <w:rPr>
          <w:sz w:val="22"/>
          <w:szCs w:val="22"/>
        </w:rPr>
        <w:t xml:space="preserve"> </w:t>
      </w:r>
    </w:p>
    <w:p w14:paraId="318CF02E" w14:textId="77777777" w:rsidR="00CF54CB" w:rsidRDefault="00344004">
      <w:pPr>
        <w:numPr>
          <w:ilvl w:val="0"/>
          <w:numId w:val="47"/>
        </w:numPr>
        <w:ind w:right="396" w:hanging="720"/>
      </w:pPr>
      <w:r>
        <w:lastRenderedPageBreak/>
        <w:t xml:space="preserve">Require intercompany balances with the inactive operations be settled within 90 days of each quarter. </w:t>
      </w:r>
    </w:p>
    <w:p w14:paraId="06E6D59A" w14:textId="77777777" w:rsidR="00CF54CB" w:rsidRDefault="00344004">
      <w:pPr>
        <w:spacing w:after="22" w:line="259" w:lineRule="auto"/>
        <w:ind w:left="1440" w:firstLine="0"/>
        <w:jc w:val="left"/>
      </w:pPr>
      <w:r>
        <w:rPr>
          <w:sz w:val="22"/>
          <w:szCs w:val="22"/>
        </w:rPr>
        <w:t xml:space="preserve"> </w:t>
      </w:r>
    </w:p>
    <w:p w14:paraId="609D33F5" w14:textId="77777777" w:rsidR="00CF54CB" w:rsidRDefault="00344004">
      <w:pPr>
        <w:numPr>
          <w:ilvl w:val="0"/>
          <w:numId w:val="47"/>
        </w:numPr>
        <w:ind w:right="396" w:hanging="720"/>
      </w:pPr>
      <w:r>
        <w:t xml:space="preserve">Require prior approval of affiliated transactions between inactive and active operations. </w:t>
      </w:r>
    </w:p>
    <w:p w14:paraId="09DF34FE" w14:textId="77777777" w:rsidR="00CF54CB" w:rsidRDefault="00344004">
      <w:pPr>
        <w:spacing w:after="22" w:line="259" w:lineRule="auto"/>
        <w:ind w:left="1440" w:firstLine="0"/>
        <w:jc w:val="left"/>
      </w:pPr>
      <w:r>
        <w:rPr>
          <w:sz w:val="22"/>
          <w:szCs w:val="22"/>
        </w:rPr>
        <w:t xml:space="preserve"> </w:t>
      </w:r>
    </w:p>
    <w:p w14:paraId="5300B8D5" w14:textId="77777777" w:rsidR="00CF54CB" w:rsidRDefault="00344004">
      <w:pPr>
        <w:numPr>
          <w:ilvl w:val="0"/>
          <w:numId w:val="47"/>
        </w:numPr>
        <w:ind w:right="396" w:hanging="720"/>
      </w:pPr>
      <w:r>
        <w:t xml:space="preserve">Require prior approval for inactive operations to establish security deposits with any </w:t>
      </w:r>
    </w:p>
    <w:p w14:paraId="5DBFA4EF" w14:textId="77777777" w:rsidR="00CF54CB" w:rsidRDefault="00344004">
      <w:pPr>
        <w:spacing w:after="433" w:line="265" w:lineRule="auto"/>
        <w:ind w:left="10" w:right="170" w:hanging="10"/>
        <w:jc w:val="right"/>
      </w:pPr>
      <w:r>
        <w:rPr>
          <w:sz w:val="22"/>
          <w:szCs w:val="22"/>
        </w:rPr>
        <w:t xml:space="preserve">Attachment One </w:t>
      </w:r>
    </w:p>
    <w:p w14:paraId="1C2751B3" w14:textId="77777777" w:rsidR="00CF54CB" w:rsidRDefault="00344004">
      <w:pPr>
        <w:ind w:left="1440" w:right="396" w:firstLine="6"/>
      </w:pPr>
      <w:r>
        <w:t xml:space="preserve">other jurisdictions except to the extent required by law. </w:t>
      </w:r>
    </w:p>
    <w:p w14:paraId="2B75F095" w14:textId="77777777" w:rsidR="00CF54CB" w:rsidRDefault="00344004">
      <w:pPr>
        <w:spacing w:after="113" w:line="259" w:lineRule="auto"/>
        <w:ind w:left="840" w:firstLine="0"/>
        <w:jc w:val="left"/>
      </w:pPr>
      <w:r>
        <w:rPr>
          <w:sz w:val="22"/>
          <w:szCs w:val="22"/>
        </w:rPr>
        <w:t xml:space="preserve"> </w:t>
      </w:r>
    </w:p>
    <w:p w14:paraId="669B5294" w14:textId="77777777" w:rsidR="00CF54CB" w:rsidRDefault="00344004">
      <w:pPr>
        <w:numPr>
          <w:ilvl w:val="0"/>
          <w:numId w:val="47"/>
        </w:numPr>
        <w:ind w:right="396" w:hanging="720"/>
      </w:pPr>
      <w:r>
        <w:t xml:space="preserve">Communications </w:t>
      </w:r>
    </w:p>
    <w:p w14:paraId="6FBBD86C" w14:textId="77777777" w:rsidR="00CF54CB" w:rsidRDefault="00344004">
      <w:pPr>
        <w:spacing w:after="22" w:line="259" w:lineRule="auto"/>
        <w:ind w:left="0" w:firstLine="0"/>
        <w:jc w:val="left"/>
      </w:pPr>
      <w:r>
        <w:rPr>
          <w:sz w:val="22"/>
          <w:szCs w:val="22"/>
        </w:rPr>
        <w:t xml:space="preserve"> </w:t>
      </w:r>
    </w:p>
    <w:p w14:paraId="146A8D37" w14:textId="77777777" w:rsidR="00CF54CB" w:rsidRDefault="00344004">
      <w:pPr>
        <w:numPr>
          <w:ilvl w:val="0"/>
          <w:numId w:val="47"/>
        </w:numPr>
        <w:spacing w:line="259" w:lineRule="auto"/>
        <w:ind w:right="396" w:hanging="720"/>
      </w:pPr>
      <w:r>
        <w:t xml:space="preserve">Require notice to all known policyholders and claimants affected by the transaction. </w:t>
      </w:r>
    </w:p>
    <w:p w14:paraId="56B832B2" w14:textId="77777777" w:rsidR="00CF54CB" w:rsidRDefault="00344004">
      <w:pPr>
        <w:spacing w:after="22" w:line="259" w:lineRule="auto"/>
        <w:ind w:left="1440" w:firstLine="0"/>
        <w:jc w:val="left"/>
      </w:pPr>
      <w:r>
        <w:rPr>
          <w:sz w:val="22"/>
          <w:szCs w:val="22"/>
        </w:rPr>
        <w:t xml:space="preserve"> </w:t>
      </w:r>
    </w:p>
    <w:p w14:paraId="737DCDF2" w14:textId="77777777" w:rsidR="00CF54CB" w:rsidRDefault="00344004">
      <w:pPr>
        <w:numPr>
          <w:ilvl w:val="0"/>
          <w:numId w:val="47"/>
        </w:numPr>
        <w:ind w:right="396" w:hanging="720"/>
      </w:pPr>
      <w:r>
        <w:t xml:space="preserve">Require a written response to any inquiry regarding the LBR. </w:t>
      </w:r>
    </w:p>
    <w:p w14:paraId="3C52C3B6" w14:textId="77777777" w:rsidR="00CF54CB" w:rsidRDefault="00344004">
      <w:pPr>
        <w:spacing w:after="41" w:line="259" w:lineRule="auto"/>
        <w:ind w:left="0" w:firstLine="0"/>
        <w:jc w:val="left"/>
      </w:pPr>
      <w:r>
        <w:rPr>
          <w:sz w:val="22"/>
          <w:szCs w:val="22"/>
        </w:rPr>
        <w:t xml:space="preserve"> </w:t>
      </w:r>
    </w:p>
    <w:p w14:paraId="4E2AEE44" w14:textId="77777777" w:rsidR="00CF54CB" w:rsidRDefault="00344004">
      <w:pPr>
        <w:numPr>
          <w:ilvl w:val="0"/>
          <w:numId w:val="47"/>
        </w:numPr>
        <w:ind w:right="396" w:hanging="720"/>
      </w:pPr>
      <w:r>
        <w:t xml:space="preserve">General Monitoring </w:t>
      </w:r>
    </w:p>
    <w:p w14:paraId="600375AD" w14:textId="77777777" w:rsidR="00CF54CB" w:rsidRDefault="00344004">
      <w:pPr>
        <w:spacing w:after="22" w:line="259" w:lineRule="auto"/>
        <w:ind w:left="0" w:firstLine="0"/>
        <w:jc w:val="left"/>
      </w:pPr>
      <w:r>
        <w:rPr>
          <w:sz w:val="22"/>
          <w:szCs w:val="22"/>
        </w:rPr>
        <w:t xml:space="preserve"> </w:t>
      </w:r>
    </w:p>
    <w:p w14:paraId="7FC658EB" w14:textId="77777777" w:rsidR="00CF54CB" w:rsidRDefault="00344004">
      <w:pPr>
        <w:numPr>
          <w:ilvl w:val="0"/>
          <w:numId w:val="47"/>
        </w:numPr>
        <w:ind w:right="396" w:hanging="720"/>
      </w:pPr>
      <w:r>
        <w:t xml:space="preserve">Require on-site monitoring facilities. </w:t>
      </w:r>
    </w:p>
    <w:p w14:paraId="774E1EDD" w14:textId="77777777" w:rsidR="00CF54CB" w:rsidRDefault="00344004">
      <w:pPr>
        <w:spacing w:after="22" w:line="259" w:lineRule="auto"/>
        <w:ind w:left="1440" w:firstLine="0"/>
        <w:jc w:val="left"/>
      </w:pPr>
      <w:r>
        <w:rPr>
          <w:sz w:val="22"/>
          <w:szCs w:val="22"/>
        </w:rPr>
        <w:t xml:space="preserve"> </w:t>
      </w:r>
    </w:p>
    <w:p w14:paraId="0B02E8EB" w14:textId="77777777" w:rsidR="00CF54CB" w:rsidRDefault="00344004">
      <w:pPr>
        <w:numPr>
          <w:ilvl w:val="0"/>
          <w:numId w:val="47"/>
        </w:numPr>
        <w:ind w:right="396" w:hanging="720"/>
      </w:pPr>
      <w:r>
        <w:t xml:space="preserve">Require right to notice of and right to attend all Board of Directors meetings. </w:t>
      </w:r>
    </w:p>
    <w:p w14:paraId="09AE30C1" w14:textId="77777777" w:rsidR="00CF54CB" w:rsidRDefault="00344004">
      <w:pPr>
        <w:spacing w:after="0" w:line="259" w:lineRule="auto"/>
        <w:ind w:left="0" w:firstLine="0"/>
        <w:jc w:val="left"/>
      </w:pPr>
      <w:r>
        <w:rPr>
          <w:sz w:val="26"/>
          <w:szCs w:val="26"/>
        </w:rPr>
        <w:t xml:space="preserve"> </w:t>
      </w:r>
    </w:p>
    <w:p w14:paraId="7A91041F" w14:textId="77777777" w:rsidR="00CF54CB" w:rsidRDefault="00344004">
      <w:pPr>
        <w:spacing w:after="0" w:line="259" w:lineRule="auto"/>
        <w:ind w:left="0" w:firstLine="0"/>
        <w:jc w:val="left"/>
      </w:pPr>
      <w:r>
        <w:rPr>
          <w:sz w:val="21"/>
          <w:szCs w:val="21"/>
        </w:rPr>
        <w:t xml:space="preserve"> </w:t>
      </w:r>
    </w:p>
    <w:p w14:paraId="28581951" w14:textId="77777777" w:rsidR="00CF54CB" w:rsidRDefault="00344004">
      <w:pPr>
        <w:spacing w:after="38" w:line="259" w:lineRule="auto"/>
        <w:ind w:left="10" w:right="7713" w:hanging="10"/>
        <w:jc w:val="left"/>
      </w:pPr>
      <w:r>
        <w:rPr>
          <w:sz w:val="16"/>
          <w:szCs w:val="16"/>
        </w:rPr>
        <w:t xml:space="preserve">w:\drafts\whitepapers\adodpted\lbrwp5 </w:t>
      </w:r>
      <w:r>
        <w:t xml:space="preserve"> </w:t>
      </w:r>
      <w:r>
        <w:br w:type="page"/>
      </w:r>
    </w:p>
    <w:p w14:paraId="56CFFC3C" w14:textId="77777777" w:rsidR="00CF54CB" w:rsidRDefault="00344004">
      <w:pPr>
        <w:spacing w:after="117" w:line="259" w:lineRule="auto"/>
        <w:ind w:left="0" w:firstLine="0"/>
        <w:jc w:val="left"/>
      </w:pPr>
      <w:r>
        <w:rPr>
          <w:b/>
          <w:sz w:val="20"/>
          <w:szCs w:val="20"/>
        </w:rPr>
        <w:lastRenderedPageBreak/>
        <w:t xml:space="preserve"> </w:t>
      </w:r>
    </w:p>
    <w:p w14:paraId="040C7267" w14:textId="77777777" w:rsidR="00CF54CB" w:rsidRDefault="00344004">
      <w:pPr>
        <w:spacing w:after="0" w:line="259" w:lineRule="auto"/>
        <w:ind w:left="0" w:firstLine="0"/>
        <w:jc w:val="left"/>
      </w:pPr>
      <w:r>
        <w:rPr>
          <w:b/>
          <w:sz w:val="20"/>
          <w:szCs w:val="20"/>
        </w:rPr>
        <w:t xml:space="preserve"> </w:t>
      </w:r>
    </w:p>
    <w:p w14:paraId="6C8D7C68" w14:textId="77777777" w:rsidR="00CF54CB" w:rsidRDefault="00344004">
      <w:pPr>
        <w:spacing w:after="0" w:line="259" w:lineRule="auto"/>
        <w:ind w:left="0" w:firstLine="0"/>
        <w:jc w:val="left"/>
      </w:pPr>
      <w:r>
        <w:rPr>
          <w:b/>
          <w:sz w:val="20"/>
          <w:szCs w:val="20"/>
        </w:rPr>
        <w:t xml:space="preserve"> </w:t>
      </w:r>
    </w:p>
    <w:p w14:paraId="0AEA9B52" w14:textId="77777777" w:rsidR="00CF54CB" w:rsidRDefault="00344004">
      <w:pPr>
        <w:spacing w:after="0" w:line="259" w:lineRule="auto"/>
        <w:ind w:left="0" w:firstLine="0"/>
        <w:jc w:val="left"/>
      </w:pPr>
      <w:r>
        <w:rPr>
          <w:b/>
          <w:sz w:val="20"/>
          <w:szCs w:val="20"/>
        </w:rPr>
        <w:t xml:space="preserve"> </w:t>
      </w:r>
    </w:p>
    <w:p w14:paraId="65553DE0" w14:textId="77777777" w:rsidR="00CF54CB" w:rsidRDefault="00344004">
      <w:pPr>
        <w:spacing w:after="0" w:line="259" w:lineRule="auto"/>
        <w:ind w:left="0" w:firstLine="0"/>
        <w:jc w:val="left"/>
      </w:pPr>
      <w:r>
        <w:rPr>
          <w:b/>
          <w:sz w:val="20"/>
          <w:szCs w:val="20"/>
        </w:rPr>
        <w:t xml:space="preserve"> </w:t>
      </w:r>
    </w:p>
    <w:p w14:paraId="1233B735" w14:textId="77777777" w:rsidR="00CF54CB" w:rsidRDefault="00344004">
      <w:pPr>
        <w:spacing w:after="808" w:line="259" w:lineRule="auto"/>
        <w:ind w:left="0" w:firstLine="0"/>
        <w:jc w:val="left"/>
      </w:pPr>
      <w:r>
        <w:rPr>
          <w:b/>
          <w:sz w:val="20"/>
          <w:szCs w:val="20"/>
        </w:rPr>
        <w:t xml:space="preserve"> </w:t>
      </w:r>
    </w:p>
    <w:p w14:paraId="65083741" w14:textId="77777777" w:rsidR="00CF54CB" w:rsidRDefault="00344004">
      <w:pPr>
        <w:spacing w:after="576" w:line="246" w:lineRule="auto"/>
        <w:ind w:left="1205" w:hanging="1061"/>
        <w:jc w:val="left"/>
      </w:pPr>
      <w:r>
        <w:rPr>
          <w:b/>
          <w:color w:val="231F20"/>
          <w:sz w:val="72"/>
          <w:szCs w:val="72"/>
        </w:rPr>
        <w:t xml:space="preserve">Alternative Mechanisms for </w:t>
      </w:r>
    </w:p>
    <w:p w14:paraId="073CB200" w14:textId="77777777" w:rsidR="00CF54CB" w:rsidRDefault="00344004">
      <w:pPr>
        <w:pStyle w:val="Heading3"/>
        <w:spacing w:after="576" w:line="246" w:lineRule="auto"/>
        <w:ind w:left="1205" w:hanging="1061"/>
      </w:pPr>
      <w:r>
        <w:rPr>
          <w:i w:val="0"/>
          <w:color w:val="231F20"/>
          <w:sz w:val="72"/>
          <w:szCs w:val="72"/>
          <w:u w:val="none"/>
        </w:rPr>
        <w:t xml:space="preserve">Troubled Companies </w:t>
      </w:r>
    </w:p>
    <w:p w14:paraId="3E85675E" w14:textId="77777777" w:rsidR="00CF54CB" w:rsidRDefault="00344004">
      <w:pPr>
        <w:spacing w:after="0" w:line="259" w:lineRule="auto"/>
        <w:ind w:left="0" w:right="1352" w:firstLine="0"/>
        <w:jc w:val="center"/>
      </w:pPr>
      <w:r>
        <w:rPr>
          <w:b/>
          <w:color w:val="231F20"/>
          <w:sz w:val="48"/>
          <w:szCs w:val="48"/>
        </w:rPr>
        <w:t xml:space="preserve">An NAIC White Paper </w:t>
      </w:r>
    </w:p>
    <w:p w14:paraId="1EDB51EC" w14:textId="77777777" w:rsidR="00CF54CB" w:rsidRDefault="00344004">
      <w:pPr>
        <w:spacing w:after="0" w:line="259" w:lineRule="auto"/>
        <w:ind w:left="0" w:firstLine="0"/>
        <w:jc w:val="left"/>
      </w:pPr>
      <w:r>
        <w:rPr>
          <w:b/>
          <w:sz w:val="20"/>
          <w:szCs w:val="20"/>
        </w:rPr>
        <w:t xml:space="preserve"> </w:t>
      </w:r>
    </w:p>
    <w:p w14:paraId="5EE29D3B" w14:textId="77777777" w:rsidR="00CF54CB" w:rsidRDefault="00344004">
      <w:pPr>
        <w:spacing w:after="0" w:line="259" w:lineRule="auto"/>
        <w:ind w:left="0" w:firstLine="0"/>
        <w:jc w:val="left"/>
      </w:pPr>
      <w:r>
        <w:rPr>
          <w:b/>
          <w:sz w:val="20"/>
          <w:szCs w:val="20"/>
        </w:rPr>
        <w:t xml:space="preserve"> </w:t>
      </w:r>
    </w:p>
    <w:p w14:paraId="36B6B9C0" w14:textId="77777777" w:rsidR="00CF54CB" w:rsidRDefault="00344004">
      <w:pPr>
        <w:spacing w:after="0" w:line="259" w:lineRule="auto"/>
        <w:ind w:left="0" w:firstLine="0"/>
        <w:jc w:val="left"/>
      </w:pPr>
      <w:r>
        <w:rPr>
          <w:b/>
          <w:sz w:val="20"/>
          <w:szCs w:val="20"/>
        </w:rPr>
        <w:t xml:space="preserve"> </w:t>
      </w:r>
    </w:p>
    <w:p w14:paraId="1B00C202" w14:textId="77777777" w:rsidR="00CF54CB" w:rsidRDefault="00344004">
      <w:pPr>
        <w:spacing w:after="0" w:line="259" w:lineRule="auto"/>
        <w:ind w:left="0" w:firstLine="0"/>
        <w:jc w:val="left"/>
      </w:pPr>
      <w:r>
        <w:rPr>
          <w:b/>
          <w:sz w:val="19"/>
          <w:szCs w:val="19"/>
        </w:rPr>
        <w:t xml:space="preserve"> </w:t>
      </w:r>
    </w:p>
    <w:p w14:paraId="071F969B" w14:textId="77777777" w:rsidR="00CF54CB" w:rsidRDefault="00344004">
      <w:pPr>
        <w:spacing w:after="238" w:line="259" w:lineRule="auto"/>
        <w:ind w:left="180" w:firstLine="0"/>
        <w:jc w:val="left"/>
      </w:pPr>
      <w:r>
        <w:rPr>
          <w:rFonts w:ascii="Calibri" w:eastAsia="Calibri" w:hAnsi="Calibri" w:cs="Calibri"/>
          <w:noProof/>
          <w:sz w:val="22"/>
          <w:szCs w:val="22"/>
        </w:rPr>
        <mc:AlternateContent>
          <mc:Choice Requires="wpg">
            <w:drawing>
              <wp:inline distT="0" distB="0" distL="0" distR="0" wp14:anchorId="428E0702" wp14:editId="5DAF9D55">
                <wp:extent cx="6172200" cy="12700"/>
                <wp:effectExtent l="0" t="0" r="0" b="0"/>
                <wp:docPr id="117647" name="Group 117647" descr="P702#y1"/>
                <wp:cNvGraphicFramePr/>
                <a:graphic xmlns:a="http://schemas.openxmlformats.org/drawingml/2006/main">
                  <a:graphicData uri="http://schemas.microsoft.com/office/word/2010/wordprocessingGroup">
                    <wpg:wgp>
                      <wpg:cNvGrpSpPr/>
                      <wpg:grpSpPr>
                        <a:xfrm>
                          <a:off x="0" y="0"/>
                          <a:ext cx="6172200" cy="12700"/>
                          <a:chOff x="2259900" y="3773650"/>
                          <a:chExt cx="6172200" cy="12700"/>
                        </a:xfrm>
                      </wpg:grpSpPr>
                      <wpg:grpSp>
                        <wpg:cNvPr id="117648" name="Group 117648"/>
                        <wpg:cNvGrpSpPr/>
                        <wpg:grpSpPr>
                          <a:xfrm>
                            <a:off x="2259900" y="3773650"/>
                            <a:ext cx="6172200" cy="12700"/>
                            <a:chOff x="0" y="0"/>
                            <a:chExt cx="6172200" cy="12700"/>
                          </a:xfrm>
                        </wpg:grpSpPr>
                        <wps:wsp>
                          <wps:cNvPr id="117649" name="Rectangle 117649"/>
                          <wps:cNvSpPr/>
                          <wps:spPr>
                            <a:xfrm>
                              <a:off x="0" y="0"/>
                              <a:ext cx="6172200" cy="12700"/>
                            </a:xfrm>
                            <a:prstGeom prst="rect">
                              <a:avLst/>
                            </a:prstGeom>
                            <a:noFill/>
                            <a:ln>
                              <a:noFill/>
                            </a:ln>
                          </wps:spPr>
                          <wps:txbx>
                            <w:txbxContent>
                              <w:p w14:paraId="6A4EDD18"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50" name="Freeform: Shape 117650"/>
                          <wps:cNvSpPr/>
                          <wps:spPr>
                            <a:xfrm>
                              <a:off x="0" y="0"/>
                              <a:ext cx="6172200" cy="0"/>
                            </a:xfrm>
                            <a:custGeom>
                              <a:avLst/>
                              <a:gdLst/>
                              <a:ahLst/>
                              <a:cxnLst/>
                              <a:rect l="l" t="t" r="r" b="b"/>
                              <a:pathLst>
                                <a:path w="6172200" h="120000" extrusionOk="0">
                                  <a:moveTo>
                                    <a:pt x="0" y="0"/>
                                  </a:moveTo>
                                  <a:lnTo>
                                    <a:pt x="6172200" y="0"/>
                                  </a:lnTo>
                                </a:path>
                              </a:pathLst>
                            </a:custGeom>
                            <a:noFill/>
                            <a:ln w="12700" cap="flat" cmpd="sng">
                              <a:solidFill>
                                <a:srgbClr val="231F20"/>
                              </a:solidFill>
                              <a:prstDash val="solid"/>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428E0702" id="Group 117647" o:spid="_x0000_s1280" alt="P702#y1" style="width:486pt;height:1pt;mso-position-horizontal-relative:char;mso-position-vertical-relative:line" coordorigin="22599,37736" coordsize="61722,12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">
                <v:group id="Group 117648" o:spid="_x0000_s1281" style="position:absolute;left:22599;top:37736;width:61722;height:127" coordsize="61722,12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">
                  <v:rect id="Rectangle 117649" o:spid="_x0000_s1282" style="position:absolute;width:61722;height:127;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" filled="f" stroked="f">
                    <v:textbox inset="2.53958mm,2.53958mm,2.53958mm,2.53958mm">
                      <w:txbxContent>
                        <w:p w14:paraId="6A4EDD18" w14:textId="77777777" w:rsidR="00CF54CB" w:rsidRDefault="00CF54CB">
                          <w:pPr>
                            <w:spacing w:after="0" w:line="240" w:lineRule="auto"/>
                            <w:ind w:left="0" w:firstLine="0"/>
                            <w:jc w:val="left"/>
                            <w:textDirection w:val="btLr"/>
                          </w:pPr>
                        </w:p>
                      </w:txbxContent>
                    </v:textbox>
                  </v:rect>
                  <v:shape id="Freeform: Shape 117650" o:spid="_x0000_s1283" style="position:absolute;width:61722;height:0;visibility:visible;mso-wrap-style:square;v-text-anchor:middle" coordsize="6172200,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" path="m,l6172200,e" filled="f" strokecolor="#231f20" strokeweight="1pt">
                    <v:stroke startarrowwidth="narrow" startarrowlength="short" endarrowwidth="narrow" endarrowlength="short"/>
                    <v:path arrowok="t" o:extrusionok="f"/>
                  </v:shape>
                </v:group>
                <w10:anchorlock/>
              </v:group>
            </w:pict>
          </mc:Fallback>
        </mc:AlternateContent>
      </w:r>
    </w:p>
    <w:p w14:paraId="61E15D8C" w14:textId="77777777" w:rsidR="00CF54CB" w:rsidRDefault="00344004">
      <w:pPr>
        <w:spacing w:after="0" w:line="259" w:lineRule="auto"/>
        <w:ind w:left="0" w:firstLine="0"/>
        <w:jc w:val="left"/>
      </w:pPr>
      <w:r>
        <w:rPr>
          <w:b/>
          <w:sz w:val="83"/>
          <w:szCs w:val="83"/>
        </w:rPr>
        <w:t xml:space="preserve"> </w:t>
      </w:r>
    </w:p>
    <w:p w14:paraId="1DCEA844" w14:textId="77777777" w:rsidR="00CF54CB" w:rsidRDefault="00344004">
      <w:pPr>
        <w:spacing w:after="73" w:line="259" w:lineRule="auto"/>
        <w:ind w:left="0" w:right="1351" w:firstLine="0"/>
        <w:jc w:val="center"/>
      </w:pPr>
      <w:r>
        <w:rPr>
          <w:b/>
          <w:color w:val="231F20"/>
          <w:sz w:val="36"/>
          <w:szCs w:val="36"/>
        </w:rPr>
        <w:t xml:space="preserve">February 2010 </w:t>
      </w:r>
    </w:p>
    <w:p w14:paraId="1C19FB77" w14:textId="77777777" w:rsidR="00CF54CB" w:rsidRDefault="00344004">
      <w:pPr>
        <w:spacing w:after="0" w:line="259" w:lineRule="auto"/>
        <w:ind w:left="0" w:firstLine="0"/>
        <w:jc w:val="left"/>
      </w:pPr>
      <w:r>
        <w:rPr>
          <w:b/>
          <w:sz w:val="48"/>
          <w:szCs w:val="48"/>
        </w:rPr>
        <w:t xml:space="preserve"> </w:t>
      </w:r>
    </w:p>
    <w:p w14:paraId="2BD0D800" w14:textId="77777777" w:rsidR="00CF54CB" w:rsidRDefault="00344004">
      <w:pPr>
        <w:spacing w:after="0" w:line="259" w:lineRule="auto"/>
        <w:ind w:left="0" w:firstLine="0"/>
        <w:jc w:val="left"/>
      </w:pPr>
      <w:r>
        <w:rPr>
          <w:b/>
          <w:sz w:val="48"/>
          <w:szCs w:val="48"/>
        </w:rPr>
        <w:t xml:space="preserve"> </w:t>
      </w:r>
    </w:p>
    <w:p w14:paraId="05FB54B1" w14:textId="77777777" w:rsidR="00CF54CB" w:rsidRDefault="00344004">
      <w:pPr>
        <w:spacing w:after="0" w:line="259" w:lineRule="auto"/>
        <w:ind w:left="0" w:firstLine="0"/>
        <w:jc w:val="left"/>
      </w:pPr>
      <w:r>
        <w:rPr>
          <w:b/>
          <w:sz w:val="48"/>
          <w:szCs w:val="48"/>
        </w:rPr>
        <w:t xml:space="preserve"> </w:t>
      </w:r>
    </w:p>
    <w:p w14:paraId="15ECB1DE" w14:textId="77777777" w:rsidR="00CF54CB" w:rsidRDefault="00344004">
      <w:pPr>
        <w:spacing w:after="0" w:line="259" w:lineRule="auto"/>
        <w:ind w:left="0" w:firstLine="0"/>
        <w:jc w:val="left"/>
      </w:pPr>
      <w:r>
        <w:rPr>
          <w:b/>
          <w:sz w:val="37"/>
          <w:szCs w:val="37"/>
        </w:rPr>
        <w:t xml:space="preserve"> </w:t>
      </w:r>
    </w:p>
    <w:p w14:paraId="34704187" w14:textId="77777777" w:rsidR="00CF54CB" w:rsidRDefault="00344004">
      <w:pPr>
        <w:spacing w:after="3" w:line="253" w:lineRule="auto"/>
        <w:ind w:left="34" w:right="1367" w:hanging="10"/>
        <w:jc w:val="center"/>
      </w:pPr>
      <w:r>
        <w:rPr>
          <w:b/>
          <w:color w:val="231F20"/>
        </w:rPr>
        <w:t xml:space="preserve">Created by the </w:t>
      </w:r>
    </w:p>
    <w:p w14:paraId="518EB481" w14:textId="77777777" w:rsidR="00CF54CB" w:rsidRDefault="00344004">
      <w:pPr>
        <w:spacing w:after="66" w:line="253" w:lineRule="auto"/>
        <w:ind w:left="1028" w:right="1808" w:hanging="10"/>
        <w:jc w:val="center"/>
      </w:pPr>
      <w:r>
        <w:rPr>
          <w:b/>
          <w:color w:val="231F20"/>
        </w:rPr>
        <w:t xml:space="preserve">NAIC Restructuring Mechanisms for Troubled Companies Subgroup  of the Financial Condition (E) Committee </w:t>
      </w:r>
    </w:p>
    <w:p w14:paraId="6AAF983F" w14:textId="77777777" w:rsidR="00CF54CB" w:rsidRDefault="00344004">
      <w:pPr>
        <w:spacing w:after="73" w:line="259" w:lineRule="auto"/>
        <w:ind w:left="0" w:firstLine="0"/>
        <w:jc w:val="left"/>
      </w:pPr>
      <w:r>
        <w:rPr>
          <w:b/>
          <w:sz w:val="32"/>
          <w:szCs w:val="32"/>
        </w:rPr>
        <w:t xml:space="preserve"> </w:t>
      </w:r>
    </w:p>
    <w:p w14:paraId="6D708B7D" w14:textId="77777777" w:rsidR="00CF54CB" w:rsidRDefault="00344004">
      <w:pPr>
        <w:spacing w:after="0" w:line="259" w:lineRule="auto"/>
        <w:ind w:left="0" w:firstLine="0"/>
        <w:jc w:val="left"/>
      </w:pPr>
      <w:r>
        <w:rPr>
          <w:b/>
          <w:sz w:val="43"/>
          <w:szCs w:val="43"/>
        </w:rPr>
        <w:t xml:space="preserve"> </w:t>
      </w:r>
    </w:p>
    <w:p w14:paraId="11A43C1D" w14:textId="77777777" w:rsidR="00CF54CB" w:rsidRDefault="00344004">
      <w:pPr>
        <w:spacing w:after="3" w:line="253" w:lineRule="auto"/>
        <w:ind w:left="34" w:right="871" w:hanging="10"/>
        <w:jc w:val="center"/>
      </w:pPr>
      <w:r>
        <w:rPr>
          <w:b/>
          <w:color w:val="231F20"/>
        </w:rPr>
        <w:t xml:space="preserve">Drafting Note: This white paper is limited to situations where the legal entity is in a financially troubled condition that could potentially lead to an insolvency in the foreseeable future. It will not consider situations where the insurer is merely inconvenienced by a particular book of business. </w:t>
      </w:r>
    </w:p>
    <w:p w14:paraId="64A2E832" w14:textId="77777777" w:rsidR="00CF54CB" w:rsidRDefault="00344004">
      <w:pPr>
        <w:spacing w:after="0" w:line="259" w:lineRule="auto"/>
        <w:ind w:left="0" w:firstLine="0"/>
        <w:jc w:val="left"/>
      </w:pPr>
      <w:r>
        <w:rPr>
          <w:b/>
          <w:color w:val="231F20"/>
        </w:rPr>
        <w:t xml:space="preserve"> </w:t>
      </w:r>
    </w:p>
    <w:p w14:paraId="58B2A0D3" w14:textId="77777777" w:rsidR="00CF54CB" w:rsidRDefault="00344004">
      <w:pPr>
        <w:spacing w:after="529" w:line="265" w:lineRule="auto"/>
        <w:ind w:left="10" w:hanging="10"/>
        <w:jc w:val="right"/>
      </w:pPr>
      <w:r>
        <w:rPr>
          <w:sz w:val="22"/>
          <w:szCs w:val="22"/>
        </w:rPr>
        <w:lastRenderedPageBreak/>
        <w:t xml:space="preserve">Attachment Two </w:t>
      </w:r>
    </w:p>
    <w:p w14:paraId="57D0B69D" w14:textId="77777777" w:rsidR="00CF54CB" w:rsidRDefault="00344004">
      <w:pPr>
        <w:spacing w:after="0" w:line="259" w:lineRule="auto"/>
        <w:ind w:left="3475" w:firstLine="0"/>
        <w:jc w:val="left"/>
      </w:pPr>
      <w:r>
        <w:rPr>
          <w:b/>
          <w:u w:val="single"/>
        </w:rPr>
        <w:t>T</w:t>
      </w:r>
      <w:r>
        <w:rPr>
          <w:b/>
          <w:sz w:val="19"/>
          <w:szCs w:val="19"/>
          <w:u w:val="single"/>
        </w:rPr>
        <w:t xml:space="preserve">ABLE </w:t>
      </w:r>
      <w:r>
        <w:rPr>
          <w:b/>
          <w:u w:val="single"/>
        </w:rPr>
        <w:t>O</w:t>
      </w:r>
      <w:r>
        <w:rPr>
          <w:b/>
          <w:sz w:val="19"/>
          <w:szCs w:val="19"/>
          <w:u w:val="single"/>
        </w:rPr>
        <w:t xml:space="preserve">F </w:t>
      </w:r>
      <w:r>
        <w:rPr>
          <w:b/>
          <w:u w:val="single"/>
        </w:rPr>
        <w:t>C</w:t>
      </w:r>
      <w:r>
        <w:rPr>
          <w:b/>
          <w:sz w:val="19"/>
          <w:szCs w:val="19"/>
          <w:u w:val="single"/>
        </w:rPr>
        <w:t>ONTENTS</w:t>
      </w:r>
      <w:r>
        <w:rPr>
          <w:b/>
        </w:rPr>
        <w:t xml:space="preserve"> </w:t>
      </w:r>
    </w:p>
    <w:p w14:paraId="7CFA7774" w14:textId="77777777" w:rsidR="00CF54CB" w:rsidRDefault="00344004">
      <w:pPr>
        <w:spacing w:after="55" w:line="259" w:lineRule="auto"/>
        <w:ind w:left="0" w:firstLine="0"/>
        <w:jc w:val="left"/>
      </w:pPr>
      <w:r>
        <w:rPr>
          <w:b/>
          <w:sz w:val="16"/>
          <w:szCs w:val="16"/>
        </w:rPr>
        <w:t xml:space="preserve"> </w:t>
      </w:r>
    </w:p>
    <w:p w14:paraId="2FC595DA" w14:textId="77777777" w:rsidR="00CF54CB" w:rsidRDefault="00344004">
      <w:pPr>
        <w:tabs>
          <w:tab w:val="center" w:pos="9582"/>
        </w:tabs>
        <w:spacing w:after="4" w:line="265" w:lineRule="auto"/>
        <w:ind w:left="0" w:firstLine="0"/>
        <w:jc w:val="left"/>
      </w:pPr>
      <w:r>
        <w:rPr>
          <w:vertAlign w:val="superscript"/>
        </w:rPr>
        <w:t xml:space="preserve"> </w:t>
      </w:r>
      <w:r>
        <w:rPr>
          <w:vertAlign w:val="superscript"/>
        </w:rPr>
        <w:tab/>
      </w:r>
      <w:r>
        <w:rPr>
          <w:b/>
          <w:sz w:val="22"/>
          <w:szCs w:val="22"/>
        </w:rPr>
        <w:t>P</w:t>
      </w:r>
      <w:r>
        <w:rPr>
          <w:b/>
          <w:sz w:val="19"/>
          <w:szCs w:val="19"/>
        </w:rPr>
        <w:t xml:space="preserve">AGE </w:t>
      </w:r>
      <w:r>
        <w:rPr>
          <w:vertAlign w:val="superscript"/>
        </w:rPr>
        <w:t xml:space="preserve"> </w:t>
      </w:r>
    </w:p>
    <w:p w14:paraId="4A1297A6" w14:textId="77777777" w:rsidR="00CF54CB" w:rsidRDefault="00344004">
      <w:pPr>
        <w:numPr>
          <w:ilvl w:val="0"/>
          <w:numId w:val="48"/>
        </w:numPr>
        <w:spacing w:after="60" w:line="259" w:lineRule="auto"/>
        <w:ind w:hanging="384"/>
        <w:jc w:val="left"/>
      </w:pPr>
      <w:r>
        <w:rPr>
          <w:sz w:val="20"/>
          <w:szCs w:val="20"/>
        </w:rPr>
        <w:t>I</w:t>
      </w:r>
      <w:r>
        <w:rPr>
          <w:sz w:val="16"/>
          <w:szCs w:val="16"/>
        </w:rPr>
        <w:t xml:space="preserve">NTRODUCTION </w:t>
      </w:r>
      <w:r>
        <w:rPr>
          <w:sz w:val="16"/>
          <w:szCs w:val="16"/>
        </w:rPr>
        <w:tab/>
        <w:t xml:space="preserve"> </w:t>
      </w:r>
      <w:r>
        <w:rPr>
          <w:sz w:val="16"/>
          <w:szCs w:val="16"/>
        </w:rPr>
        <w:tab/>
      </w:r>
      <w:r>
        <w:rPr>
          <w:sz w:val="20"/>
          <w:szCs w:val="20"/>
        </w:rPr>
        <w:t xml:space="preserve">1 </w:t>
      </w:r>
    </w:p>
    <w:p w14:paraId="465091C6" w14:textId="77777777" w:rsidR="00CF54CB" w:rsidRDefault="00344004">
      <w:pPr>
        <w:numPr>
          <w:ilvl w:val="1"/>
          <w:numId w:val="48"/>
        </w:numPr>
        <w:spacing w:after="38" w:line="259" w:lineRule="auto"/>
        <w:ind w:hanging="360"/>
        <w:jc w:val="left"/>
      </w:pPr>
      <w:r>
        <w:rPr>
          <w:sz w:val="20"/>
          <w:szCs w:val="20"/>
        </w:rPr>
        <w:t>B</w:t>
      </w:r>
      <w:r>
        <w:rPr>
          <w:sz w:val="16"/>
          <w:szCs w:val="16"/>
        </w:rPr>
        <w:t>ACKGROUND</w:t>
      </w:r>
      <w:r>
        <w:rPr>
          <w:sz w:val="20"/>
          <w:szCs w:val="20"/>
        </w:rPr>
        <w:t>/P</w:t>
      </w:r>
      <w:r>
        <w:rPr>
          <w:sz w:val="16"/>
          <w:szCs w:val="16"/>
        </w:rPr>
        <w:t xml:space="preserve">URPOSE </w:t>
      </w:r>
      <w:r>
        <w:rPr>
          <w:sz w:val="16"/>
          <w:szCs w:val="16"/>
        </w:rPr>
        <w:tab/>
        <w:t xml:space="preserve"> </w:t>
      </w:r>
      <w:r>
        <w:rPr>
          <w:sz w:val="16"/>
          <w:szCs w:val="16"/>
        </w:rPr>
        <w:tab/>
      </w:r>
      <w:r>
        <w:rPr>
          <w:sz w:val="20"/>
          <w:szCs w:val="20"/>
        </w:rPr>
        <w:t xml:space="preserve">1 </w:t>
      </w:r>
    </w:p>
    <w:p w14:paraId="1BF523EF" w14:textId="77777777" w:rsidR="00CF54CB" w:rsidRDefault="00344004">
      <w:pPr>
        <w:numPr>
          <w:ilvl w:val="1"/>
          <w:numId w:val="48"/>
        </w:numPr>
        <w:spacing w:after="38" w:line="259" w:lineRule="auto"/>
        <w:ind w:hanging="360"/>
        <w:jc w:val="left"/>
      </w:pPr>
      <w:r>
        <w:rPr>
          <w:sz w:val="20"/>
          <w:szCs w:val="20"/>
        </w:rPr>
        <w:t>A</w:t>
      </w:r>
      <w:r>
        <w:rPr>
          <w:sz w:val="16"/>
          <w:szCs w:val="16"/>
        </w:rPr>
        <w:t xml:space="preserve">UTHORITY </w:t>
      </w:r>
      <w:r>
        <w:rPr>
          <w:sz w:val="20"/>
          <w:szCs w:val="20"/>
        </w:rPr>
        <w:t>&amp; A</w:t>
      </w:r>
      <w:r>
        <w:rPr>
          <w:sz w:val="16"/>
          <w:szCs w:val="16"/>
        </w:rPr>
        <w:t xml:space="preserve">PPLICABILITY </w:t>
      </w:r>
      <w:r>
        <w:rPr>
          <w:sz w:val="16"/>
          <w:szCs w:val="16"/>
        </w:rPr>
        <w:tab/>
        <w:t xml:space="preserve"> </w:t>
      </w:r>
      <w:r>
        <w:rPr>
          <w:sz w:val="16"/>
          <w:szCs w:val="16"/>
        </w:rPr>
        <w:tab/>
      </w:r>
      <w:r>
        <w:rPr>
          <w:sz w:val="20"/>
          <w:szCs w:val="20"/>
        </w:rPr>
        <w:t xml:space="preserve">1 </w:t>
      </w:r>
    </w:p>
    <w:p w14:paraId="26705AD9" w14:textId="77777777" w:rsidR="00CF54CB" w:rsidRDefault="00344004">
      <w:pPr>
        <w:numPr>
          <w:ilvl w:val="1"/>
          <w:numId w:val="48"/>
        </w:numPr>
        <w:spacing w:after="38" w:line="259" w:lineRule="auto"/>
        <w:ind w:hanging="360"/>
        <w:jc w:val="left"/>
      </w:pPr>
      <w:r>
        <w:rPr>
          <w:sz w:val="20"/>
          <w:szCs w:val="20"/>
        </w:rPr>
        <w:t>O</w:t>
      </w:r>
      <w:r>
        <w:rPr>
          <w:sz w:val="16"/>
          <w:szCs w:val="16"/>
        </w:rPr>
        <w:t xml:space="preserve">THER </w:t>
      </w:r>
      <w:r>
        <w:rPr>
          <w:sz w:val="20"/>
          <w:szCs w:val="20"/>
        </w:rPr>
        <w:t>C</w:t>
      </w:r>
      <w:r>
        <w:rPr>
          <w:sz w:val="16"/>
          <w:szCs w:val="16"/>
        </w:rPr>
        <w:t xml:space="preserve">ONSIDERATIONS </w:t>
      </w:r>
      <w:r>
        <w:rPr>
          <w:sz w:val="16"/>
          <w:szCs w:val="16"/>
        </w:rPr>
        <w:tab/>
        <w:t xml:space="preserve"> </w:t>
      </w:r>
      <w:r>
        <w:rPr>
          <w:sz w:val="16"/>
          <w:szCs w:val="16"/>
        </w:rPr>
        <w:tab/>
      </w:r>
      <w:r>
        <w:rPr>
          <w:sz w:val="20"/>
          <w:szCs w:val="20"/>
        </w:rPr>
        <w:t xml:space="preserve">2 </w:t>
      </w:r>
    </w:p>
    <w:p w14:paraId="3F59F433" w14:textId="77777777" w:rsidR="00CF54CB" w:rsidRDefault="00344004">
      <w:pPr>
        <w:numPr>
          <w:ilvl w:val="0"/>
          <w:numId w:val="48"/>
        </w:numPr>
        <w:spacing w:after="38" w:line="259" w:lineRule="auto"/>
        <w:ind w:hanging="384"/>
        <w:jc w:val="left"/>
      </w:pPr>
      <w:r>
        <w:rPr>
          <w:sz w:val="20"/>
          <w:szCs w:val="20"/>
        </w:rPr>
        <w:t>G</w:t>
      </w:r>
      <w:r>
        <w:rPr>
          <w:sz w:val="16"/>
          <w:szCs w:val="16"/>
        </w:rPr>
        <w:t xml:space="preserve">ENERAL </w:t>
      </w:r>
      <w:r>
        <w:rPr>
          <w:sz w:val="20"/>
          <w:szCs w:val="20"/>
        </w:rPr>
        <w:t>A</w:t>
      </w:r>
      <w:r>
        <w:rPr>
          <w:sz w:val="16"/>
          <w:szCs w:val="16"/>
        </w:rPr>
        <w:t xml:space="preserve">DVANTAGES AND </w:t>
      </w:r>
      <w:r>
        <w:rPr>
          <w:sz w:val="20"/>
          <w:szCs w:val="20"/>
        </w:rPr>
        <w:t>D</w:t>
      </w:r>
      <w:r>
        <w:rPr>
          <w:sz w:val="16"/>
          <w:szCs w:val="16"/>
        </w:rPr>
        <w:t xml:space="preserve">ISADVANTAGES FOR </w:t>
      </w:r>
      <w:r>
        <w:rPr>
          <w:sz w:val="20"/>
          <w:szCs w:val="20"/>
        </w:rPr>
        <w:t>U</w:t>
      </w:r>
      <w:r>
        <w:rPr>
          <w:sz w:val="16"/>
          <w:szCs w:val="16"/>
        </w:rPr>
        <w:t xml:space="preserve">TILIZING </w:t>
      </w:r>
      <w:r>
        <w:rPr>
          <w:sz w:val="20"/>
          <w:szCs w:val="20"/>
        </w:rPr>
        <w:t>A</w:t>
      </w:r>
      <w:r>
        <w:rPr>
          <w:sz w:val="16"/>
          <w:szCs w:val="16"/>
        </w:rPr>
        <w:t xml:space="preserve">LTERNATIVE </w:t>
      </w:r>
      <w:r>
        <w:rPr>
          <w:sz w:val="20"/>
          <w:szCs w:val="20"/>
        </w:rPr>
        <w:t>M</w:t>
      </w:r>
      <w:r>
        <w:rPr>
          <w:sz w:val="16"/>
          <w:szCs w:val="16"/>
        </w:rPr>
        <w:t xml:space="preserve">ECHANISMS FOR </w:t>
      </w:r>
      <w:r>
        <w:rPr>
          <w:sz w:val="16"/>
          <w:szCs w:val="16"/>
        </w:rPr>
        <w:tab/>
        <w:t xml:space="preserve"> </w:t>
      </w:r>
      <w:r>
        <w:rPr>
          <w:sz w:val="16"/>
          <w:szCs w:val="16"/>
        </w:rPr>
        <w:tab/>
        <w:t xml:space="preserve"> </w:t>
      </w:r>
    </w:p>
    <w:p w14:paraId="78FA194C" w14:textId="77777777" w:rsidR="00CF54CB" w:rsidRDefault="00344004">
      <w:pPr>
        <w:tabs>
          <w:tab w:val="center" w:pos="1698"/>
          <w:tab w:val="center" w:pos="9110"/>
          <w:tab w:val="right" w:pos="10268"/>
        </w:tabs>
        <w:spacing w:after="38" w:line="259" w:lineRule="auto"/>
        <w:ind w:left="0" w:firstLine="0"/>
        <w:jc w:val="left"/>
      </w:pPr>
      <w:r>
        <w:rPr>
          <w:rFonts w:ascii="Calibri" w:eastAsia="Calibri" w:hAnsi="Calibri" w:cs="Calibri"/>
          <w:sz w:val="22"/>
          <w:szCs w:val="22"/>
        </w:rPr>
        <w:tab/>
      </w:r>
      <w:r>
        <w:rPr>
          <w:sz w:val="20"/>
          <w:szCs w:val="20"/>
        </w:rPr>
        <w:t>T</w:t>
      </w:r>
      <w:r>
        <w:rPr>
          <w:sz w:val="16"/>
          <w:szCs w:val="16"/>
        </w:rPr>
        <w:t xml:space="preserve">ROUBLED </w:t>
      </w:r>
      <w:r>
        <w:rPr>
          <w:sz w:val="20"/>
          <w:szCs w:val="20"/>
        </w:rPr>
        <w:t>C</w:t>
      </w:r>
      <w:r>
        <w:rPr>
          <w:sz w:val="16"/>
          <w:szCs w:val="16"/>
        </w:rPr>
        <w:t xml:space="preserve">OMPANIES </w:t>
      </w:r>
      <w:r>
        <w:rPr>
          <w:sz w:val="16"/>
          <w:szCs w:val="16"/>
        </w:rPr>
        <w:tab/>
        <w:t xml:space="preserve"> </w:t>
      </w:r>
      <w:r>
        <w:rPr>
          <w:sz w:val="16"/>
          <w:szCs w:val="16"/>
        </w:rPr>
        <w:tab/>
      </w:r>
      <w:r>
        <w:rPr>
          <w:sz w:val="20"/>
          <w:szCs w:val="20"/>
        </w:rPr>
        <w:t xml:space="preserve">3 </w:t>
      </w:r>
    </w:p>
    <w:p w14:paraId="2DA97178" w14:textId="77777777" w:rsidR="00CF54CB" w:rsidRDefault="00344004">
      <w:pPr>
        <w:numPr>
          <w:ilvl w:val="1"/>
          <w:numId w:val="48"/>
        </w:numPr>
        <w:spacing w:after="38" w:line="259" w:lineRule="auto"/>
        <w:ind w:hanging="360"/>
        <w:jc w:val="left"/>
      </w:pPr>
      <w:r>
        <w:rPr>
          <w:sz w:val="20"/>
          <w:szCs w:val="20"/>
        </w:rPr>
        <w:t>A</w:t>
      </w:r>
      <w:r>
        <w:rPr>
          <w:sz w:val="16"/>
          <w:szCs w:val="16"/>
        </w:rPr>
        <w:t xml:space="preserve">DVANTAGES </w:t>
      </w:r>
      <w:r>
        <w:rPr>
          <w:sz w:val="16"/>
          <w:szCs w:val="16"/>
        </w:rPr>
        <w:tab/>
        <w:t xml:space="preserve"> </w:t>
      </w:r>
      <w:r>
        <w:rPr>
          <w:sz w:val="16"/>
          <w:szCs w:val="16"/>
        </w:rPr>
        <w:tab/>
      </w:r>
      <w:r>
        <w:rPr>
          <w:sz w:val="20"/>
          <w:szCs w:val="20"/>
        </w:rPr>
        <w:t xml:space="preserve">3 </w:t>
      </w:r>
    </w:p>
    <w:p w14:paraId="5872E1FB" w14:textId="77777777" w:rsidR="00CF54CB" w:rsidRDefault="00344004">
      <w:pPr>
        <w:numPr>
          <w:ilvl w:val="1"/>
          <w:numId w:val="48"/>
        </w:numPr>
        <w:spacing w:after="38" w:line="259" w:lineRule="auto"/>
        <w:ind w:hanging="360"/>
        <w:jc w:val="left"/>
      </w:pPr>
      <w:r>
        <w:rPr>
          <w:sz w:val="20"/>
          <w:szCs w:val="20"/>
        </w:rPr>
        <w:t>D</w:t>
      </w:r>
      <w:r>
        <w:rPr>
          <w:sz w:val="16"/>
          <w:szCs w:val="16"/>
        </w:rPr>
        <w:t xml:space="preserve">ISADVANTAGES </w:t>
      </w:r>
      <w:r>
        <w:rPr>
          <w:sz w:val="16"/>
          <w:szCs w:val="16"/>
        </w:rPr>
        <w:tab/>
        <w:t xml:space="preserve"> </w:t>
      </w:r>
      <w:r>
        <w:rPr>
          <w:sz w:val="16"/>
          <w:szCs w:val="16"/>
        </w:rPr>
        <w:tab/>
      </w:r>
      <w:r>
        <w:rPr>
          <w:sz w:val="20"/>
          <w:szCs w:val="20"/>
        </w:rPr>
        <w:t xml:space="preserve">3 </w:t>
      </w:r>
    </w:p>
    <w:p w14:paraId="4A544EC6" w14:textId="77777777" w:rsidR="00CF54CB" w:rsidRDefault="00344004">
      <w:pPr>
        <w:numPr>
          <w:ilvl w:val="0"/>
          <w:numId w:val="48"/>
        </w:numPr>
        <w:spacing w:after="38" w:line="259" w:lineRule="auto"/>
        <w:ind w:hanging="384"/>
        <w:jc w:val="left"/>
      </w:pPr>
      <w:r>
        <w:rPr>
          <w:sz w:val="20"/>
          <w:szCs w:val="20"/>
        </w:rPr>
        <w:t>T</w:t>
      </w:r>
      <w:r>
        <w:rPr>
          <w:sz w:val="16"/>
          <w:szCs w:val="16"/>
        </w:rPr>
        <w:t xml:space="preserve">YPES OF </w:t>
      </w:r>
      <w:r>
        <w:rPr>
          <w:sz w:val="20"/>
          <w:szCs w:val="20"/>
        </w:rPr>
        <w:t>A</w:t>
      </w:r>
      <w:r>
        <w:rPr>
          <w:sz w:val="16"/>
          <w:szCs w:val="16"/>
        </w:rPr>
        <w:t xml:space="preserve">LTERNATIVE </w:t>
      </w:r>
      <w:r>
        <w:rPr>
          <w:sz w:val="20"/>
          <w:szCs w:val="20"/>
        </w:rPr>
        <w:t>M</w:t>
      </w:r>
      <w:r>
        <w:rPr>
          <w:sz w:val="16"/>
          <w:szCs w:val="16"/>
        </w:rPr>
        <w:t xml:space="preserve">ECHANISMS FOR </w:t>
      </w:r>
      <w:r>
        <w:rPr>
          <w:sz w:val="20"/>
          <w:szCs w:val="20"/>
        </w:rPr>
        <w:t>T</w:t>
      </w:r>
      <w:r>
        <w:rPr>
          <w:sz w:val="16"/>
          <w:szCs w:val="16"/>
        </w:rPr>
        <w:t xml:space="preserve">ROUBLED </w:t>
      </w:r>
      <w:r>
        <w:rPr>
          <w:sz w:val="20"/>
          <w:szCs w:val="20"/>
        </w:rPr>
        <w:t>C</w:t>
      </w:r>
      <w:r>
        <w:rPr>
          <w:sz w:val="16"/>
          <w:szCs w:val="16"/>
        </w:rPr>
        <w:t xml:space="preserve">OMPANIES </w:t>
      </w:r>
      <w:r>
        <w:rPr>
          <w:sz w:val="16"/>
          <w:szCs w:val="16"/>
        </w:rPr>
        <w:tab/>
        <w:t xml:space="preserve"> </w:t>
      </w:r>
      <w:r>
        <w:rPr>
          <w:sz w:val="16"/>
          <w:szCs w:val="16"/>
        </w:rPr>
        <w:tab/>
      </w:r>
      <w:r>
        <w:rPr>
          <w:sz w:val="20"/>
          <w:szCs w:val="20"/>
        </w:rPr>
        <w:t xml:space="preserve">5 </w:t>
      </w:r>
    </w:p>
    <w:p w14:paraId="1F5ECDAF" w14:textId="77777777" w:rsidR="00CF54CB" w:rsidRDefault="00344004">
      <w:pPr>
        <w:tabs>
          <w:tab w:val="center" w:pos="4400"/>
          <w:tab w:val="center" w:pos="9110"/>
          <w:tab w:val="right" w:pos="10268"/>
        </w:tabs>
        <w:spacing w:after="21" w:line="259" w:lineRule="auto"/>
        <w:ind w:left="0" w:firstLine="0"/>
        <w:jc w:val="left"/>
      </w:pPr>
      <w:r>
        <w:rPr>
          <w:rFonts w:ascii="Calibri" w:eastAsia="Calibri" w:hAnsi="Calibri" w:cs="Calibri"/>
          <w:sz w:val="22"/>
          <w:szCs w:val="22"/>
        </w:rPr>
        <w:tab/>
      </w:r>
      <w:r>
        <w:rPr>
          <w:i/>
          <w:sz w:val="20"/>
          <w:szCs w:val="20"/>
        </w:rPr>
        <w:t>M</w:t>
      </w:r>
      <w:r>
        <w:rPr>
          <w:i/>
          <w:sz w:val="16"/>
          <w:szCs w:val="16"/>
        </w:rPr>
        <w:t xml:space="preserve">ECHANISMS </w:t>
      </w:r>
      <w:r>
        <w:rPr>
          <w:i/>
          <w:sz w:val="20"/>
          <w:szCs w:val="20"/>
        </w:rPr>
        <w:t>A</w:t>
      </w:r>
      <w:r>
        <w:rPr>
          <w:i/>
          <w:sz w:val="16"/>
          <w:szCs w:val="16"/>
        </w:rPr>
        <w:t xml:space="preserve">VAILABLE TO </w:t>
      </w:r>
      <w:r>
        <w:rPr>
          <w:i/>
          <w:sz w:val="20"/>
          <w:szCs w:val="20"/>
        </w:rPr>
        <w:t>I</w:t>
      </w:r>
      <w:r>
        <w:rPr>
          <w:i/>
          <w:sz w:val="16"/>
          <w:szCs w:val="16"/>
        </w:rPr>
        <w:t xml:space="preserve">NSURERS </w:t>
      </w:r>
      <w:r>
        <w:rPr>
          <w:i/>
          <w:sz w:val="20"/>
          <w:szCs w:val="20"/>
        </w:rPr>
        <w:t>W</w:t>
      </w:r>
      <w:r>
        <w:rPr>
          <w:i/>
          <w:sz w:val="16"/>
          <w:szCs w:val="16"/>
        </w:rPr>
        <w:t xml:space="preserve">ITHIN THE </w:t>
      </w:r>
      <w:r>
        <w:rPr>
          <w:i/>
          <w:sz w:val="20"/>
          <w:szCs w:val="20"/>
        </w:rPr>
        <w:t>U</w:t>
      </w:r>
      <w:r>
        <w:rPr>
          <w:i/>
          <w:sz w:val="16"/>
          <w:szCs w:val="16"/>
        </w:rPr>
        <w:t xml:space="preserve">NITED </w:t>
      </w:r>
      <w:r>
        <w:rPr>
          <w:i/>
          <w:sz w:val="20"/>
          <w:szCs w:val="20"/>
        </w:rPr>
        <w:t>S</w:t>
      </w:r>
      <w:r>
        <w:rPr>
          <w:i/>
          <w:sz w:val="16"/>
          <w:szCs w:val="16"/>
        </w:rPr>
        <w:t xml:space="preserve">TATES AND </w:t>
      </w:r>
      <w:r>
        <w:rPr>
          <w:i/>
          <w:sz w:val="20"/>
          <w:szCs w:val="20"/>
        </w:rPr>
        <w:t>R</w:t>
      </w:r>
      <w:r>
        <w:rPr>
          <w:i/>
          <w:sz w:val="16"/>
          <w:szCs w:val="16"/>
        </w:rPr>
        <w:t xml:space="preserve">ELATED </w:t>
      </w:r>
      <w:r>
        <w:rPr>
          <w:i/>
          <w:sz w:val="20"/>
          <w:szCs w:val="20"/>
        </w:rPr>
        <w:t>T</w:t>
      </w:r>
      <w:r>
        <w:rPr>
          <w:i/>
          <w:sz w:val="16"/>
          <w:szCs w:val="16"/>
        </w:rPr>
        <w:t xml:space="preserve">ERRITORIES </w:t>
      </w:r>
      <w:r>
        <w:rPr>
          <w:i/>
          <w:sz w:val="16"/>
          <w:szCs w:val="16"/>
        </w:rPr>
        <w:tab/>
      </w:r>
      <w:r>
        <w:rPr>
          <w:sz w:val="16"/>
          <w:szCs w:val="16"/>
        </w:rPr>
        <w:t xml:space="preserve"> </w:t>
      </w:r>
      <w:r>
        <w:rPr>
          <w:sz w:val="16"/>
          <w:szCs w:val="16"/>
        </w:rPr>
        <w:tab/>
      </w:r>
      <w:r>
        <w:rPr>
          <w:sz w:val="20"/>
          <w:szCs w:val="20"/>
        </w:rPr>
        <w:t xml:space="preserve">5 </w:t>
      </w:r>
    </w:p>
    <w:p w14:paraId="13057E8E" w14:textId="77777777" w:rsidR="00CF54CB" w:rsidRDefault="00344004">
      <w:pPr>
        <w:numPr>
          <w:ilvl w:val="1"/>
          <w:numId w:val="48"/>
        </w:numPr>
        <w:spacing w:after="38" w:line="259" w:lineRule="auto"/>
        <w:ind w:hanging="360"/>
        <w:jc w:val="left"/>
      </w:pPr>
      <w:r>
        <w:rPr>
          <w:sz w:val="20"/>
          <w:szCs w:val="20"/>
        </w:rPr>
        <w:t>R</w:t>
      </w:r>
      <w:r>
        <w:rPr>
          <w:sz w:val="16"/>
          <w:szCs w:val="16"/>
        </w:rPr>
        <w:t>UN</w:t>
      </w:r>
      <w:r>
        <w:rPr>
          <w:sz w:val="20"/>
          <w:szCs w:val="20"/>
        </w:rPr>
        <w:t>-</w:t>
      </w:r>
      <w:r>
        <w:rPr>
          <w:sz w:val="16"/>
          <w:szCs w:val="16"/>
        </w:rPr>
        <w:t xml:space="preserve">OFF OF </w:t>
      </w:r>
      <w:r>
        <w:rPr>
          <w:sz w:val="20"/>
          <w:szCs w:val="20"/>
        </w:rPr>
        <w:t>T</w:t>
      </w:r>
      <w:r>
        <w:rPr>
          <w:sz w:val="16"/>
          <w:szCs w:val="16"/>
        </w:rPr>
        <w:t xml:space="preserve">ROUBLED </w:t>
      </w:r>
      <w:r>
        <w:rPr>
          <w:sz w:val="20"/>
          <w:szCs w:val="20"/>
        </w:rPr>
        <w:t>I</w:t>
      </w:r>
      <w:r>
        <w:rPr>
          <w:sz w:val="16"/>
          <w:szCs w:val="16"/>
        </w:rPr>
        <w:t xml:space="preserve">NSURER </w:t>
      </w:r>
      <w:r>
        <w:rPr>
          <w:sz w:val="16"/>
          <w:szCs w:val="16"/>
        </w:rPr>
        <w:tab/>
        <w:t xml:space="preserve"> </w:t>
      </w:r>
      <w:r>
        <w:rPr>
          <w:sz w:val="20"/>
          <w:szCs w:val="20"/>
        </w:rPr>
        <w:t>5 B. N</w:t>
      </w:r>
      <w:r>
        <w:rPr>
          <w:sz w:val="16"/>
          <w:szCs w:val="16"/>
        </w:rPr>
        <w:t xml:space="preserve">EW </w:t>
      </w:r>
      <w:r>
        <w:rPr>
          <w:sz w:val="20"/>
          <w:szCs w:val="20"/>
        </w:rPr>
        <w:t>Y</w:t>
      </w:r>
      <w:r>
        <w:rPr>
          <w:sz w:val="16"/>
          <w:szCs w:val="16"/>
        </w:rPr>
        <w:t xml:space="preserve">ORK </w:t>
      </w:r>
      <w:r>
        <w:rPr>
          <w:sz w:val="20"/>
          <w:szCs w:val="20"/>
        </w:rPr>
        <w:t>R</w:t>
      </w:r>
      <w:r>
        <w:rPr>
          <w:sz w:val="16"/>
          <w:szCs w:val="16"/>
        </w:rPr>
        <w:t xml:space="preserve">EGULATION </w:t>
      </w:r>
      <w:r>
        <w:rPr>
          <w:sz w:val="20"/>
          <w:szCs w:val="20"/>
        </w:rPr>
        <w:t xml:space="preserve">141 </w:t>
      </w:r>
      <w:r>
        <w:rPr>
          <w:sz w:val="20"/>
          <w:szCs w:val="20"/>
        </w:rPr>
        <w:tab/>
      </w:r>
      <w:r>
        <w:rPr>
          <w:sz w:val="16"/>
          <w:szCs w:val="16"/>
        </w:rPr>
        <w:t xml:space="preserve"> </w:t>
      </w:r>
      <w:r>
        <w:rPr>
          <w:sz w:val="20"/>
          <w:szCs w:val="20"/>
        </w:rPr>
        <w:t xml:space="preserve">8 </w:t>
      </w:r>
    </w:p>
    <w:p w14:paraId="54D4C81B" w14:textId="77777777" w:rsidR="00CF54CB" w:rsidRDefault="00344004">
      <w:pPr>
        <w:numPr>
          <w:ilvl w:val="1"/>
          <w:numId w:val="49"/>
        </w:numPr>
        <w:spacing w:after="38" w:line="259" w:lineRule="auto"/>
        <w:ind w:hanging="307"/>
        <w:jc w:val="left"/>
      </w:pPr>
      <w:r>
        <w:rPr>
          <w:sz w:val="20"/>
          <w:szCs w:val="20"/>
        </w:rPr>
        <w:t>R</w:t>
      </w:r>
      <w:r>
        <w:rPr>
          <w:sz w:val="16"/>
          <w:szCs w:val="16"/>
        </w:rPr>
        <w:t xml:space="preserve">HODE </w:t>
      </w:r>
      <w:r>
        <w:rPr>
          <w:sz w:val="20"/>
          <w:szCs w:val="20"/>
        </w:rPr>
        <w:t>I</w:t>
      </w:r>
      <w:r>
        <w:rPr>
          <w:sz w:val="16"/>
          <w:szCs w:val="16"/>
        </w:rPr>
        <w:t xml:space="preserve">SLAND </w:t>
      </w:r>
      <w:r>
        <w:rPr>
          <w:sz w:val="20"/>
          <w:szCs w:val="20"/>
        </w:rPr>
        <w:t>S</w:t>
      </w:r>
      <w:r>
        <w:rPr>
          <w:sz w:val="16"/>
          <w:szCs w:val="16"/>
        </w:rPr>
        <w:t xml:space="preserve">TATUTE AND </w:t>
      </w:r>
      <w:r>
        <w:rPr>
          <w:sz w:val="20"/>
          <w:szCs w:val="20"/>
        </w:rPr>
        <w:t>R</w:t>
      </w:r>
      <w:r>
        <w:rPr>
          <w:sz w:val="16"/>
          <w:szCs w:val="16"/>
        </w:rPr>
        <w:t xml:space="preserve">EGULATION FOR </w:t>
      </w:r>
      <w:r>
        <w:rPr>
          <w:sz w:val="20"/>
          <w:szCs w:val="20"/>
        </w:rPr>
        <w:t>V</w:t>
      </w:r>
      <w:r>
        <w:rPr>
          <w:sz w:val="16"/>
          <w:szCs w:val="16"/>
        </w:rPr>
        <w:t xml:space="preserve">OLUNTARY </w:t>
      </w:r>
      <w:r>
        <w:rPr>
          <w:sz w:val="20"/>
          <w:szCs w:val="20"/>
        </w:rPr>
        <w:t>R</w:t>
      </w:r>
      <w:r>
        <w:rPr>
          <w:sz w:val="16"/>
          <w:szCs w:val="16"/>
        </w:rPr>
        <w:t xml:space="preserve">ESTRUCTURING OF </w:t>
      </w:r>
      <w:r>
        <w:rPr>
          <w:sz w:val="20"/>
          <w:szCs w:val="20"/>
        </w:rPr>
        <w:t>S</w:t>
      </w:r>
      <w:r>
        <w:rPr>
          <w:sz w:val="16"/>
          <w:szCs w:val="16"/>
        </w:rPr>
        <w:t xml:space="preserve">OLVENT </w:t>
      </w:r>
      <w:r>
        <w:rPr>
          <w:sz w:val="20"/>
          <w:szCs w:val="20"/>
        </w:rPr>
        <w:t>I</w:t>
      </w:r>
      <w:r>
        <w:rPr>
          <w:sz w:val="16"/>
          <w:szCs w:val="16"/>
        </w:rPr>
        <w:t xml:space="preserve">NSURERS </w:t>
      </w:r>
      <w:r>
        <w:rPr>
          <w:sz w:val="16"/>
          <w:szCs w:val="16"/>
        </w:rPr>
        <w:tab/>
        <w:t xml:space="preserve"> </w:t>
      </w:r>
      <w:r>
        <w:rPr>
          <w:sz w:val="16"/>
          <w:szCs w:val="16"/>
        </w:rPr>
        <w:tab/>
      </w:r>
      <w:r>
        <w:rPr>
          <w:sz w:val="20"/>
          <w:szCs w:val="20"/>
        </w:rPr>
        <w:t xml:space="preserve">11 </w:t>
      </w:r>
    </w:p>
    <w:p w14:paraId="020D8855" w14:textId="77777777" w:rsidR="00CF54CB" w:rsidRDefault="00344004">
      <w:pPr>
        <w:tabs>
          <w:tab w:val="center" w:pos="4448"/>
          <w:tab w:val="center" w:pos="9110"/>
          <w:tab w:val="right" w:pos="10268"/>
        </w:tabs>
        <w:spacing w:after="21" w:line="259" w:lineRule="auto"/>
        <w:ind w:left="0" w:firstLine="0"/>
        <w:jc w:val="left"/>
      </w:pPr>
      <w:r>
        <w:rPr>
          <w:rFonts w:ascii="Calibri" w:eastAsia="Calibri" w:hAnsi="Calibri" w:cs="Calibri"/>
          <w:sz w:val="22"/>
          <w:szCs w:val="22"/>
        </w:rPr>
        <w:tab/>
      </w:r>
      <w:r>
        <w:rPr>
          <w:i/>
          <w:sz w:val="20"/>
          <w:szCs w:val="20"/>
        </w:rPr>
        <w:t>M</w:t>
      </w:r>
      <w:r>
        <w:rPr>
          <w:i/>
          <w:sz w:val="16"/>
          <w:szCs w:val="16"/>
        </w:rPr>
        <w:t xml:space="preserve">ECHANISMS </w:t>
      </w:r>
      <w:r>
        <w:rPr>
          <w:i/>
          <w:sz w:val="20"/>
          <w:szCs w:val="20"/>
        </w:rPr>
        <w:t>A</w:t>
      </w:r>
      <w:r>
        <w:rPr>
          <w:i/>
          <w:sz w:val="16"/>
          <w:szCs w:val="16"/>
        </w:rPr>
        <w:t xml:space="preserve">VAILABLE TO </w:t>
      </w:r>
      <w:r>
        <w:rPr>
          <w:i/>
          <w:sz w:val="20"/>
          <w:szCs w:val="20"/>
        </w:rPr>
        <w:t>I</w:t>
      </w:r>
      <w:r>
        <w:rPr>
          <w:i/>
          <w:sz w:val="16"/>
          <w:szCs w:val="16"/>
        </w:rPr>
        <w:t xml:space="preserve">NSURERS </w:t>
      </w:r>
      <w:r>
        <w:rPr>
          <w:i/>
          <w:sz w:val="20"/>
          <w:szCs w:val="20"/>
        </w:rPr>
        <w:t>O</w:t>
      </w:r>
      <w:r>
        <w:rPr>
          <w:i/>
          <w:sz w:val="16"/>
          <w:szCs w:val="16"/>
        </w:rPr>
        <w:t xml:space="preserve">UTSIDE THE </w:t>
      </w:r>
      <w:r>
        <w:rPr>
          <w:i/>
          <w:sz w:val="20"/>
          <w:szCs w:val="20"/>
        </w:rPr>
        <w:t>U</w:t>
      </w:r>
      <w:r>
        <w:rPr>
          <w:i/>
          <w:sz w:val="16"/>
          <w:szCs w:val="16"/>
        </w:rPr>
        <w:t xml:space="preserve">NITED </w:t>
      </w:r>
      <w:r>
        <w:rPr>
          <w:i/>
          <w:sz w:val="20"/>
          <w:szCs w:val="20"/>
        </w:rPr>
        <w:t>S</w:t>
      </w:r>
      <w:r>
        <w:rPr>
          <w:i/>
          <w:sz w:val="16"/>
          <w:szCs w:val="16"/>
        </w:rPr>
        <w:t xml:space="preserve">TATES AND </w:t>
      </w:r>
      <w:r>
        <w:rPr>
          <w:i/>
          <w:sz w:val="20"/>
          <w:szCs w:val="20"/>
        </w:rPr>
        <w:t>R</w:t>
      </w:r>
      <w:r>
        <w:rPr>
          <w:i/>
          <w:sz w:val="16"/>
          <w:szCs w:val="16"/>
        </w:rPr>
        <w:t xml:space="preserve">ELATED </w:t>
      </w:r>
      <w:r>
        <w:rPr>
          <w:i/>
          <w:sz w:val="20"/>
          <w:szCs w:val="20"/>
        </w:rPr>
        <w:t>T</w:t>
      </w:r>
      <w:r>
        <w:rPr>
          <w:i/>
          <w:sz w:val="16"/>
          <w:szCs w:val="16"/>
        </w:rPr>
        <w:t xml:space="preserve">ERRITORIES </w:t>
      </w:r>
      <w:r>
        <w:rPr>
          <w:i/>
          <w:sz w:val="16"/>
          <w:szCs w:val="16"/>
        </w:rPr>
        <w:tab/>
      </w:r>
      <w:r>
        <w:rPr>
          <w:sz w:val="16"/>
          <w:szCs w:val="16"/>
        </w:rPr>
        <w:t xml:space="preserve"> </w:t>
      </w:r>
      <w:r>
        <w:rPr>
          <w:sz w:val="16"/>
          <w:szCs w:val="16"/>
        </w:rPr>
        <w:tab/>
      </w:r>
      <w:r>
        <w:rPr>
          <w:sz w:val="20"/>
          <w:szCs w:val="20"/>
        </w:rPr>
        <w:t xml:space="preserve">14 </w:t>
      </w:r>
    </w:p>
    <w:p w14:paraId="5C33D428" w14:textId="77777777" w:rsidR="00CF54CB" w:rsidRDefault="00344004">
      <w:pPr>
        <w:numPr>
          <w:ilvl w:val="1"/>
          <w:numId w:val="49"/>
        </w:numPr>
        <w:spacing w:after="38" w:line="259" w:lineRule="auto"/>
        <w:ind w:hanging="307"/>
        <w:jc w:val="left"/>
      </w:pPr>
      <w:r>
        <w:rPr>
          <w:sz w:val="20"/>
          <w:szCs w:val="20"/>
        </w:rPr>
        <w:t>UK-L</w:t>
      </w:r>
      <w:r>
        <w:rPr>
          <w:sz w:val="16"/>
          <w:szCs w:val="16"/>
        </w:rPr>
        <w:t xml:space="preserve">IKE </w:t>
      </w:r>
      <w:r>
        <w:rPr>
          <w:sz w:val="20"/>
          <w:szCs w:val="20"/>
        </w:rPr>
        <w:t>S</w:t>
      </w:r>
      <w:r>
        <w:rPr>
          <w:sz w:val="16"/>
          <w:szCs w:val="16"/>
        </w:rPr>
        <w:t xml:space="preserve">OLVENT </w:t>
      </w:r>
      <w:r>
        <w:rPr>
          <w:sz w:val="20"/>
          <w:szCs w:val="20"/>
        </w:rPr>
        <w:t>S</w:t>
      </w:r>
      <w:r>
        <w:rPr>
          <w:sz w:val="16"/>
          <w:szCs w:val="16"/>
        </w:rPr>
        <w:t xml:space="preserve">CHEMES OF </w:t>
      </w:r>
      <w:r>
        <w:rPr>
          <w:sz w:val="20"/>
          <w:szCs w:val="20"/>
        </w:rPr>
        <w:t>A</w:t>
      </w:r>
      <w:r>
        <w:rPr>
          <w:sz w:val="16"/>
          <w:szCs w:val="16"/>
        </w:rPr>
        <w:t xml:space="preserve">RRANGEMENTS </w:t>
      </w:r>
      <w:r>
        <w:rPr>
          <w:sz w:val="16"/>
          <w:szCs w:val="16"/>
        </w:rPr>
        <w:tab/>
        <w:t xml:space="preserve"> </w:t>
      </w:r>
      <w:r>
        <w:rPr>
          <w:sz w:val="16"/>
          <w:szCs w:val="16"/>
        </w:rPr>
        <w:tab/>
      </w:r>
      <w:r>
        <w:rPr>
          <w:sz w:val="20"/>
          <w:szCs w:val="20"/>
        </w:rPr>
        <w:t xml:space="preserve">14 </w:t>
      </w:r>
    </w:p>
    <w:p w14:paraId="4B5EF3FA" w14:textId="77777777" w:rsidR="00CF54CB" w:rsidRDefault="00344004">
      <w:pPr>
        <w:numPr>
          <w:ilvl w:val="1"/>
          <w:numId w:val="49"/>
        </w:numPr>
        <w:spacing w:after="38" w:line="259" w:lineRule="auto"/>
        <w:ind w:hanging="307"/>
        <w:jc w:val="left"/>
      </w:pPr>
      <w:r>
        <w:rPr>
          <w:sz w:val="20"/>
          <w:szCs w:val="20"/>
        </w:rPr>
        <w:t>P</w:t>
      </w:r>
      <w:r>
        <w:rPr>
          <w:sz w:val="16"/>
          <w:szCs w:val="16"/>
        </w:rPr>
        <w:t xml:space="preserve">ART </w:t>
      </w:r>
      <w:r>
        <w:rPr>
          <w:sz w:val="20"/>
          <w:szCs w:val="20"/>
        </w:rPr>
        <w:t>VII P</w:t>
      </w:r>
      <w:r>
        <w:rPr>
          <w:sz w:val="16"/>
          <w:szCs w:val="16"/>
        </w:rPr>
        <w:t xml:space="preserve">ORTFOLIO </w:t>
      </w:r>
      <w:r>
        <w:rPr>
          <w:sz w:val="20"/>
          <w:szCs w:val="20"/>
        </w:rPr>
        <w:t>T</w:t>
      </w:r>
      <w:r>
        <w:rPr>
          <w:sz w:val="16"/>
          <w:szCs w:val="16"/>
        </w:rPr>
        <w:t xml:space="preserve">RANSFERS </w:t>
      </w:r>
      <w:r>
        <w:rPr>
          <w:sz w:val="16"/>
          <w:szCs w:val="16"/>
        </w:rPr>
        <w:tab/>
        <w:t xml:space="preserve"> </w:t>
      </w:r>
      <w:r>
        <w:rPr>
          <w:sz w:val="16"/>
          <w:szCs w:val="16"/>
        </w:rPr>
        <w:tab/>
      </w:r>
      <w:r>
        <w:rPr>
          <w:sz w:val="20"/>
          <w:szCs w:val="20"/>
        </w:rPr>
        <w:t xml:space="preserve">16 </w:t>
      </w:r>
    </w:p>
    <w:p w14:paraId="14C28874" w14:textId="77777777" w:rsidR="00CF54CB" w:rsidRDefault="00344004">
      <w:pPr>
        <w:numPr>
          <w:ilvl w:val="0"/>
          <w:numId w:val="48"/>
        </w:numPr>
        <w:spacing w:after="38" w:line="259" w:lineRule="auto"/>
        <w:ind w:hanging="384"/>
        <w:jc w:val="left"/>
      </w:pPr>
      <w:r>
        <w:rPr>
          <w:sz w:val="20"/>
          <w:szCs w:val="20"/>
        </w:rPr>
        <w:t>O</w:t>
      </w:r>
      <w:r>
        <w:rPr>
          <w:sz w:val="16"/>
          <w:szCs w:val="16"/>
        </w:rPr>
        <w:t xml:space="preserve">BSERVATIONS AND </w:t>
      </w:r>
      <w:r>
        <w:rPr>
          <w:sz w:val="20"/>
          <w:szCs w:val="20"/>
        </w:rPr>
        <w:t>C</w:t>
      </w:r>
      <w:r>
        <w:rPr>
          <w:sz w:val="16"/>
          <w:szCs w:val="16"/>
        </w:rPr>
        <w:t xml:space="preserve">ONSIDERATIONS </w:t>
      </w:r>
      <w:r>
        <w:rPr>
          <w:sz w:val="20"/>
          <w:szCs w:val="20"/>
        </w:rPr>
        <w:t>B</w:t>
      </w:r>
      <w:r>
        <w:rPr>
          <w:sz w:val="16"/>
          <w:szCs w:val="16"/>
        </w:rPr>
        <w:t xml:space="preserve">EFORE </w:t>
      </w:r>
      <w:r>
        <w:rPr>
          <w:sz w:val="20"/>
          <w:szCs w:val="20"/>
        </w:rPr>
        <w:t>U</w:t>
      </w:r>
      <w:r>
        <w:rPr>
          <w:sz w:val="16"/>
          <w:szCs w:val="16"/>
        </w:rPr>
        <w:t xml:space="preserve">SING </w:t>
      </w:r>
      <w:r>
        <w:rPr>
          <w:sz w:val="20"/>
          <w:szCs w:val="20"/>
        </w:rPr>
        <w:t>A</w:t>
      </w:r>
      <w:r>
        <w:rPr>
          <w:sz w:val="16"/>
          <w:szCs w:val="16"/>
        </w:rPr>
        <w:t xml:space="preserve">LTERNATIVE </w:t>
      </w:r>
      <w:r>
        <w:rPr>
          <w:sz w:val="20"/>
          <w:szCs w:val="20"/>
        </w:rPr>
        <w:t>M</w:t>
      </w:r>
      <w:r>
        <w:rPr>
          <w:sz w:val="16"/>
          <w:szCs w:val="16"/>
        </w:rPr>
        <w:t xml:space="preserve">ECHANISMS </w:t>
      </w:r>
      <w:r>
        <w:rPr>
          <w:sz w:val="16"/>
          <w:szCs w:val="16"/>
        </w:rPr>
        <w:tab/>
        <w:t xml:space="preserve"> </w:t>
      </w:r>
      <w:r>
        <w:rPr>
          <w:sz w:val="16"/>
          <w:szCs w:val="16"/>
        </w:rPr>
        <w:tab/>
      </w:r>
      <w:r>
        <w:rPr>
          <w:sz w:val="20"/>
          <w:szCs w:val="20"/>
        </w:rPr>
        <w:t xml:space="preserve">20 </w:t>
      </w:r>
    </w:p>
    <w:p w14:paraId="05F97A53" w14:textId="77777777" w:rsidR="00CF54CB" w:rsidRDefault="00344004">
      <w:pPr>
        <w:numPr>
          <w:ilvl w:val="1"/>
          <w:numId w:val="48"/>
        </w:numPr>
        <w:spacing w:after="38" w:line="259" w:lineRule="auto"/>
        <w:ind w:hanging="360"/>
        <w:jc w:val="left"/>
      </w:pPr>
      <w:r>
        <w:rPr>
          <w:sz w:val="20"/>
          <w:szCs w:val="20"/>
        </w:rPr>
        <w:t>E</w:t>
      </w:r>
      <w:r>
        <w:rPr>
          <w:sz w:val="16"/>
          <w:szCs w:val="16"/>
        </w:rPr>
        <w:t xml:space="preserve">XISTING </w:t>
      </w:r>
      <w:r>
        <w:rPr>
          <w:sz w:val="20"/>
          <w:szCs w:val="20"/>
        </w:rPr>
        <w:t>S</w:t>
      </w:r>
      <w:r>
        <w:rPr>
          <w:sz w:val="16"/>
          <w:szCs w:val="16"/>
        </w:rPr>
        <w:t xml:space="preserve">TATUTORY </w:t>
      </w:r>
      <w:r>
        <w:rPr>
          <w:sz w:val="20"/>
          <w:szCs w:val="20"/>
        </w:rPr>
        <w:t>A</w:t>
      </w:r>
      <w:r>
        <w:rPr>
          <w:sz w:val="16"/>
          <w:szCs w:val="16"/>
        </w:rPr>
        <w:t xml:space="preserve">UTHORITY AND </w:t>
      </w:r>
      <w:r>
        <w:rPr>
          <w:sz w:val="20"/>
          <w:szCs w:val="20"/>
        </w:rPr>
        <w:t>R</w:t>
      </w:r>
      <w:r>
        <w:rPr>
          <w:sz w:val="16"/>
          <w:szCs w:val="16"/>
        </w:rPr>
        <w:t xml:space="preserve">EQUIREMENTS </w:t>
      </w:r>
      <w:r>
        <w:rPr>
          <w:sz w:val="16"/>
          <w:szCs w:val="16"/>
        </w:rPr>
        <w:tab/>
        <w:t xml:space="preserve"> </w:t>
      </w:r>
      <w:r>
        <w:rPr>
          <w:sz w:val="16"/>
          <w:szCs w:val="16"/>
        </w:rPr>
        <w:tab/>
      </w:r>
      <w:r>
        <w:rPr>
          <w:sz w:val="20"/>
          <w:szCs w:val="20"/>
        </w:rPr>
        <w:t xml:space="preserve">20 </w:t>
      </w:r>
    </w:p>
    <w:p w14:paraId="4ED66DC3" w14:textId="77777777" w:rsidR="00CF54CB" w:rsidRDefault="00344004">
      <w:pPr>
        <w:numPr>
          <w:ilvl w:val="2"/>
          <w:numId w:val="48"/>
        </w:numPr>
        <w:spacing w:after="38" w:line="259" w:lineRule="auto"/>
        <w:ind w:hanging="240"/>
        <w:jc w:val="left"/>
      </w:pPr>
      <w:r>
        <w:rPr>
          <w:sz w:val="20"/>
          <w:szCs w:val="20"/>
        </w:rPr>
        <w:t>S</w:t>
      </w:r>
      <w:r>
        <w:rPr>
          <w:sz w:val="16"/>
          <w:szCs w:val="16"/>
        </w:rPr>
        <w:t xml:space="preserve">TATE </w:t>
      </w:r>
      <w:r>
        <w:rPr>
          <w:sz w:val="20"/>
          <w:szCs w:val="20"/>
        </w:rPr>
        <w:t>R</w:t>
      </w:r>
      <w:r>
        <w:rPr>
          <w:sz w:val="16"/>
          <w:szCs w:val="16"/>
        </w:rPr>
        <w:t>ECEIVERSHIP</w:t>
      </w:r>
      <w:r>
        <w:rPr>
          <w:sz w:val="20"/>
          <w:szCs w:val="20"/>
        </w:rPr>
        <w:t>/G</w:t>
      </w:r>
      <w:r>
        <w:rPr>
          <w:sz w:val="16"/>
          <w:szCs w:val="16"/>
        </w:rPr>
        <w:t xml:space="preserve">UARANTY </w:t>
      </w:r>
      <w:r>
        <w:rPr>
          <w:sz w:val="20"/>
          <w:szCs w:val="20"/>
        </w:rPr>
        <w:t>F</w:t>
      </w:r>
      <w:r>
        <w:rPr>
          <w:sz w:val="16"/>
          <w:szCs w:val="16"/>
        </w:rPr>
        <w:t xml:space="preserve">UND </w:t>
      </w:r>
      <w:r>
        <w:rPr>
          <w:sz w:val="20"/>
          <w:szCs w:val="20"/>
        </w:rPr>
        <w:t>L</w:t>
      </w:r>
      <w:r>
        <w:rPr>
          <w:sz w:val="16"/>
          <w:szCs w:val="16"/>
        </w:rPr>
        <w:t xml:space="preserve">AWS </w:t>
      </w:r>
      <w:r>
        <w:rPr>
          <w:sz w:val="16"/>
          <w:szCs w:val="16"/>
        </w:rPr>
        <w:tab/>
        <w:t xml:space="preserve"> </w:t>
      </w:r>
      <w:r>
        <w:rPr>
          <w:sz w:val="16"/>
          <w:szCs w:val="16"/>
        </w:rPr>
        <w:tab/>
      </w:r>
      <w:r>
        <w:rPr>
          <w:sz w:val="20"/>
          <w:szCs w:val="20"/>
        </w:rPr>
        <w:t xml:space="preserve">20 </w:t>
      </w:r>
    </w:p>
    <w:p w14:paraId="133DA0BE" w14:textId="77777777" w:rsidR="00CF54CB" w:rsidRDefault="00344004">
      <w:pPr>
        <w:numPr>
          <w:ilvl w:val="2"/>
          <w:numId w:val="48"/>
        </w:numPr>
        <w:spacing w:after="38" w:line="259" w:lineRule="auto"/>
        <w:ind w:hanging="240"/>
        <w:jc w:val="left"/>
      </w:pPr>
      <w:r>
        <w:rPr>
          <w:sz w:val="20"/>
          <w:szCs w:val="20"/>
        </w:rPr>
        <w:t>P</w:t>
      </w:r>
      <w:r>
        <w:rPr>
          <w:sz w:val="16"/>
          <w:szCs w:val="16"/>
        </w:rPr>
        <w:t xml:space="preserve">RIORITY </w:t>
      </w:r>
      <w:r>
        <w:rPr>
          <w:sz w:val="20"/>
          <w:szCs w:val="20"/>
        </w:rPr>
        <w:t>D</w:t>
      </w:r>
      <w:r>
        <w:rPr>
          <w:sz w:val="16"/>
          <w:szCs w:val="16"/>
        </w:rPr>
        <w:t xml:space="preserve">ISTRIBUTION </w:t>
      </w:r>
      <w:r>
        <w:rPr>
          <w:sz w:val="20"/>
          <w:szCs w:val="20"/>
        </w:rPr>
        <w:t>S</w:t>
      </w:r>
      <w:r>
        <w:rPr>
          <w:sz w:val="16"/>
          <w:szCs w:val="16"/>
        </w:rPr>
        <w:t>TATUTES</w:t>
      </w:r>
      <w:r>
        <w:rPr>
          <w:sz w:val="20"/>
          <w:szCs w:val="20"/>
        </w:rPr>
        <w:t>/P</w:t>
      </w:r>
      <w:r>
        <w:rPr>
          <w:sz w:val="16"/>
          <w:szCs w:val="16"/>
        </w:rPr>
        <w:t xml:space="preserve">REFERENTIAL </w:t>
      </w:r>
      <w:r>
        <w:rPr>
          <w:sz w:val="20"/>
          <w:szCs w:val="20"/>
        </w:rPr>
        <w:t>T</w:t>
      </w:r>
      <w:r>
        <w:rPr>
          <w:sz w:val="16"/>
          <w:szCs w:val="16"/>
        </w:rPr>
        <w:t xml:space="preserve">REATMENT </w:t>
      </w:r>
      <w:r>
        <w:rPr>
          <w:sz w:val="16"/>
          <w:szCs w:val="16"/>
        </w:rPr>
        <w:tab/>
        <w:t xml:space="preserve"> </w:t>
      </w:r>
      <w:r>
        <w:rPr>
          <w:sz w:val="16"/>
          <w:szCs w:val="16"/>
        </w:rPr>
        <w:tab/>
      </w:r>
      <w:r>
        <w:rPr>
          <w:sz w:val="20"/>
          <w:szCs w:val="20"/>
        </w:rPr>
        <w:t xml:space="preserve">20 </w:t>
      </w:r>
    </w:p>
    <w:p w14:paraId="3E4C56C4" w14:textId="77777777" w:rsidR="00CF54CB" w:rsidRDefault="00344004">
      <w:pPr>
        <w:numPr>
          <w:ilvl w:val="1"/>
          <w:numId w:val="48"/>
        </w:numPr>
        <w:spacing w:after="38" w:line="259" w:lineRule="auto"/>
        <w:ind w:hanging="360"/>
        <w:jc w:val="left"/>
      </w:pPr>
      <w:r>
        <w:rPr>
          <w:sz w:val="20"/>
          <w:szCs w:val="20"/>
        </w:rPr>
        <w:t>C</w:t>
      </w:r>
      <w:r>
        <w:rPr>
          <w:sz w:val="16"/>
          <w:szCs w:val="16"/>
        </w:rPr>
        <w:t xml:space="preserve">ONSUMER </w:t>
      </w:r>
      <w:r>
        <w:rPr>
          <w:sz w:val="20"/>
          <w:szCs w:val="20"/>
        </w:rPr>
        <w:t>P</w:t>
      </w:r>
      <w:r>
        <w:rPr>
          <w:sz w:val="16"/>
          <w:szCs w:val="16"/>
        </w:rPr>
        <w:t xml:space="preserve">ROTECTIONS AND </w:t>
      </w:r>
      <w:r>
        <w:rPr>
          <w:sz w:val="20"/>
          <w:szCs w:val="20"/>
        </w:rPr>
        <w:t>P</w:t>
      </w:r>
      <w:r>
        <w:rPr>
          <w:sz w:val="16"/>
          <w:szCs w:val="16"/>
        </w:rPr>
        <w:t xml:space="preserve">UBLIC </w:t>
      </w:r>
      <w:r>
        <w:rPr>
          <w:sz w:val="20"/>
          <w:szCs w:val="20"/>
        </w:rPr>
        <w:t>P</w:t>
      </w:r>
      <w:r>
        <w:rPr>
          <w:sz w:val="16"/>
          <w:szCs w:val="16"/>
        </w:rPr>
        <w:t xml:space="preserve">OLICY </w:t>
      </w:r>
      <w:r>
        <w:rPr>
          <w:sz w:val="20"/>
          <w:szCs w:val="20"/>
        </w:rPr>
        <w:t>C</w:t>
      </w:r>
      <w:r>
        <w:rPr>
          <w:sz w:val="16"/>
          <w:szCs w:val="16"/>
        </w:rPr>
        <w:t xml:space="preserve">ONSIDERATIONS </w:t>
      </w:r>
      <w:r>
        <w:rPr>
          <w:sz w:val="16"/>
          <w:szCs w:val="16"/>
        </w:rPr>
        <w:tab/>
        <w:t xml:space="preserve"> </w:t>
      </w:r>
      <w:r>
        <w:rPr>
          <w:sz w:val="16"/>
          <w:szCs w:val="16"/>
        </w:rPr>
        <w:tab/>
      </w:r>
      <w:r>
        <w:rPr>
          <w:sz w:val="20"/>
          <w:szCs w:val="20"/>
        </w:rPr>
        <w:t xml:space="preserve">20 </w:t>
      </w:r>
    </w:p>
    <w:p w14:paraId="11A96A75" w14:textId="77777777" w:rsidR="00CF54CB" w:rsidRDefault="00344004">
      <w:pPr>
        <w:numPr>
          <w:ilvl w:val="0"/>
          <w:numId w:val="48"/>
        </w:numPr>
        <w:spacing w:after="38" w:line="259" w:lineRule="auto"/>
        <w:ind w:hanging="384"/>
        <w:jc w:val="left"/>
      </w:pPr>
      <w:r>
        <w:rPr>
          <w:sz w:val="20"/>
          <w:szCs w:val="20"/>
        </w:rPr>
        <w:t>O</w:t>
      </w:r>
      <w:r>
        <w:rPr>
          <w:sz w:val="16"/>
          <w:szCs w:val="16"/>
        </w:rPr>
        <w:t xml:space="preserve">BSERVATIONS AND </w:t>
      </w:r>
      <w:r>
        <w:rPr>
          <w:sz w:val="20"/>
          <w:szCs w:val="20"/>
        </w:rPr>
        <w:t>C</w:t>
      </w:r>
      <w:r>
        <w:rPr>
          <w:sz w:val="16"/>
          <w:szCs w:val="16"/>
        </w:rPr>
        <w:t xml:space="preserve">ONSIDERATIONS </w:t>
      </w:r>
      <w:r>
        <w:rPr>
          <w:sz w:val="20"/>
          <w:szCs w:val="20"/>
        </w:rPr>
        <w:t>W</w:t>
      </w:r>
      <w:r>
        <w:rPr>
          <w:sz w:val="16"/>
          <w:szCs w:val="16"/>
        </w:rPr>
        <w:t xml:space="preserve">HEN </w:t>
      </w:r>
      <w:r>
        <w:rPr>
          <w:sz w:val="20"/>
          <w:szCs w:val="20"/>
        </w:rPr>
        <w:t>U</w:t>
      </w:r>
      <w:r>
        <w:rPr>
          <w:sz w:val="16"/>
          <w:szCs w:val="16"/>
        </w:rPr>
        <w:t xml:space="preserve">SING </w:t>
      </w:r>
      <w:r>
        <w:rPr>
          <w:sz w:val="20"/>
          <w:szCs w:val="20"/>
        </w:rPr>
        <w:t>A</w:t>
      </w:r>
      <w:r>
        <w:rPr>
          <w:sz w:val="16"/>
          <w:szCs w:val="16"/>
        </w:rPr>
        <w:t xml:space="preserve">LTERNATIVE </w:t>
      </w:r>
      <w:r>
        <w:rPr>
          <w:sz w:val="20"/>
          <w:szCs w:val="20"/>
        </w:rPr>
        <w:t>M</w:t>
      </w:r>
      <w:r>
        <w:rPr>
          <w:sz w:val="16"/>
          <w:szCs w:val="16"/>
        </w:rPr>
        <w:t xml:space="preserve">ECHANISMS </w:t>
      </w:r>
      <w:r>
        <w:rPr>
          <w:sz w:val="16"/>
          <w:szCs w:val="16"/>
        </w:rPr>
        <w:tab/>
        <w:t xml:space="preserve"> </w:t>
      </w:r>
      <w:r>
        <w:rPr>
          <w:sz w:val="16"/>
          <w:szCs w:val="16"/>
        </w:rPr>
        <w:tab/>
      </w:r>
      <w:r>
        <w:rPr>
          <w:sz w:val="20"/>
          <w:szCs w:val="20"/>
        </w:rPr>
        <w:t xml:space="preserve">22 </w:t>
      </w:r>
    </w:p>
    <w:p w14:paraId="2B65C865" w14:textId="77777777" w:rsidR="00CF54CB" w:rsidRDefault="00344004">
      <w:pPr>
        <w:numPr>
          <w:ilvl w:val="1"/>
          <w:numId w:val="48"/>
        </w:numPr>
        <w:spacing w:after="38" w:line="259" w:lineRule="auto"/>
        <w:ind w:hanging="360"/>
        <w:jc w:val="left"/>
      </w:pPr>
      <w:r>
        <w:rPr>
          <w:sz w:val="20"/>
          <w:szCs w:val="20"/>
        </w:rPr>
        <w:t>E</w:t>
      </w:r>
      <w:r>
        <w:rPr>
          <w:sz w:val="16"/>
          <w:szCs w:val="16"/>
        </w:rPr>
        <w:t xml:space="preserve">XISTING </w:t>
      </w:r>
      <w:r>
        <w:rPr>
          <w:sz w:val="20"/>
          <w:szCs w:val="20"/>
        </w:rPr>
        <w:t>S</w:t>
      </w:r>
      <w:r>
        <w:rPr>
          <w:sz w:val="16"/>
          <w:szCs w:val="16"/>
        </w:rPr>
        <w:t xml:space="preserve">TATUTORY </w:t>
      </w:r>
      <w:r>
        <w:rPr>
          <w:sz w:val="20"/>
          <w:szCs w:val="20"/>
        </w:rPr>
        <w:t>A</w:t>
      </w:r>
      <w:r>
        <w:rPr>
          <w:sz w:val="16"/>
          <w:szCs w:val="16"/>
        </w:rPr>
        <w:t xml:space="preserve">UTHORITY AND </w:t>
      </w:r>
      <w:r>
        <w:rPr>
          <w:sz w:val="20"/>
          <w:szCs w:val="20"/>
        </w:rPr>
        <w:t>R</w:t>
      </w:r>
      <w:r>
        <w:rPr>
          <w:sz w:val="16"/>
          <w:szCs w:val="16"/>
        </w:rPr>
        <w:t xml:space="preserve">EQUIREMENTS </w:t>
      </w:r>
      <w:r>
        <w:rPr>
          <w:sz w:val="16"/>
          <w:szCs w:val="16"/>
        </w:rPr>
        <w:tab/>
        <w:t xml:space="preserve"> </w:t>
      </w:r>
      <w:r>
        <w:rPr>
          <w:sz w:val="16"/>
          <w:szCs w:val="16"/>
        </w:rPr>
        <w:tab/>
      </w:r>
      <w:r>
        <w:rPr>
          <w:sz w:val="20"/>
          <w:szCs w:val="20"/>
        </w:rPr>
        <w:t xml:space="preserve">22 </w:t>
      </w:r>
    </w:p>
    <w:p w14:paraId="7AC5A5E0" w14:textId="77777777" w:rsidR="00CF54CB" w:rsidRDefault="00344004">
      <w:pPr>
        <w:numPr>
          <w:ilvl w:val="2"/>
          <w:numId w:val="48"/>
        </w:numPr>
        <w:spacing w:after="38" w:line="259" w:lineRule="auto"/>
        <w:ind w:hanging="240"/>
        <w:jc w:val="left"/>
      </w:pPr>
      <w:r>
        <w:rPr>
          <w:sz w:val="20"/>
          <w:szCs w:val="20"/>
        </w:rPr>
        <w:t>U</w:t>
      </w:r>
      <w:r>
        <w:rPr>
          <w:sz w:val="16"/>
          <w:szCs w:val="16"/>
        </w:rPr>
        <w:t xml:space="preserve">SE OF </w:t>
      </w:r>
      <w:r>
        <w:rPr>
          <w:sz w:val="20"/>
          <w:szCs w:val="20"/>
        </w:rPr>
        <w:t>P</w:t>
      </w:r>
      <w:r>
        <w:rPr>
          <w:sz w:val="16"/>
          <w:szCs w:val="16"/>
        </w:rPr>
        <w:t xml:space="preserve">ERMITTED </w:t>
      </w:r>
      <w:r>
        <w:rPr>
          <w:sz w:val="20"/>
          <w:szCs w:val="20"/>
        </w:rPr>
        <w:t>P</w:t>
      </w:r>
      <w:r>
        <w:rPr>
          <w:sz w:val="16"/>
          <w:szCs w:val="16"/>
        </w:rPr>
        <w:t xml:space="preserve">RACTICES </w:t>
      </w:r>
      <w:r>
        <w:rPr>
          <w:sz w:val="16"/>
          <w:szCs w:val="16"/>
        </w:rPr>
        <w:tab/>
        <w:t xml:space="preserve"> </w:t>
      </w:r>
      <w:r>
        <w:rPr>
          <w:sz w:val="16"/>
          <w:szCs w:val="16"/>
        </w:rPr>
        <w:tab/>
      </w:r>
      <w:r>
        <w:rPr>
          <w:sz w:val="20"/>
          <w:szCs w:val="20"/>
        </w:rPr>
        <w:t xml:space="preserve">22 </w:t>
      </w:r>
    </w:p>
    <w:p w14:paraId="0B7984C1" w14:textId="77777777" w:rsidR="00CF54CB" w:rsidRDefault="00344004">
      <w:pPr>
        <w:numPr>
          <w:ilvl w:val="2"/>
          <w:numId w:val="48"/>
        </w:numPr>
        <w:spacing w:after="38" w:line="259" w:lineRule="auto"/>
        <w:ind w:hanging="240"/>
        <w:jc w:val="left"/>
      </w:pPr>
      <w:r>
        <w:rPr>
          <w:sz w:val="20"/>
          <w:szCs w:val="20"/>
        </w:rPr>
        <w:t>M</w:t>
      </w:r>
      <w:r>
        <w:rPr>
          <w:sz w:val="16"/>
          <w:szCs w:val="16"/>
        </w:rPr>
        <w:t xml:space="preserve">ODIFICATIONS TO </w:t>
      </w:r>
      <w:r>
        <w:rPr>
          <w:sz w:val="20"/>
          <w:szCs w:val="20"/>
        </w:rPr>
        <w:t>E</w:t>
      </w:r>
      <w:r>
        <w:rPr>
          <w:sz w:val="16"/>
          <w:szCs w:val="16"/>
        </w:rPr>
        <w:t xml:space="preserve">XISTING </w:t>
      </w:r>
      <w:r>
        <w:rPr>
          <w:sz w:val="20"/>
          <w:szCs w:val="20"/>
        </w:rPr>
        <w:t>S</w:t>
      </w:r>
      <w:r>
        <w:rPr>
          <w:sz w:val="16"/>
          <w:szCs w:val="16"/>
        </w:rPr>
        <w:t xml:space="preserve">TATUTORY </w:t>
      </w:r>
      <w:r>
        <w:rPr>
          <w:sz w:val="20"/>
          <w:szCs w:val="20"/>
        </w:rPr>
        <w:t>A</w:t>
      </w:r>
      <w:r>
        <w:rPr>
          <w:sz w:val="16"/>
          <w:szCs w:val="16"/>
        </w:rPr>
        <w:t xml:space="preserve">UTHORITY </w:t>
      </w:r>
      <w:r>
        <w:rPr>
          <w:sz w:val="16"/>
          <w:szCs w:val="16"/>
        </w:rPr>
        <w:tab/>
        <w:t xml:space="preserve"> </w:t>
      </w:r>
      <w:r>
        <w:rPr>
          <w:sz w:val="16"/>
          <w:szCs w:val="16"/>
        </w:rPr>
        <w:tab/>
      </w:r>
      <w:r>
        <w:rPr>
          <w:sz w:val="20"/>
          <w:szCs w:val="20"/>
        </w:rPr>
        <w:t xml:space="preserve">22 </w:t>
      </w:r>
    </w:p>
    <w:p w14:paraId="4FE695B0" w14:textId="77777777" w:rsidR="00CF54CB" w:rsidRDefault="00344004">
      <w:pPr>
        <w:numPr>
          <w:ilvl w:val="1"/>
          <w:numId w:val="48"/>
        </w:numPr>
        <w:spacing w:after="38" w:line="259" w:lineRule="auto"/>
        <w:ind w:hanging="360"/>
        <w:jc w:val="left"/>
      </w:pPr>
      <w:r>
        <w:rPr>
          <w:sz w:val="20"/>
          <w:szCs w:val="20"/>
        </w:rPr>
        <w:t>S</w:t>
      </w:r>
      <w:r>
        <w:rPr>
          <w:sz w:val="16"/>
          <w:szCs w:val="16"/>
        </w:rPr>
        <w:t xml:space="preserve">URVEILLANCE </w:t>
      </w:r>
      <w:r>
        <w:rPr>
          <w:sz w:val="20"/>
          <w:szCs w:val="20"/>
        </w:rPr>
        <w:t>M</w:t>
      </w:r>
      <w:r>
        <w:rPr>
          <w:sz w:val="16"/>
          <w:szCs w:val="16"/>
        </w:rPr>
        <w:t xml:space="preserve">ONITORING BY </w:t>
      </w:r>
      <w:r>
        <w:rPr>
          <w:sz w:val="20"/>
          <w:szCs w:val="20"/>
        </w:rPr>
        <w:t>S</w:t>
      </w:r>
      <w:r>
        <w:rPr>
          <w:sz w:val="16"/>
          <w:szCs w:val="16"/>
        </w:rPr>
        <w:t xml:space="preserve">TATE </w:t>
      </w:r>
      <w:r>
        <w:rPr>
          <w:sz w:val="20"/>
          <w:szCs w:val="20"/>
        </w:rPr>
        <w:t>I</w:t>
      </w:r>
      <w:r>
        <w:rPr>
          <w:sz w:val="16"/>
          <w:szCs w:val="16"/>
        </w:rPr>
        <w:t xml:space="preserve">NSURANCE </w:t>
      </w:r>
      <w:r>
        <w:rPr>
          <w:sz w:val="20"/>
          <w:szCs w:val="20"/>
        </w:rPr>
        <w:t>R</w:t>
      </w:r>
      <w:r>
        <w:rPr>
          <w:sz w:val="16"/>
          <w:szCs w:val="16"/>
        </w:rPr>
        <w:t xml:space="preserve">EGULATOR </w:t>
      </w:r>
      <w:r>
        <w:rPr>
          <w:sz w:val="16"/>
          <w:szCs w:val="16"/>
        </w:rPr>
        <w:tab/>
        <w:t xml:space="preserve"> </w:t>
      </w:r>
      <w:r>
        <w:rPr>
          <w:sz w:val="16"/>
          <w:szCs w:val="16"/>
        </w:rPr>
        <w:tab/>
      </w:r>
      <w:r>
        <w:rPr>
          <w:sz w:val="20"/>
          <w:szCs w:val="20"/>
        </w:rPr>
        <w:t xml:space="preserve">22 </w:t>
      </w:r>
    </w:p>
    <w:p w14:paraId="5C0955E8" w14:textId="77777777" w:rsidR="00CF54CB" w:rsidRDefault="00344004">
      <w:pPr>
        <w:numPr>
          <w:ilvl w:val="2"/>
          <w:numId w:val="48"/>
        </w:numPr>
        <w:spacing w:after="38" w:line="259" w:lineRule="auto"/>
        <w:ind w:hanging="240"/>
        <w:jc w:val="left"/>
      </w:pPr>
      <w:r>
        <w:rPr>
          <w:sz w:val="20"/>
          <w:szCs w:val="20"/>
        </w:rPr>
        <w:t>S</w:t>
      </w:r>
      <w:r>
        <w:rPr>
          <w:sz w:val="16"/>
          <w:szCs w:val="16"/>
        </w:rPr>
        <w:t xml:space="preserve">UPERVISION </w:t>
      </w:r>
      <w:r>
        <w:rPr>
          <w:sz w:val="20"/>
          <w:szCs w:val="20"/>
        </w:rPr>
        <w:t>O</w:t>
      </w:r>
      <w:r>
        <w:rPr>
          <w:sz w:val="16"/>
          <w:szCs w:val="16"/>
        </w:rPr>
        <w:t>RDERS</w:t>
      </w:r>
      <w:r>
        <w:rPr>
          <w:sz w:val="20"/>
          <w:szCs w:val="20"/>
        </w:rPr>
        <w:t>/C</w:t>
      </w:r>
      <w:r>
        <w:rPr>
          <w:sz w:val="16"/>
          <w:szCs w:val="16"/>
        </w:rPr>
        <w:t xml:space="preserve">ONSENT </w:t>
      </w:r>
      <w:r>
        <w:rPr>
          <w:sz w:val="20"/>
          <w:szCs w:val="20"/>
        </w:rPr>
        <w:t>A</w:t>
      </w:r>
      <w:r>
        <w:rPr>
          <w:sz w:val="16"/>
          <w:szCs w:val="16"/>
        </w:rPr>
        <w:t>GREEMENTS</w:t>
      </w:r>
      <w:r>
        <w:rPr>
          <w:sz w:val="20"/>
          <w:szCs w:val="20"/>
        </w:rPr>
        <w:t>/L</w:t>
      </w:r>
      <w:r>
        <w:rPr>
          <w:sz w:val="16"/>
          <w:szCs w:val="16"/>
        </w:rPr>
        <w:t xml:space="preserve">ETTER OF </w:t>
      </w:r>
      <w:r>
        <w:rPr>
          <w:sz w:val="20"/>
          <w:szCs w:val="20"/>
        </w:rPr>
        <w:t>U</w:t>
      </w:r>
      <w:r>
        <w:rPr>
          <w:sz w:val="16"/>
          <w:szCs w:val="16"/>
        </w:rPr>
        <w:t xml:space="preserve">NDERSTANDING </w:t>
      </w:r>
      <w:r>
        <w:rPr>
          <w:sz w:val="16"/>
          <w:szCs w:val="16"/>
        </w:rPr>
        <w:tab/>
        <w:t xml:space="preserve"> </w:t>
      </w:r>
      <w:r>
        <w:rPr>
          <w:sz w:val="16"/>
          <w:szCs w:val="16"/>
        </w:rPr>
        <w:tab/>
      </w:r>
      <w:r>
        <w:rPr>
          <w:sz w:val="20"/>
          <w:szCs w:val="20"/>
        </w:rPr>
        <w:t xml:space="preserve">22 </w:t>
      </w:r>
    </w:p>
    <w:p w14:paraId="6D317E5E" w14:textId="77777777" w:rsidR="00CF54CB" w:rsidRDefault="00344004">
      <w:pPr>
        <w:numPr>
          <w:ilvl w:val="2"/>
          <w:numId w:val="48"/>
        </w:numPr>
        <w:spacing w:after="0" w:line="259" w:lineRule="auto"/>
        <w:ind w:hanging="240"/>
        <w:jc w:val="left"/>
      </w:pPr>
      <w:r>
        <w:rPr>
          <w:sz w:val="20"/>
          <w:szCs w:val="20"/>
        </w:rPr>
        <w:t>F</w:t>
      </w:r>
      <w:r>
        <w:rPr>
          <w:sz w:val="16"/>
          <w:szCs w:val="16"/>
        </w:rPr>
        <w:t xml:space="preserve">INANCIAL </w:t>
      </w:r>
      <w:r>
        <w:rPr>
          <w:sz w:val="20"/>
          <w:szCs w:val="20"/>
        </w:rPr>
        <w:t>R</w:t>
      </w:r>
      <w:r>
        <w:rPr>
          <w:sz w:val="16"/>
          <w:szCs w:val="16"/>
        </w:rPr>
        <w:t>EPORTING</w:t>
      </w:r>
      <w:r>
        <w:rPr>
          <w:sz w:val="20"/>
          <w:szCs w:val="20"/>
        </w:rPr>
        <w:t>/A</w:t>
      </w:r>
      <w:r>
        <w:rPr>
          <w:sz w:val="16"/>
          <w:szCs w:val="16"/>
        </w:rPr>
        <w:t>NALYSIS</w:t>
      </w:r>
      <w:r>
        <w:rPr>
          <w:sz w:val="20"/>
          <w:szCs w:val="20"/>
        </w:rPr>
        <w:t>/E</w:t>
      </w:r>
      <w:r>
        <w:rPr>
          <w:sz w:val="16"/>
          <w:szCs w:val="16"/>
        </w:rPr>
        <w:t xml:space="preserve">XAMINATION </w:t>
      </w:r>
      <w:r>
        <w:rPr>
          <w:sz w:val="16"/>
          <w:szCs w:val="16"/>
        </w:rPr>
        <w:tab/>
        <w:t xml:space="preserve"> </w:t>
      </w:r>
      <w:r>
        <w:rPr>
          <w:sz w:val="16"/>
          <w:szCs w:val="16"/>
        </w:rPr>
        <w:tab/>
      </w:r>
      <w:r>
        <w:rPr>
          <w:sz w:val="20"/>
          <w:szCs w:val="20"/>
        </w:rPr>
        <w:t xml:space="preserve">23 </w:t>
      </w:r>
    </w:p>
    <w:p w14:paraId="1EC9DB3B" w14:textId="77777777" w:rsidR="00CF54CB" w:rsidRDefault="00344004">
      <w:pPr>
        <w:numPr>
          <w:ilvl w:val="2"/>
          <w:numId w:val="48"/>
        </w:numPr>
        <w:spacing w:after="38" w:line="259" w:lineRule="auto"/>
        <w:ind w:hanging="240"/>
        <w:jc w:val="left"/>
      </w:pPr>
      <w:r>
        <w:rPr>
          <w:sz w:val="20"/>
          <w:szCs w:val="20"/>
        </w:rPr>
        <w:t>C</w:t>
      </w:r>
      <w:r>
        <w:rPr>
          <w:sz w:val="16"/>
          <w:szCs w:val="16"/>
        </w:rPr>
        <w:t xml:space="preserve">OMMUNICATIONS </w:t>
      </w:r>
      <w:r>
        <w:rPr>
          <w:sz w:val="16"/>
          <w:szCs w:val="16"/>
        </w:rPr>
        <w:tab/>
        <w:t xml:space="preserve"> </w:t>
      </w:r>
      <w:r>
        <w:rPr>
          <w:sz w:val="16"/>
          <w:szCs w:val="16"/>
        </w:rPr>
        <w:tab/>
      </w:r>
      <w:r>
        <w:rPr>
          <w:sz w:val="20"/>
          <w:szCs w:val="20"/>
        </w:rPr>
        <w:t xml:space="preserve">23 </w:t>
      </w:r>
    </w:p>
    <w:p w14:paraId="40EC1C4F" w14:textId="77777777" w:rsidR="00CF54CB" w:rsidRDefault="00344004">
      <w:pPr>
        <w:numPr>
          <w:ilvl w:val="1"/>
          <w:numId w:val="48"/>
        </w:numPr>
        <w:spacing w:after="38" w:line="259" w:lineRule="auto"/>
        <w:ind w:hanging="360"/>
        <w:jc w:val="left"/>
      </w:pPr>
      <w:r>
        <w:rPr>
          <w:sz w:val="20"/>
          <w:szCs w:val="20"/>
        </w:rPr>
        <w:t>B</w:t>
      </w:r>
      <w:r>
        <w:rPr>
          <w:sz w:val="16"/>
          <w:szCs w:val="16"/>
        </w:rPr>
        <w:t>ENEFITS</w:t>
      </w:r>
      <w:r>
        <w:rPr>
          <w:sz w:val="20"/>
          <w:szCs w:val="20"/>
        </w:rPr>
        <w:t>, R</w:t>
      </w:r>
      <w:r>
        <w:rPr>
          <w:sz w:val="16"/>
          <w:szCs w:val="16"/>
        </w:rPr>
        <w:t>ISKS AND CONTROLS</w:t>
      </w:r>
      <w:r>
        <w:rPr>
          <w:sz w:val="20"/>
          <w:szCs w:val="20"/>
        </w:rPr>
        <w:t>: F</w:t>
      </w:r>
      <w:r>
        <w:rPr>
          <w:sz w:val="16"/>
          <w:szCs w:val="16"/>
        </w:rPr>
        <w:t xml:space="preserve">OR </w:t>
      </w:r>
      <w:r>
        <w:rPr>
          <w:sz w:val="20"/>
          <w:szCs w:val="20"/>
        </w:rPr>
        <w:t>U.S. C</w:t>
      </w:r>
      <w:r>
        <w:rPr>
          <w:sz w:val="16"/>
          <w:szCs w:val="16"/>
        </w:rPr>
        <w:t>LAIMANTS</w:t>
      </w:r>
      <w:r>
        <w:rPr>
          <w:sz w:val="20"/>
          <w:szCs w:val="20"/>
        </w:rPr>
        <w:t>/P</w:t>
      </w:r>
      <w:r>
        <w:rPr>
          <w:sz w:val="16"/>
          <w:szCs w:val="16"/>
        </w:rPr>
        <w:t xml:space="preserve">OLICYHOLDERS </w:t>
      </w:r>
      <w:r>
        <w:rPr>
          <w:sz w:val="20"/>
          <w:szCs w:val="20"/>
        </w:rPr>
        <w:t>W</w:t>
      </w:r>
      <w:r>
        <w:rPr>
          <w:sz w:val="16"/>
          <w:szCs w:val="16"/>
        </w:rPr>
        <w:t xml:space="preserve">HEN </w:t>
      </w:r>
      <w:r>
        <w:rPr>
          <w:sz w:val="20"/>
          <w:szCs w:val="20"/>
        </w:rPr>
        <w:t>A N</w:t>
      </w:r>
      <w:r>
        <w:rPr>
          <w:sz w:val="16"/>
          <w:szCs w:val="16"/>
        </w:rPr>
        <w:t>ON</w:t>
      </w:r>
      <w:r>
        <w:rPr>
          <w:sz w:val="20"/>
          <w:szCs w:val="20"/>
        </w:rPr>
        <w:t>-U.S. I</w:t>
      </w:r>
      <w:r>
        <w:rPr>
          <w:sz w:val="16"/>
          <w:szCs w:val="16"/>
        </w:rPr>
        <w:t xml:space="preserve">NSURER OR </w:t>
      </w:r>
    </w:p>
    <w:p w14:paraId="3D06CD2E" w14:textId="77777777" w:rsidR="00CF54CB" w:rsidRDefault="00344004">
      <w:pPr>
        <w:tabs>
          <w:tab w:val="center" w:pos="1460"/>
          <w:tab w:val="right" w:pos="10268"/>
        </w:tabs>
        <w:spacing w:after="8" w:line="259" w:lineRule="auto"/>
        <w:ind w:left="0" w:firstLine="0"/>
        <w:jc w:val="left"/>
      </w:pPr>
      <w:r>
        <w:rPr>
          <w:rFonts w:ascii="Calibri" w:eastAsia="Calibri" w:hAnsi="Calibri" w:cs="Calibri"/>
          <w:sz w:val="22"/>
          <w:szCs w:val="22"/>
        </w:rPr>
        <w:tab/>
      </w:r>
      <w:r>
        <w:rPr>
          <w:sz w:val="20"/>
          <w:szCs w:val="20"/>
        </w:rPr>
        <w:t>R</w:t>
      </w:r>
      <w:r>
        <w:rPr>
          <w:sz w:val="16"/>
          <w:szCs w:val="16"/>
        </w:rPr>
        <w:t xml:space="preserve">EINSURER </w:t>
      </w:r>
      <w:r>
        <w:rPr>
          <w:sz w:val="20"/>
          <w:szCs w:val="20"/>
        </w:rPr>
        <w:t>R</w:t>
      </w:r>
      <w:r>
        <w:rPr>
          <w:sz w:val="16"/>
          <w:szCs w:val="16"/>
        </w:rPr>
        <w:t xml:space="preserve">ESTRUCTURES </w:t>
      </w:r>
      <w:r>
        <w:rPr>
          <w:sz w:val="16"/>
          <w:szCs w:val="16"/>
        </w:rPr>
        <w:tab/>
      </w:r>
      <w:r>
        <w:rPr>
          <w:sz w:val="20"/>
          <w:szCs w:val="20"/>
        </w:rPr>
        <w:t xml:space="preserve">23 </w:t>
      </w:r>
    </w:p>
    <w:p w14:paraId="48FA2651" w14:textId="77777777" w:rsidR="00CF54CB" w:rsidRDefault="00344004">
      <w:pPr>
        <w:numPr>
          <w:ilvl w:val="0"/>
          <w:numId w:val="48"/>
        </w:numPr>
        <w:spacing w:after="0" w:line="259" w:lineRule="auto"/>
        <w:ind w:hanging="384"/>
        <w:jc w:val="left"/>
      </w:pPr>
      <w:r>
        <w:rPr>
          <w:sz w:val="20"/>
          <w:szCs w:val="20"/>
        </w:rPr>
        <w:t>C</w:t>
      </w:r>
      <w:r>
        <w:rPr>
          <w:sz w:val="16"/>
          <w:szCs w:val="16"/>
        </w:rPr>
        <w:t xml:space="preserve">ONCLUSION </w:t>
      </w:r>
      <w:r>
        <w:rPr>
          <w:sz w:val="16"/>
          <w:szCs w:val="16"/>
        </w:rPr>
        <w:tab/>
      </w:r>
      <w:r>
        <w:rPr>
          <w:sz w:val="20"/>
          <w:szCs w:val="20"/>
        </w:rPr>
        <w:t xml:space="preserve">29 </w:t>
      </w:r>
    </w:p>
    <w:p w14:paraId="3F9CCBA4" w14:textId="77777777" w:rsidR="00CF54CB" w:rsidRDefault="00344004">
      <w:pPr>
        <w:numPr>
          <w:ilvl w:val="0"/>
          <w:numId w:val="48"/>
        </w:numPr>
        <w:spacing w:after="38"/>
        <w:ind w:hanging="384"/>
        <w:jc w:val="left"/>
      </w:pPr>
      <w:r>
        <w:rPr>
          <w:sz w:val="20"/>
          <w:szCs w:val="20"/>
        </w:rPr>
        <w:t>A</w:t>
      </w:r>
      <w:r>
        <w:rPr>
          <w:sz w:val="16"/>
          <w:szCs w:val="16"/>
        </w:rPr>
        <w:t xml:space="preserve">PPENDIX </w:t>
      </w:r>
      <w:r>
        <w:rPr>
          <w:sz w:val="16"/>
          <w:szCs w:val="16"/>
        </w:rPr>
        <w:tab/>
      </w:r>
      <w:r>
        <w:rPr>
          <w:sz w:val="20"/>
          <w:szCs w:val="20"/>
        </w:rPr>
        <w:t xml:space="preserve">29 </w:t>
      </w:r>
    </w:p>
    <w:p w14:paraId="7D3D20BA" w14:textId="77777777" w:rsidR="00CF54CB" w:rsidRDefault="00344004">
      <w:pPr>
        <w:numPr>
          <w:ilvl w:val="1"/>
          <w:numId w:val="48"/>
        </w:numPr>
        <w:spacing w:after="38" w:line="259" w:lineRule="auto"/>
        <w:ind w:hanging="360"/>
        <w:jc w:val="left"/>
      </w:pPr>
      <w:r>
        <w:rPr>
          <w:sz w:val="20"/>
          <w:szCs w:val="20"/>
        </w:rPr>
        <w:t>C</w:t>
      </w:r>
      <w:r>
        <w:rPr>
          <w:sz w:val="16"/>
          <w:szCs w:val="16"/>
        </w:rPr>
        <w:t xml:space="preserve">ASE </w:t>
      </w:r>
      <w:r>
        <w:rPr>
          <w:sz w:val="20"/>
          <w:szCs w:val="20"/>
        </w:rPr>
        <w:t>S</w:t>
      </w:r>
      <w:r>
        <w:rPr>
          <w:sz w:val="16"/>
          <w:szCs w:val="16"/>
        </w:rPr>
        <w:t xml:space="preserve">TUDIES </w:t>
      </w:r>
      <w:r>
        <w:rPr>
          <w:sz w:val="16"/>
          <w:szCs w:val="16"/>
        </w:rPr>
        <w:tab/>
      </w:r>
      <w:r>
        <w:rPr>
          <w:sz w:val="20"/>
          <w:szCs w:val="20"/>
        </w:rPr>
        <w:t xml:space="preserve">30 </w:t>
      </w:r>
    </w:p>
    <w:p w14:paraId="2D1D6AB8" w14:textId="77777777" w:rsidR="00CF54CB" w:rsidRDefault="00344004">
      <w:pPr>
        <w:numPr>
          <w:ilvl w:val="2"/>
          <w:numId w:val="48"/>
        </w:numPr>
        <w:spacing w:after="0" w:line="259" w:lineRule="auto"/>
        <w:ind w:hanging="240"/>
        <w:jc w:val="left"/>
      </w:pPr>
      <w:r>
        <w:rPr>
          <w:sz w:val="20"/>
          <w:szCs w:val="20"/>
        </w:rPr>
        <w:t>R</w:t>
      </w:r>
      <w:r>
        <w:rPr>
          <w:sz w:val="16"/>
          <w:szCs w:val="16"/>
        </w:rPr>
        <w:t xml:space="preserve">ESTRUCTURED </w:t>
      </w:r>
      <w:r>
        <w:rPr>
          <w:sz w:val="20"/>
          <w:szCs w:val="20"/>
        </w:rPr>
        <w:t>T</w:t>
      </w:r>
      <w:r>
        <w:rPr>
          <w:sz w:val="16"/>
          <w:szCs w:val="16"/>
        </w:rPr>
        <w:t xml:space="preserve">ROUBLED </w:t>
      </w:r>
      <w:r>
        <w:rPr>
          <w:sz w:val="20"/>
          <w:szCs w:val="20"/>
        </w:rPr>
        <w:t>R</w:t>
      </w:r>
      <w:r>
        <w:rPr>
          <w:sz w:val="16"/>
          <w:szCs w:val="16"/>
        </w:rPr>
        <w:t xml:space="preserve">EINSURANCE </w:t>
      </w:r>
      <w:r>
        <w:rPr>
          <w:sz w:val="20"/>
          <w:szCs w:val="20"/>
        </w:rPr>
        <w:t>C</w:t>
      </w:r>
      <w:r>
        <w:rPr>
          <w:sz w:val="16"/>
          <w:szCs w:val="16"/>
        </w:rPr>
        <w:t xml:space="preserve">OMPANY </w:t>
      </w:r>
      <w:r>
        <w:rPr>
          <w:sz w:val="16"/>
          <w:szCs w:val="16"/>
        </w:rPr>
        <w:tab/>
      </w:r>
      <w:r>
        <w:rPr>
          <w:sz w:val="20"/>
          <w:szCs w:val="20"/>
        </w:rPr>
        <w:t xml:space="preserve">30 </w:t>
      </w:r>
    </w:p>
    <w:p w14:paraId="5C93E517" w14:textId="77777777" w:rsidR="00CF54CB" w:rsidRDefault="00344004">
      <w:pPr>
        <w:numPr>
          <w:ilvl w:val="2"/>
          <w:numId w:val="48"/>
        </w:numPr>
        <w:spacing w:after="38" w:line="259" w:lineRule="auto"/>
        <w:ind w:hanging="240"/>
        <w:jc w:val="left"/>
      </w:pPr>
      <w:r>
        <w:rPr>
          <w:sz w:val="20"/>
          <w:szCs w:val="20"/>
        </w:rPr>
        <w:t>N</w:t>
      </w:r>
      <w:r>
        <w:rPr>
          <w:sz w:val="16"/>
          <w:szCs w:val="16"/>
        </w:rPr>
        <w:t xml:space="preserve">EW </w:t>
      </w:r>
      <w:r>
        <w:rPr>
          <w:sz w:val="20"/>
          <w:szCs w:val="20"/>
        </w:rPr>
        <w:t>Y</w:t>
      </w:r>
      <w:r>
        <w:rPr>
          <w:sz w:val="16"/>
          <w:szCs w:val="16"/>
        </w:rPr>
        <w:t xml:space="preserve">ORK </w:t>
      </w:r>
      <w:r>
        <w:rPr>
          <w:sz w:val="20"/>
          <w:szCs w:val="20"/>
        </w:rPr>
        <w:t>R</w:t>
      </w:r>
      <w:r>
        <w:rPr>
          <w:sz w:val="16"/>
          <w:szCs w:val="16"/>
        </w:rPr>
        <w:t xml:space="preserve">EGULATION </w:t>
      </w:r>
      <w:r>
        <w:rPr>
          <w:sz w:val="20"/>
          <w:szCs w:val="20"/>
        </w:rPr>
        <w:t>141 P</w:t>
      </w:r>
      <w:r>
        <w:rPr>
          <w:sz w:val="16"/>
          <w:szCs w:val="16"/>
        </w:rPr>
        <w:t xml:space="preserve">LAN </w:t>
      </w:r>
      <w:r>
        <w:rPr>
          <w:sz w:val="16"/>
          <w:szCs w:val="16"/>
        </w:rPr>
        <w:tab/>
      </w:r>
      <w:r>
        <w:rPr>
          <w:sz w:val="20"/>
          <w:szCs w:val="20"/>
        </w:rPr>
        <w:t xml:space="preserve">31 </w:t>
      </w:r>
      <w:r>
        <w:t>3.</w:t>
      </w:r>
      <w:r>
        <w:rPr>
          <w:rFonts w:ascii="Arial" w:eastAsia="Arial" w:hAnsi="Arial" w:cs="Arial"/>
        </w:rPr>
        <w:t xml:space="preserve"> </w:t>
      </w:r>
      <w:r>
        <w:rPr>
          <w:sz w:val="20"/>
          <w:szCs w:val="20"/>
        </w:rPr>
        <w:t>C</w:t>
      </w:r>
      <w:r>
        <w:rPr>
          <w:sz w:val="16"/>
          <w:szCs w:val="16"/>
        </w:rPr>
        <w:t xml:space="preserve">OMMERCIAL </w:t>
      </w:r>
      <w:r>
        <w:rPr>
          <w:sz w:val="20"/>
          <w:szCs w:val="20"/>
        </w:rPr>
        <w:t>I</w:t>
      </w:r>
      <w:r>
        <w:rPr>
          <w:sz w:val="16"/>
          <w:szCs w:val="16"/>
        </w:rPr>
        <w:t xml:space="preserve">NSURANCE </w:t>
      </w:r>
      <w:r>
        <w:rPr>
          <w:sz w:val="20"/>
          <w:szCs w:val="20"/>
        </w:rPr>
        <w:t>C</w:t>
      </w:r>
      <w:r>
        <w:rPr>
          <w:sz w:val="16"/>
          <w:szCs w:val="16"/>
        </w:rPr>
        <w:t xml:space="preserve">OMPANY </w:t>
      </w:r>
      <w:r>
        <w:rPr>
          <w:sz w:val="20"/>
          <w:szCs w:val="20"/>
        </w:rPr>
        <w:t>R</w:t>
      </w:r>
      <w:r>
        <w:rPr>
          <w:sz w:val="16"/>
          <w:szCs w:val="16"/>
        </w:rPr>
        <w:t>UN</w:t>
      </w:r>
      <w:r>
        <w:rPr>
          <w:sz w:val="20"/>
          <w:szCs w:val="20"/>
        </w:rPr>
        <w:t>-</w:t>
      </w:r>
      <w:r>
        <w:rPr>
          <w:sz w:val="16"/>
          <w:szCs w:val="16"/>
        </w:rPr>
        <w:t xml:space="preserve">OFF </w:t>
      </w:r>
      <w:r>
        <w:rPr>
          <w:sz w:val="16"/>
          <w:szCs w:val="16"/>
        </w:rPr>
        <w:tab/>
      </w:r>
      <w:r>
        <w:rPr>
          <w:sz w:val="20"/>
          <w:szCs w:val="20"/>
        </w:rPr>
        <w:t xml:space="preserve">33 </w:t>
      </w:r>
    </w:p>
    <w:p w14:paraId="30C891CD" w14:textId="77777777" w:rsidR="00CF54CB" w:rsidRDefault="00344004">
      <w:pPr>
        <w:numPr>
          <w:ilvl w:val="2"/>
          <w:numId w:val="50"/>
        </w:numPr>
        <w:spacing w:after="0" w:line="259" w:lineRule="auto"/>
        <w:ind w:hanging="240"/>
        <w:jc w:val="left"/>
      </w:pPr>
      <w:r>
        <w:rPr>
          <w:sz w:val="20"/>
          <w:szCs w:val="20"/>
        </w:rPr>
        <w:t>R</w:t>
      </w:r>
      <w:r>
        <w:rPr>
          <w:sz w:val="16"/>
          <w:szCs w:val="16"/>
        </w:rPr>
        <w:t xml:space="preserve">ESTRUCTURED </w:t>
      </w:r>
      <w:r>
        <w:rPr>
          <w:sz w:val="20"/>
          <w:szCs w:val="20"/>
        </w:rPr>
        <w:t>T</w:t>
      </w:r>
      <w:r>
        <w:rPr>
          <w:sz w:val="16"/>
          <w:szCs w:val="16"/>
        </w:rPr>
        <w:t xml:space="preserve">ROUBLED </w:t>
      </w:r>
      <w:r>
        <w:rPr>
          <w:sz w:val="20"/>
          <w:szCs w:val="20"/>
        </w:rPr>
        <w:t>L</w:t>
      </w:r>
      <w:r>
        <w:rPr>
          <w:sz w:val="16"/>
          <w:szCs w:val="16"/>
        </w:rPr>
        <w:t>ONG</w:t>
      </w:r>
      <w:r>
        <w:rPr>
          <w:sz w:val="20"/>
          <w:szCs w:val="20"/>
        </w:rPr>
        <w:t>-T</w:t>
      </w:r>
      <w:r>
        <w:rPr>
          <w:sz w:val="16"/>
          <w:szCs w:val="16"/>
        </w:rPr>
        <w:t xml:space="preserve">ERM </w:t>
      </w:r>
      <w:r>
        <w:rPr>
          <w:sz w:val="20"/>
          <w:szCs w:val="20"/>
        </w:rPr>
        <w:t>C</w:t>
      </w:r>
      <w:r>
        <w:rPr>
          <w:sz w:val="16"/>
          <w:szCs w:val="16"/>
        </w:rPr>
        <w:t xml:space="preserve">ARE </w:t>
      </w:r>
      <w:r>
        <w:rPr>
          <w:sz w:val="20"/>
          <w:szCs w:val="20"/>
        </w:rPr>
        <w:t>C</w:t>
      </w:r>
      <w:r>
        <w:rPr>
          <w:sz w:val="16"/>
          <w:szCs w:val="16"/>
        </w:rPr>
        <w:t xml:space="preserve">OMPANY </w:t>
      </w:r>
      <w:r>
        <w:rPr>
          <w:sz w:val="16"/>
          <w:szCs w:val="16"/>
        </w:rPr>
        <w:tab/>
      </w:r>
      <w:r>
        <w:rPr>
          <w:sz w:val="20"/>
          <w:szCs w:val="20"/>
        </w:rPr>
        <w:t xml:space="preserve">35 </w:t>
      </w:r>
    </w:p>
    <w:p w14:paraId="198E3546" w14:textId="77777777" w:rsidR="00CF54CB" w:rsidRDefault="00344004">
      <w:pPr>
        <w:numPr>
          <w:ilvl w:val="2"/>
          <w:numId w:val="50"/>
        </w:numPr>
        <w:spacing w:after="0" w:line="259" w:lineRule="auto"/>
        <w:ind w:hanging="240"/>
        <w:jc w:val="left"/>
      </w:pPr>
      <w:r>
        <w:rPr>
          <w:sz w:val="20"/>
          <w:szCs w:val="20"/>
        </w:rPr>
        <w:t>L</w:t>
      </w:r>
      <w:r>
        <w:rPr>
          <w:sz w:val="16"/>
          <w:szCs w:val="16"/>
        </w:rPr>
        <w:t xml:space="preserve">IABILITY OF </w:t>
      </w:r>
      <w:r>
        <w:rPr>
          <w:sz w:val="20"/>
          <w:szCs w:val="20"/>
        </w:rPr>
        <w:t>I</w:t>
      </w:r>
      <w:r>
        <w:rPr>
          <w:sz w:val="16"/>
          <w:szCs w:val="16"/>
        </w:rPr>
        <w:t xml:space="preserve">NSUREDS </w:t>
      </w:r>
      <w:r>
        <w:rPr>
          <w:sz w:val="20"/>
          <w:szCs w:val="20"/>
        </w:rPr>
        <w:t>T</w:t>
      </w:r>
      <w:r>
        <w:rPr>
          <w:sz w:val="16"/>
          <w:szCs w:val="16"/>
        </w:rPr>
        <w:t xml:space="preserve">RANSFERRED TO A </w:t>
      </w:r>
      <w:r>
        <w:rPr>
          <w:sz w:val="20"/>
          <w:szCs w:val="20"/>
        </w:rPr>
        <w:t>T</w:t>
      </w:r>
      <w:r>
        <w:rPr>
          <w:sz w:val="16"/>
          <w:szCs w:val="16"/>
        </w:rPr>
        <w:t xml:space="preserve">HIRD </w:t>
      </w:r>
      <w:r>
        <w:rPr>
          <w:sz w:val="20"/>
          <w:szCs w:val="20"/>
        </w:rPr>
        <w:t>P</w:t>
      </w:r>
      <w:r>
        <w:rPr>
          <w:sz w:val="16"/>
          <w:szCs w:val="16"/>
        </w:rPr>
        <w:t xml:space="preserve">ARTY </w:t>
      </w:r>
      <w:r>
        <w:rPr>
          <w:sz w:val="20"/>
          <w:szCs w:val="20"/>
        </w:rPr>
        <w:t>– E</w:t>
      </w:r>
      <w:r>
        <w:rPr>
          <w:sz w:val="16"/>
          <w:szCs w:val="16"/>
        </w:rPr>
        <w:t xml:space="preserve">UROPE </w:t>
      </w:r>
      <w:r>
        <w:rPr>
          <w:sz w:val="16"/>
          <w:szCs w:val="16"/>
        </w:rPr>
        <w:tab/>
      </w:r>
      <w:r>
        <w:rPr>
          <w:sz w:val="20"/>
          <w:szCs w:val="20"/>
        </w:rPr>
        <w:t xml:space="preserve">36 </w:t>
      </w:r>
    </w:p>
    <w:p w14:paraId="7F9E830F" w14:textId="77777777" w:rsidR="00CF54CB" w:rsidRDefault="00344004">
      <w:pPr>
        <w:numPr>
          <w:ilvl w:val="1"/>
          <w:numId w:val="48"/>
        </w:numPr>
        <w:spacing w:after="38" w:line="259" w:lineRule="auto"/>
        <w:ind w:hanging="360"/>
        <w:jc w:val="left"/>
      </w:pPr>
      <w:r>
        <w:rPr>
          <w:sz w:val="20"/>
          <w:szCs w:val="20"/>
        </w:rPr>
        <w:t>S</w:t>
      </w:r>
      <w:r>
        <w:rPr>
          <w:sz w:val="16"/>
          <w:szCs w:val="16"/>
        </w:rPr>
        <w:t xml:space="preserve">AMPLE </w:t>
      </w:r>
      <w:r>
        <w:rPr>
          <w:sz w:val="20"/>
          <w:szCs w:val="20"/>
        </w:rPr>
        <w:t>D</w:t>
      </w:r>
      <w:r>
        <w:rPr>
          <w:sz w:val="16"/>
          <w:szCs w:val="16"/>
        </w:rPr>
        <w:t xml:space="preserve">OCUMENTS </w:t>
      </w:r>
      <w:r>
        <w:rPr>
          <w:sz w:val="16"/>
          <w:szCs w:val="16"/>
        </w:rPr>
        <w:tab/>
      </w:r>
      <w:r>
        <w:rPr>
          <w:sz w:val="20"/>
          <w:szCs w:val="20"/>
        </w:rPr>
        <w:t xml:space="preserve">38 </w:t>
      </w:r>
    </w:p>
    <w:p w14:paraId="7F16E555" w14:textId="77777777" w:rsidR="00CF54CB" w:rsidRDefault="00344004">
      <w:pPr>
        <w:numPr>
          <w:ilvl w:val="2"/>
          <w:numId w:val="48"/>
        </w:numPr>
        <w:spacing w:after="0" w:line="259" w:lineRule="auto"/>
        <w:ind w:hanging="240"/>
        <w:jc w:val="left"/>
      </w:pPr>
      <w:r>
        <w:rPr>
          <w:sz w:val="20"/>
          <w:szCs w:val="20"/>
        </w:rPr>
        <w:t>S</w:t>
      </w:r>
      <w:r>
        <w:rPr>
          <w:sz w:val="16"/>
          <w:szCs w:val="16"/>
        </w:rPr>
        <w:t xml:space="preserve">AMPLE </w:t>
      </w:r>
      <w:r>
        <w:rPr>
          <w:sz w:val="20"/>
          <w:szCs w:val="20"/>
        </w:rPr>
        <w:t>S</w:t>
      </w:r>
      <w:r>
        <w:rPr>
          <w:sz w:val="16"/>
          <w:szCs w:val="16"/>
        </w:rPr>
        <w:t xml:space="preserve">UPERVISION </w:t>
      </w:r>
      <w:r>
        <w:rPr>
          <w:sz w:val="20"/>
          <w:szCs w:val="20"/>
        </w:rPr>
        <w:t>C</w:t>
      </w:r>
      <w:r>
        <w:rPr>
          <w:sz w:val="16"/>
          <w:szCs w:val="16"/>
        </w:rPr>
        <w:t xml:space="preserve">ONSENT </w:t>
      </w:r>
      <w:r>
        <w:rPr>
          <w:sz w:val="20"/>
          <w:szCs w:val="20"/>
        </w:rPr>
        <w:t>O</w:t>
      </w:r>
      <w:r>
        <w:rPr>
          <w:sz w:val="16"/>
          <w:szCs w:val="16"/>
        </w:rPr>
        <w:t xml:space="preserve">RDER </w:t>
      </w:r>
      <w:r>
        <w:rPr>
          <w:sz w:val="16"/>
          <w:szCs w:val="16"/>
        </w:rPr>
        <w:tab/>
      </w:r>
      <w:r>
        <w:rPr>
          <w:sz w:val="20"/>
          <w:szCs w:val="20"/>
        </w:rPr>
        <w:t xml:space="preserve">39 </w:t>
      </w:r>
    </w:p>
    <w:p w14:paraId="2C68FD12" w14:textId="77777777" w:rsidR="00CF54CB" w:rsidRDefault="00344004">
      <w:pPr>
        <w:numPr>
          <w:ilvl w:val="2"/>
          <w:numId w:val="48"/>
        </w:numPr>
        <w:spacing w:after="0" w:line="259" w:lineRule="auto"/>
        <w:ind w:hanging="240"/>
        <w:jc w:val="left"/>
      </w:pPr>
      <w:r>
        <w:rPr>
          <w:sz w:val="20"/>
          <w:szCs w:val="20"/>
        </w:rPr>
        <w:lastRenderedPageBreak/>
        <w:t>S</w:t>
      </w:r>
      <w:r>
        <w:rPr>
          <w:sz w:val="16"/>
          <w:szCs w:val="16"/>
        </w:rPr>
        <w:t xml:space="preserve">AMPLE </w:t>
      </w:r>
      <w:r>
        <w:rPr>
          <w:sz w:val="20"/>
          <w:szCs w:val="20"/>
        </w:rPr>
        <w:t>R</w:t>
      </w:r>
      <w:r>
        <w:rPr>
          <w:sz w:val="16"/>
          <w:szCs w:val="16"/>
        </w:rPr>
        <w:t xml:space="preserve">EINSURER </w:t>
      </w:r>
      <w:r>
        <w:rPr>
          <w:sz w:val="20"/>
          <w:szCs w:val="20"/>
        </w:rPr>
        <w:t>L</w:t>
      </w:r>
      <w:r>
        <w:rPr>
          <w:sz w:val="16"/>
          <w:szCs w:val="16"/>
        </w:rPr>
        <w:t xml:space="preserve">ETTER </w:t>
      </w:r>
      <w:r>
        <w:rPr>
          <w:sz w:val="20"/>
          <w:szCs w:val="20"/>
        </w:rPr>
        <w:t>A</w:t>
      </w:r>
      <w:r>
        <w:rPr>
          <w:sz w:val="16"/>
          <w:szCs w:val="16"/>
        </w:rPr>
        <w:t xml:space="preserve">GREEMENT </w:t>
      </w:r>
      <w:r>
        <w:rPr>
          <w:sz w:val="16"/>
          <w:szCs w:val="16"/>
        </w:rPr>
        <w:tab/>
      </w:r>
      <w:r>
        <w:rPr>
          <w:sz w:val="20"/>
          <w:szCs w:val="20"/>
        </w:rPr>
        <w:t xml:space="preserve">44 </w:t>
      </w:r>
    </w:p>
    <w:p w14:paraId="52C15382" w14:textId="77777777" w:rsidR="00CF54CB" w:rsidRDefault="00344004">
      <w:pPr>
        <w:numPr>
          <w:ilvl w:val="1"/>
          <w:numId w:val="48"/>
        </w:numPr>
        <w:spacing w:after="38" w:line="259" w:lineRule="auto"/>
        <w:ind w:hanging="360"/>
        <w:jc w:val="left"/>
      </w:pPr>
      <w:r>
        <w:rPr>
          <w:sz w:val="20"/>
          <w:szCs w:val="20"/>
        </w:rPr>
        <w:t>S</w:t>
      </w:r>
      <w:r>
        <w:rPr>
          <w:sz w:val="16"/>
          <w:szCs w:val="16"/>
        </w:rPr>
        <w:t xml:space="preserve">AMPLE </w:t>
      </w:r>
      <w:r>
        <w:rPr>
          <w:sz w:val="20"/>
          <w:szCs w:val="20"/>
        </w:rPr>
        <w:t>O</w:t>
      </w:r>
      <w:r>
        <w:rPr>
          <w:sz w:val="16"/>
          <w:szCs w:val="16"/>
        </w:rPr>
        <w:t xml:space="preserve">UTLINE FOR </w:t>
      </w:r>
      <w:r>
        <w:rPr>
          <w:sz w:val="20"/>
          <w:szCs w:val="20"/>
        </w:rPr>
        <w:t>R</w:t>
      </w:r>
      <w:r>
        <w:rPr>
          <w:sz w:val="16"/>
          <w:szCs w:val="16"/>
        </w:rPr>
        <w:t>UN</w:t>
      </w:r>
      <w:r>
        <w:rPr>
          <w:sz w:val="20"/>
          <w:szCs w:val="20"/>
        </w:rPr>
        <w:t>-O</w:t>
      </w:r>
      <w:r>
        <w:rPr>
          <w:sz w:val="16"/>
          <w:szCs w:val="16"/>
        </w:rPr>
        <w:t xml:space="preserve">FF </w:t>
      </w:r>
      <w:r>
        <w:rPr>
          <w:sz w:val="20"/>
          <w:szCs w:val="20"/>
        </w:rPr>
        <w:t>P</w:t>
      </w:r>
      <w:r>
        <w:rPr>
          <w:sz w:val="16"/>
          <w:szCs w:val="16"/>
        </w:rPr>
        <w:t xml:space="preserve">LANS </w:t>
      </w:r>
      <w:r>
        <w:rPr>
          <w:sz w:val="16"/>
          <w:szCs w:val="16"/>
        </w:rPr>
        <w:tab/>
      </w:r>
      <w:r>
        <w:rPr>
          <w:sz w:val="20"/>
          <w:szCs w:val="20"/>
        </w:rPr>
        <w:t xml:space="preserve">46 </w:t>
      </w:r>
    </w:p>
    <w:p w14:paraId="5DAD965D" w14:textId="77777777" w:rsidR="00CF54CB" w:rsidRDefault="00344004">
      <w:pPr>
        <w:numPr>
          <w:ilvl w:val="1"/>
          <w:numId w:val="48"/>
        </w:numPr>
        <w:spacing w:after="0" w:line="259" w:lineRule="auto"/>
        <w:ind w:hanging="360"/>
        <w:jc w:val="left"/>
      </w:pPr>
      <w:r>
        <w:rPr>
          <w:sz w:val="20"/>
          <w:szCs w:val="20"/>
        </w:rPr>
        <w:t>R</w:t>
      </w:r>
      <w:r>
        <w:rPr>
          <w:sz w:val="16"/>
          <w:szCs w:val="16"/>
        </w:rPr>
        <w:t xml:space="preserve">ELEVANT </w:t>
      </w:r>
      <w:r>
        <w:rPr>
          <w:sz w:val="20"/>
          <w:szCs w:val="20"/>
        </w:rPr>
        <w:t>NAIC M</w:t>
      </w:r>
      <w:r>
        <w:rPr>
          <w:sz w:val="16"/>
          <w:szCs w:val="16"/>
        </w:rPr>
        <w:t xml:space="preserve">ODEL </w:t>
      </w:r>
      <w:r>
        <w:rPr>
          <w:sz w:val="20"/>
          <w:szCs w:val="20"/>
        </w:rPr>
        <w:t>L</w:t>
      </w:r>
      <w:r>
        <w:rPr>
          <w:sz w:val="16"/>
          <w:szCs w:val="16"/>
        </w:rPr>
        <w:t xml:space="preserve">AWS </w:t>
      </w:r>
      <w:r>
        <w:rPr>
          <w:sz w:val="20"/>
          <w:szCs w:val="20"/>
        </w:rPr>
        <w:t>&amp; R</w:t>
      </w:r>
      <w:r>
        <w:rPr>
          <w:sz w:val="16"/>
          <w:szCs w:val="16"/>
        </w:rPr>
        <w:t xml:space="preserve">EGULATIONS AND </w:t>
      </w:r>
      <w:r>
        <w:rPr>
          <w:sz w:val="20"/>
          <w:szCs w:val="20"/>
        </w:rPr>
        <w:t>S</w:t>
      </w:r>
      <w:r>
        <w:rPr>
          <w:sz w:val="16"/>
          <w:szCs w:val="16"/>
        </w:rPr>
        <w:t xml:space="preserve">TATE </w:t>
      </w:r>
      <w:r>
        <w:rPr>
          <w:sz w:val="20"/>
          <w:szCs w:val="20"/>
        </w:rPr>
        <w:t>S</w:t>
      </w:r>
      <w:r>
        <w:rPr>
          <w:sz w:val="16"/>
          <w:szCs w:val="16"/>
        </w:rPr>
        <w:t xml:space="preserve">TATUTES </w:t>
      </w:r>
      <w:r>
        <w:rPr>
          <w:sz w:val="16"/>
          <w:szCs w:val="16"/>
        </w:rPr>
        <w:tab/>
      </w:r>
      <w:r>
        <w:rPr>
          <w:sz w:val="20"/>
          <w:szCs w:val="20"/>
        </w:rPr>
        <w:t xml:space="preserve">50 </w:t>
      </w:r>
    </w:p>
    <w:p w14:paraId="676E5C74" w14:textId="77777777" w:rsidR="00CF54CB" w:rsidRDefault="00344004">
      <w:pPr>
        <w:numPr>
          <w:ilvl w:val="2"/>
          <w:numId w:val="48"/>
        </w:numPr>
        <w:spacing w:after="0" w:line="259" w:lineRule="auto"/>
        <w:ind w:hanging="240"/>
        <w:jc w:val="left"/>
      </w:pPr>
      <w:r>
        <w:rPr>
          <w:sz w:val="20"/>
          <w:szCs w:val="20"/>
        </w:rPr>
        <w:t>NAIC M</w:t>
      </w:r>
      <w:r>
        <w:rPr>
          <w:sz w:val="16"/>
          <w:szCs w:val="16"/>
        </w:rPr>
        <w:t xml:space="preserve">ODEL </w:t>
      </w:r>
      <w:r>
        <w:rPr>
          <w:sz w:val="20"/>
          <w:szCs w:val="20"/>
        </w:rPr>
        <w:t>L</w:t>
      </w:r>
      <w:r>
        <w:rPr>
          <w:sz w:val="16"/>
          <w:szCs w:val="16"/>
        </w:rPr>
        <w:t xml:space="preserve">AWS </w:t>
      </w:r>
      <w:r>
        <w:rPr>
          <w:sz w:val="20"/>
          <w:szCs w:val="20"/>
        </w:rPr>
        <w:t>&amp; R</w:t>
      </w:r>
      <w:r>
        <w:rPr>
          <w:sz w:val="16"/>
          <w:szCs w:val="16"/>
        </w:rPr>
        <w:t xml:space="preserve">EGULATIONS </w:t>
      </w:r>
      <w:r>
        <w:rPr>
          <w:sz w:val="16"/>
          <w:szCs w:val="16"/>
        </w:rPr>
        <w:tab/>
      </w:r>
      <w:r>
        <w:rPr>
          <w:sz w:val="20"/>
          <w:szCs w:val="20"/>
        </w:rPr>
        <w:t xml:space="preserve">50 </w:t>
      </w:r>
    </w:p>
    <w:p w14:paraId="0FDDB2D9" w14:textId="77777777" w:rsidR="00CF54CB" w:rsidRDefault="00344004">
      <w:pPr>
        <w:numPr>
          <w:ilvl w:val="2"/>
          <w:numId w:val="48"/>
        </w:numPr>
        <w:spacing w:after="0" w:line="259" w:lineRule="auto"/>
        <w:ind w:hanging="240"/>
        <w:jc w:val="left"/>
      </w:pPr>
      <w:r>
        <w:rPr>
          <w:sz w:val="20"/>
          <w:szCs w:val="20"/>
        </w:rPr>
        <w:t>R</w:t>
      </w:r>
      <w:r>
        <w:rPr>
          <w:sz w:val="16"/>
          <w:szCs w:val="16"/>
        </w:rPr>
        <w:t xml:space="preserve">ULES AND </w:t>
      </w:r>
      <w:r>
        <w:rPr>
          <w:sz w:val="20"/>
          <w:szCs w:val="20"/>
        </w:rPr>
        <w:t>R</w:t>
      </w:r>
      <w:r>
        <w:rPr>
          <w:sz w:val="16"/>
          <w:szCs w:val="16"/>
        </w:rPr>
        <w:t xml:space="preserve">EGULATIONS OF THE </w:t>
      </w:r>
      <w:r>
        <w:rPr>
          <w:sz w:val="20"/>
          <w:szCs w:val="20"/>
        </w:rPr>
        <w:t>S</w:t>
      </w:r>
      <w:r>
        <w:rPr>
          <w:sz w:val="16"/>
          <w:szCs w:val="16"/>
        </w:rPr>
        <w:t xml:space="preserve">TATE OF </w:t>
      </w:r>
      <w:r>
        <w:rPr>
          <w:sz w:val="20"/>
          <w:szCs w:val="20"/>
        </w:rPr>
        <w:t>N</w:t>
      </w:r>
      <w:r>
        <w:rPr>
          <w:sz w:val="16"/>
          <w:szCs w:val="16"/>
        </w:rPr>
        <w:t xml:space="preserve">EW </w:t>
      </w:r>
      <w:r>
        <w:rPr>
          <w:sz w:val="20"/>
          <w:szCs w:val="20"/>
        </w:rPr>
        <w:t>Y</w:t>
      </w:r>
      <w:r>
        <w:rPr>
          <w:sz w:val="16"/>
          <w:szCs w:val="16"/>
        </w:rPr>
        <w:t xml:space="preserve">ORK </w:t>
      </w:r>
      <w:r>
        <w:rPr>
          <w:sz w:val="20"/>
          <w:szCs w:val="20"/>
        </w:rPr>
        <w:t>– T</w:t>
      </w:r>
      <w:r>
        <w:rPr>
          <w:sz w:val="16"/>
          <w:szCs w:val="16"/>
        </w:rPr>
        <w:t xml:space="preserve">ITLE </w:t>
      </w:r>
      <w:r>
        <w:rPr>
          <w:sz w:val="20"/>
          <w:szCs w:val="20"/>
        </w:rPr>
        <w:t>11 I</w:t>
      </w:r>
      <w:r>
        <w:rPr>
          <w:sz w:val="16"/>
          <w:szCs w:val="16"/>
        </w:rPr>
        <w:t xml:space="preserve">NSURANCE </w:t>
      </w:r>
      <w:r>
        <w:rPr>
          <w:sz w:val="20"/>
          <w:szCs w:val="20"/>
        </w:rPr>
        <w:t>D</w:t>
      </w:r>
      <w:r>
        <w:rPr>
          <w:sz w:val="16"/>
          <w:szCs w:val="16"/>
        </w:rPr>
        <w:t xml:space="preserve">EPARTMENT </w:t>
      </w:r>
      <w:r>
        <w:rPr>
          <w:sz w:val="20"/>
          <w:szCs w:val="20"/>
        </w:rPr>
        <w:t xml:space="preserve">– </w:t>
      </w:r>
    </w:p>
    <w:p w14:paraId="4722E71A" w14:textId="77777777" w:rsidR="00CF54CB" w:rsidRDefault="00344004">
      <w:pPr>
        <w:spacing w:after="33" w:line="259" w:lineRule="auto"/>
        <w:ind w:left="0" w:right="13" w:firstLine="0"/>
        <w:jc w:val="center"/>
      </w:pPr>
      <w:r>
        <w:rPr>
          <w:sz w:val="20"/>
          <w:szCs w:val="20"/>
        </w:rPr>
        <w:t>C</w:t>
      </w:r>
      <w:r>
        <w:rPr>
          <w:sz w:val="16"/>
          <w:szCs w:val="16"/>
        </w:rPr>
        <w:t xml:space="preserve">HAPTER </w:t>
      </w:r>
      <w:r>
        <w:rPr>
          <w:sz w:val="20"/>
          <w:szCs w:val="20"/>
        </w:rPr>
        <w:t>IV F</w:t>
      </w:r>
      <w:r>
        <w:rPr>
          <w:sz w:val="16"/>
          <w:szCs w:val="16"/>
        </w:rPr>
        <w:t xml:space="preserve">INANCIAL </w:t>
      </w:r>
      <w:r>
        <w:rPr>
          <w:sz w:val="20"/>
          <w:szCs w:val="20"/>
        </w:rPr>
        <w:t>C</w:t>
      </w:r>
      <w:r>
        <w:rPr>
          <w:sz w:val="16"/>
          <w:szCs w:val="16"/>
        </w:rPr>
        <w:t xml:space="preserve">ONDITION OF </w:t>
      </w:r>
      <w:r>
        <w:rPr>
          <w:sz w:val="20"/>
          <w:szCs w:val="20"/>
        </w:rPr>
        <w:t>I</w:t>
      </w:r>
      <w:r>
        <w:rPr>
          <w:sz w:val="16"/>
          <w:szCs w:val="16"/>
        </w:rPr>
        <w:t xml:space="preserve">NSURER AND </w:t>
      </w:r>
      <w:r>
        <w:rPr>
          <w:sz w:val="20"/>
          <w:szCs w:val="20"/>
        </w:rPr>
        <w:t>R</w:t>
      </w:r>
      <w:r>
        <w:rPr>
          <w:sz w:val="16"/>
          <w:szCs w:val="16"/>
        </w:rPr>
        <w:t xml:space="preserve">EPORTS TO </w:t>
      </w:r>
      <w:r>
        <w:rPr>
          <w:sz w:val="20"/>
          <w:szCs w:val="20"/>
        </w:rPr>
        <w:t>S</w:t>
      </w:r>
      <w:r>
        <w:rPr>
          <w:sz w:val="16"/>
          <w:szCs w:val="16"/>
        </w:rPr>
        <w:t xml:space="preserve">UPERINTENDENT </w:t>
      </w:r>
      <w:r>
        <w:rPr>
          <w:sz w:val="20"/>
          <w:szCs w:val="20"/>
        </w:rPr>
        <w:t>– S</w:t>
      </w:r>
      <w:r>
        <w:rPr>
          <w:sz w:val="16"/>
          <w:szCs w:val="16"/>
        </w:rPr>
        <w:t xml:space="preserve">UBCHAPTER </w:t>
      </w:r>
      <w:r>
        <w:rPr>
          <w:sz w:val="20"/>
          <w:szCs w:val="20"/>
        </w:rPr>
        <w:t xml:space="preserve">D </w:t>
      </w:r>
    </w:p>
    <w:p w14:paraId="2108BA19" w14:textId="77777777" w:rsidR="00CF54CB" w:rsidRDefault="00344004">
      <w:pPr>
        <w:tabs>
          <w:tab w:val="center" w:pos="4829"/>
          <w:tab w:val="center" w:pos="9173"/>
          <w:tab w:val="right" w:pos="10268"/>
        </w:tabs>
        <w:spacing w:after="92" w:line="259" w:lineRule="auto"/>
        <w:ind w:left="0" w:firstLine="0"/>
        <w:jc w:val="left"/>
      </w:pPr>
      <w:r>
        <w:rPr>
          <w:rFonts w:ascii="Calibri" w:eastAsia="Calibri" w:hAnsi="Calibri" w:cs="Calibri"/>
          <w:sz w:val="22"/>
          <w:szCs w:val="22"/>
        </w:rPr>
        <w:tab/>
      </w:r>
      <w:r>
        <w:rPr>
          <w:sz w:val="20"/>
          <w:szCs w:val="20"/>
        </w:rPr>
        <w:t>R</w:t>
      </w:r>
      <w:r>
        <w:rPr>
          <w:sz w:val="16"/>
          <w:szCs w:val="16"/>
        </w:rPr>
        <w:t xml:space="preserve">EINSURANCE </w:t>
      </w:r>
      <w:r>
        <w:rPr>
          <w:sz w:val="20"/>
          <w:szCs w:val="20"/>
        </w:rPr>
        <w:t>– P</w:t>
      </w:r>
      <w:r>
        <w:rPr>
          <w:sz w:val="16"/>
          <w:szCs w:val="16"/>
        </w:rPr>
        <w:t xml:space="preserve">ART </w:t>
      </w:r>
      <w:r>
        <w:rPr>
          <w:sz w:val="20"/>
          <w:szCs w:val="20"/>
        </w:rPr>
        <w:t>128 C</w:t>
      </w:r>
      <w:r>
        <w:rPr>
          <w:sz w:val="16"/>
          <w:szCs w:val="16"/>
        </w:rPr>
        <w:t xml:space="preserve">OMMUTATION OF </w:t>
      </w:r>
      <w:r>
        <w:rPr>
          <w:sz w:val="20"/>
          <w:szCs w:val="20"/>
        </w:rPr>
        <w:t>R</w:t>
      </w:r>
      <w:r>
        <w:rPr>
          <w:sz w:val="16"/>
          <w:szCs w:val="16"/>
        </w:rPr>
        <w:t xml:space="preserve">EINSURANCE </w:t>
      </w:r>
      <w:r>
        <w:rPr>
          <w:sz w:val="20"/>
          <w:szCs w:val="20"/>
        </w:rPr>
        <w:t>A</w:t>
      </w:r>
      <w:r>
        <w:rPr>
          <w:sz w:val="16"/>
          <w:szCs w:val="16"/>
        </w:rPr>
        <w:t xml:space="preserve">GREEMENTS </w:t>
      </w:r>
      <w:r>
        <w:rPr>
          <w:sz w:val="20"/>
          <w:szCs w:val="20"/>
        </w:rPr>
        <w:t>(R</w:t>
      </w:r>
      <w:r>
        <w:rPr>
          <w:sz w:val="16"/>
          <w:szCs w:val="16"/>
        </w:rPr>
        <w:t xml:space="preserve">EGULATION </w:t>
      </w:r>
      <w:r>
        <w:rPr>
          <w:sz w:val="20"/>
          <w:szCs w:val="20"/>
        </w:rPr>
        <w:t xml:space="preserve">141) </w:t>
      </w:r>
      <w:r>
        <w:rPr>
          <w:sz w:val="20"/>
          <w:szCs w:val="20"/>
        </w:rPr>
        <w:tab/>
        <w:t xml:space="preserve"> </w:t>
      </w:r>
      <w:r>
        <w:rPr>
          <w:sz w:val="20"/>
          <w:szCs w:val="20"/>
        </w:rPr>
        <w:tab/>
        <w:t xml:space="preserve">50 </w:t>
      </w:r>
    </w:p>
    <w:p w14:paraId="66D808E7" w14:textId="77777777" w:rsidR="00CF54CB" w:rsidRDefault="00344004">
      <w:pPr>
        <w:numPr>
          <w:ilvl w:val="2"/>
          <w:numId w:val="48"/>
        </w:numPr>
        <w:spacing w:after="0" w:line="259" w:lineRule="auto"/>
        <w:ind w:hanging="240"/>
        <w:jc w:val="left"/>
      </w:pPr>
      <w:r>
        <w:rPr>
          <w:sz w:val="20"/>
          <w:szCs w:val="20"/>
        </w:rPr>
        <w:t>R</w:t>
      </w:r>
      <w:r>
        <w:rPr>
          <w:sz w:val="16"/>
          <w:szCs w:val="16"/>
        </w:rPr>
        <w:t xml:space="preserve">HODE </w:t>
      </w:r>
      <w:r>
        <w:rPr>
          <w:sz w:val="20"/>
          <w:szCs w:val="20"/>
        </w:rPr>
        <w:t>I</w:t>
      </w:r>
      <w:r>
        <w:rPr>
          <w:sz w:val="16"/>
          <w:szCs w:val="16"/>
        </w:rPr>
        <w:t xml:space="preserve">SLAND </w:t>
      </w:r>
      <w:r>
        <w:rPr>
          <w:sz w:val="20"/>
          <w:szCs w:val="20"/>
        </w:rPr>
        <w:t>S</w:t>
      </w:r>
      <w:r>
        <w:rPr>
          <w:sz w:val="16"/>
          <w:szCs w:val="16"/>
        </w:rPr>
        <w:t xml:space="preserve">TATUTE AND </w:t>
      </w:r>
      <w:r>
        <w:rPr>
          <w:sz w:val="20"/>
          <w:szCs w:val="20"/>
        </w:rPr>
        <w:t>R</w:t>
      </w:r>
      <w:r>
        <w:rPr>
          <w:sz w:val="16"/>
          <w:szCs w:val="16"/>
        </w:rPr>
        <w:t xml:space="preserve">EGULATION </w:t>
      </w:r>
      <w:r>
        <w:rPr>
          <w:sz w:val="20"/>
          <w:szCs w:val="20"/>
        </w:rPr>
        <w:t>– V</w:t>
      </w:r>
      <w:r>
        <w:rPr>
          <w:sz w:val="16"/>
          <w:szCs w:val="16"/>
        </w:rPr>
        <w:t xml:space="preserve">OLUNTARY </w:t>
      </w:r>
      <w:r>
        <w:rPr>
          <w:sz w:val="20"/>
          <w:szCs w:val="20"/>
        </w:rPr>
        <w:t>R</w:t>
      </w:r>
      <w:r>
        <w:rPr>
          <w:sz w:val="16"/>
          <w:szCs w:val="16"/>
        </w:rPr>
        <w:t xml:space="preserve">ESTRUCTURING OF </w:t>
      </w:r>
      <w:r>
        <w:rPr>
          <w:sz w:val="20"/>
          <w:szCs w:val="20"/>
        </w:rPr>
        <w:t>S</w:t>
      </w:r>
      <w:r>
        <w:rPr>
          <w:sz w:val="16"/>
          <w:szCs w:val="16"/>
        </w:rPr>
        <w:t xml:space="preserve">OLVENT </w:t>
      </w:r>
      <w:r>
        <w:rPr>
          <w:sz w:val="20"/>
          <w:szCs w:val="20"/>
        </w:rPr>
        <w:t>I</w:t>
      </w:r>
      <w:r>
        <w:rPr>
          <w:sz w:val="16"/>
          <w:szCs w:val="16"/>
        </w:rPr>
        <w:t xml:space="preserve">NSURERS </w:t>
      </w:r>
      <w:r>
        <w:rPr>
          <w:sz w:val="20"/>
          <w:szCs w:val="20"/>
        </w:rPr>
        <w:t>T</w:t>
      </w:r>
      <w:r>
        <w:rPr>
          <w:sz w:val="16"/>
          <w:szCs w:val="16"/>
        </w:rPr>
        <w:t xml:space="preserve">ITLE </w:t>
      </w:r>
      <w:r>
        <w:rPr>
          <w:sz w:val="20"/>
          <w:szCs w:val="20"/>
        </w:rPr>
        <w:t xml:space="preserve">27 </w:t>
      </w:r>
    </w:p>
    <w:p w14:paraId="08DA6C20" w14:textId="77777777" w:rsidR="00CF54CB" w:rsidRDefault="00344004">
      <w:pPr>
        <w:tabs>
          <w:tab w:val="center" w:pos="2508"/>
          <w:tab w:val="center" w:pos="9173"/>
          <w:tab w:val="right" w:pos="10268"/>
        </w:tabs>
        <w:spacing w:after="34" w:line="259" w:lineRule="auto"/>
        <w:ind w:left="0" w:firstLine="0"/>
        <w:jc w:val="left"/>
      </w:pPr>
      <w:r>
        <w:rPr>
          <w:rFonts w:ascii="Calibri" w:eastAsia="Calibri" w:hAnsi="Calibri" w:cs="Calibri"/>
          <w:sz w:val="22"/>
          <w:szCs w:val="22"/>
        </w:rPr>
        <w:tab/>
      </w:r>
      <w:r>
        <w:rPr>
          <w:sz w:val="20"/>
          <w:szCs w:val="20"/>
        </w:rPr>
        <w:t>C</w:t>
      </w:r>
      <w:r>
        <w:rPr>
          <w:sz w:val="16"/>
          <w:szCs w:val="16"/>
        </w:rPr>
        <w:t xml:space="preserve">HAPTER </w:t>
      </w:r>
      <w:r>
        <w:rPr>
          <w:sz w:val="20"/>
          <w:szCs w:val="20"/>
        </w:rPr>
        <w:t xml:space="preserve">14.5 </w:t>
      </w:r>
      <w:r>
        <w:rPr>
          <w:sz w:val="16"/>
          <w:szCs w:val="16"/>
        </w:rPr>
        <w:t xml:space="preserve">AND </w:t>
      </w:r>
      <w:r>
        <w:rPr>
          <w:sz w:val="20"/>
          <w:szCs w:val="20"/>
        </w:rPr>
        <w:t>R</w:t>
      </w:r>
      <w:r>
        <w:rPr>
          <w:sz w:val="16"/>
          <w:szCs w:val="16"/>
        </w:rPr>
        <w:t xml:space="preserve">EGULATION </w:t>
      </w:r>
      <w:r>
        <w:rPr>
          <w:sz w:val="20"/>
          <w:szCs w:val="20"/>
        </w:rPr>
        <w:t xml:space="preserve">68 </w:t>
      </w:r>
      <w:r>
        <w:rPr>
          <w:sz w:val="20"/>
          <w:szCs w:val="20"/>
        </w:rPr>
        <w:tab/>
        <w:t xml:space="preserve"> </w:t>
      </w:r>
      <w:r>
        <w:rPr>
          <w:sz w:val="20"/>
          <w:szCs w:val="20"/>
        </w:rPr>
        <w:tab/>
        <w:t xml:space="preserve">52 </w:t>
      </w:r>
    </w:p>
    <w:p w14:paraId="3E72B1CF" w14:textId="77777777" w:rsidR="00CF54CB" w:rsidRDefault="00344004">
      <w:pPr>
        <w:numPr>
          <w:ilvl w:val="2"/>
          <w:numId w:val="48"/>
        </w:numPr>
        <w:spacing w:after="0" w:line="259" w:lineRule="auto"/>
        <w:ind w:hanging="240"/>
        <w:jc w:val="left"/>
      </w:pPr>
      <w:r>
        <w:rPr>
          <w:sz w:val="20"/>
          <w:szCs w:val="20"/>
        </w:rPr>
        <w:t>P</w:t>
      </w:r>
      <w:r>
        <w:rPr>
          <w:sz w:val="16"/>
          <w:szCs w:val="16"/>
        </w:rPr>
        <w:t xml:space="preserve">ART </w:t>
      </w:r>
      <w:r>
        <w:rPr>
          <w:sz w:val="20"/>
          <w:szCs w:val="20"/>
        </w:rPr>
        <w:t xml:space="preserve">VII </w:t>
      </w:r>
      <w:r>
        <w:rPr>
          <w:sz w:val="16"/>
          <w:szCs w:val="16"/>
        </w:rPr>
        <w:t xml:space="preserve">OF THE </w:t>
      </w:r>
      <w:r>
        <w:rPr>
          <w:sz w:val="20"/>
          <w:szCs w:val="20"/>
        </w:rPr>
        <w:t>F</w:t>
      </w:r>
      <w:r>
        <w:rPr>
          <w:sz w:val="16"/>
          <w:szCs w:val="16"/>
        </w:rPr>
        <w:t xml:space="preserve">INANCIAL </w:t>
      </w:r>
      <w:r>
        <w:rPr>
          <w:sz w:val="20"/>
          <w:szCs w:val="20"/>
        </w:rPr>
        <w:t>S</w:t>
      </w:r>
      <w:r>
        <w:rPr>
          <w:sz w:val="16"/>
          <w:szCs w:val="16"/>
        </w:rPr>
        <w:t xml:space="preserve">ERVICES </w:t>
      </w:r>
      <w:r>
        <w:rPr>
          <w:sz w:val="20"/>
          <w:szCs w:val="20"/>
        </w:rPr>
        <w:t>&amp; M</w:t>
      </w:r>
      <w:r>
        <w:rPr>
          <w:sz w:val="16"/>
          <w:szCs w:val="16"/>
        </w:rPr>
        <w:t xml:space="preserve">ARKETS </w:t>
      </w:r>
      <w:r>
        <w:rPr>
          <w:sz w:val="20"/>
          <w:szCs w:val="20"/>
        </w:rPr>
        <w:t>A</w:t>
      </w:r>
      <w:r>
        <w:rPr>
          <w:sz w:val="16"/>
          <w:szCs w:val="16"/>
        </w:rPr>
        <w:t xml:space="preserve">CT </w:t>
      </w:r>
      <w:r>
        <w:rPr>
          <w:sz w:val="20"/>
          <w:szCs w:val="20"/>
        </w:rPr>
        <w:t xml:space="preserve">2000 (FSMA) </w:t>
      </w:r>
      <w:r>
        <w:rPr>
          <w:sz w:val="20"/>
          <w:szCs w:val="20"/>
        </w:rPr>
        <w:tab/>
        <w:t xml:space="preserve"> </w:t>
      </w:r>
      <w:r>
        <w:rPr>
          <w:sz w:val="20"/>
          <w:szCs w:val="20"/>
        </w:rPr>
        <w:tab/>
        <w:t xml:space="preserve">53 </w:t>
      </w:r>
    </w:p>
    <w:p w14:paraId="511C3627" w14:textId="77777777" w:rsidR="00CF54CB" w:rsidRDefault="00344004">
      <w:pPr>
        <w:tabs>
          <w:tab w:val="center" w:pos="1560"/>
          <w:tab w:val="right" w:pos="10268"/>
        </w:tabs>
        <w:spacing w:after="38" w:line="259" w:lineRule="auto"/>
        <w:ind w:left="0" w:firstLine="0"/>
        <w:jc w:val="left"/>
        <w:sectPr w:rsidR="00CF54CB">
          <w:headerReference w:type="even" r:id="rId31"/>
          <w:headerReference w:type="default" r:id="rId32"/>
          <w:footerReference w:type="even" r:id="rId33"/>
          <w:footerReference w:type="default" r:id="rId34"/>
          <w:headerReference w:type="first" r:id="rId35"/>
          <w:footerReference w:type="first" r:id="rId36"/>
          <w:pgSz w:w="12240" w:h="15840"/>
          <w:pgMar w:top="773" w:right="892" w:bottom="1449" w:left="1080" w:header="720" w:footer="901" w:gutter="0"/>
          <w:cols w:space="720"/>
          <w:titlePg/>
        </w:sectPr>
      </w:pPr>
      <w:r>
        <w:t>E.</w:t>
      </w:r>
      <w:r>
        <w:rPr>
          <w:rFonts w:ascii="Arial" w:eastAsia="Arial" w:hAnsi="Arial" w:cs="Arial"/>
        </w:rPr>
        <w:t xml:space="preserve"> </w:t>
      </w:r>
      <w:r>
        <w:rPr>
          <w:sz w:val="20"/>
          <w:szCs w:val="20"/>
        </w:rPr>
        <w:t>R</w:t>
      </w:r>
      <w:r>
        <w:rPr>
          <w:sz w:val="16"/>
          <w:szCs w:val="16"/>
        </w:rPr>
        <w:t xml:space="preserve">EFERENCES </w:t>
      </w:r>
      <w:r>
        <w:rPr>
          <w:sz w:val="16"/>
          <w:szCs w:val="16"/>
        </w:rPr>
        <w:tab/>
        <w:t xml:space="preserve"> </w:t>
      </w:r>
      <w:r>
        <w:rPr>
          <w:sz w:val="16"/>
          <w:szCs w:val="16"/>
        </w:rPr>
        <w:tab/>
      </w:r>
      <w:r>
        <w:rPr>
          <w:sz w:val="20"/>
          <w:szCs w:val="20"/>
        </w:rPr>
        <w:t xml:space="preserve">54 </w:t>
      </w:r>
    </w:p>
    <w:p w14:paraId="42565BD9" w14:textId="77777777" w:rsidR="00CF54CB" w:rsidRDefault="00344004">
      <w:pPr>
        <w:numPr>
          <w:ilvl w:val="0"/>
          <w:numId w:val="51"/>
        </w:numPr>
        <w:spacing w:after="0" w:line="259" w:lineRule="auto"/>
        <w:ind w:hanging="543"/>
        <w:jc w:val="left"/>
      </w:pPr>
      <w:r>
        <w:rPr>
          <w:b/>
          <w:sz w:val="32"/>
          <w:szCs w:val="32"/>
          <w:u w:val="single"/>
        </w:rPr>
        <w:lastRenderedPageBreak/>
        <w:t>I</w:t>
      </w:r>
      <w:r>
        <w:rPr>
          <w:b/>
          <w:sz w:val="26"/>
          <w:szCs w:val="26"/>
          <w:u w:val="single"/>
        </w:rPr>
        <w:t xml:space="preserve">NTRODUCTION </w:t>
      </w:r>
      <w:r>
        <w:rPr>
          <w:b/>
          <w:sz w:val="26"/>
          <w:szCs w:val="26"/>
          <w:u w:val="single"/>
        </w:rPr>
        <w:tab/>
      </w:r>
      <w:r>
        <w:rPr>
          <w:b/>
          <w:sz w:val="32"/>
          <w:szCs w:val="32"/>
        </w:rPr>
        <w:t xml:space="preserve"> </w:t>
      </w:r>
    </w:p>
    <w:p w14:paraId="060E59F8" w14:textId="77777777" w:rsidR="00CF54CB" w:rsidRDefault="00344004">
      <w:pPr>
        <w:spacing w:after="25" w:line="259" w:lineRule="auto"/>
        <w:ind w:left="91" w:firstLine="0"/>
        <w:jc w:val="left"/>
      </w:pPr>
      <w:r>
        <w:rPr>
          <w:b/>
          <w:sz w:val="26"/>
          <w:szCs w:val="26"/>
        </w:rPr>
        <w:t xml:space="preserve"> </w:t>
      </w:r>
    </w:p>
    <w:p w14:paraId="6F9E332B" w14:textId="77777777" w:rsidR="00CF54CB" w:rsidRDefault="00344004">
      <w:pPr>
        <w:numPr>
          <w:ilvl w:val="1"/>
          <w:numId w:val="51"/>
        </w:numPr>
        <w:spacing w:after="46" w:line="259" w:lineRule="auto"/>
        <w:ind w:hanging="360"/>
        <w:jc w:val="left"/>
      </w:pPr>
      <w:r>
        <w:rPr>
          <w:b/>
          <w:sz w:val="28"/>
          <w:szCs w:val="28"/>
        </w:rPr>
        <w:t>B</w:t>
      </w:r>
      <w:r>
        <w:rPr>
          <w:b/>
          <w:sz w:val="22"/>
          <w:szCs w:val="22"/>
        </w:rPr>
        <w:t>ACKGROUND</w:t>
      </w:r>
      <w:r>
        <w:rPr>
          <w:b/>
          <w:sz w:val="28"/>
          <w:szCs w:val="28"/>
        </w:rPr>
        <w:t>/P</w:t>
      </w:r>
      <w:r>
        <w:rPr>
          <w:b/>
          <w:sz w:val="22"/>
          <w:szCs w:val="22"/>
        </w:rPr>
        <w:t xml:space="preserve">URPOSE </w:t>
      </w:r>
    </w:p>
    <w:p w14:paraId="231DDBAE" w14:textId="77777777" w:rsidR="00CF54CB" w:rsidRDefault="00344004">
      <w:pPr>
        <w:spacing w:after="190"/>
        <w:ind w:left="105" w:right="839" w:firstLine="6"/>
      </w:pPr>
      <w:r>
        <w:t xml:space="preserve">State insurance regulators have well-developed receivership statutes, practices, and procedures to handle impaired and insolvent insurers. These statutes, practices, and procedures serve, first and foremost, the goal of consumer protection. They are a critical and essential part of the Regulatory Solvency Framework. However, given improvements in regard to the early detection of financially troubled insurers and insureds’ requirements for A-rated coverage, a new landscape has emerged with a growing number of troubled insurers seeking to engage in mechanisms of run-off or restructuring as an alternative to being placed in traditional receivership proceedings. For example, as of mid-year 2008 alone, there were approximately 129 active insurers in voluntary run-off domiciled in the United States with over $36 billion in claims in progress. As a result of a changing landscape and the fact that the NAIC has little formal documentation available to regulators dealing with alternative mechanisms for winding-down troubled companies, the Receivership and Insolvency (E) Task Force during 2007 began drafting charges to undertake a study of alternative mechanisms and relative best practices. These charges were presented to the Financial Condition (E) Committee during the 2007 NAIC Winter National Meeting. The Committee members supported the charges, but felt the topic of active troubled insurers required the expertise and perspective of regulators involved in the active solvency monitoring process, as well as receivership process. Thus, a Restructuring Mechanisms for Troubled Insurers Subgroup was formed directly under the Committee with regulators representing both perspectives. The Subgroup’s 2008 adopted charges were as follows: </w:t>
      </w:r>
    </w:p>
    <w:p w14:paraId="4B815AC8" w14:textId="77777777" w:rsidR="00CF54CB" w:rsidRDefault="00344004">
      <w:pPr>
        <w:ind w:left="811" w:right="841" w:firstLine="7"/>
      </w:pPr>
      <w:r>
        <w:t xml:space="preserve">Undertake a study of alternative mechanisms, such as solvent schemes of arrangement, solvent run-offs, and Part VII portfolio transfers (a transfer leaving no recourse to original contractual obligor/insurer) and any other similar mechanisms to gain an understanding of: </w:t>
      </w:r>
    </w:p>
    <w:p w14:paraId="3C8489D1" w14:textId="77777777" w:rsidR="00CF54CB" w:rsidRDefault="00344004">
      <w:pPr>
        <w:numPr>
          <w:ilvl w:val="2"/>
          <w:numId w:val="17"/>
        </w:numPr>
        <w:ind w:right="396" w:hanging="619"/>
      </w:pPr>
      <w:r>
        <w:t xml:space="preserve">How these mechanisms are utilized and implemented. </w:t>
      </w:r>
    </w:p>
    <w:p w14:paraId="43A7E4A0" w14:textId="77777777" w:rsidR="00CF54CB" w:rsidRDefault="00344004">
      <w:pPr>
        <w:numPr>
          <w:ilvl w:val="2"/>
          <w:numId w:val="17"/>
        </w:numPr>
        <w:ind w:right="396" w:hanging="619"/>
      </w:pPr>
      <w:r>
        <w:t xml:space="preserve">The potential effect on claims of domestic companies, including the consideration of preferential treatment within current laws. </w:t>
      </w:r>
    </w:p>
    <w:p w14:paraId="1AFAB5D4" w14:textId="77777777" w:rsidR="00CF54CB" w:rsidRDefault="00344004">
      <w:pPr>
        <w:numPr>
          <w:ilvl w:val="2"/>
          <w:numId w:val="17"/>
        </w:numPr>
        <w:ind w:right="396" w:hanging="619"/>
      </w:pPr>
      <w:r>
        <w:t xml:space="preserve">How alien insurers (including off-shore reinsurers) who have utilized these mechanisms might affect the solvency of domestic companies. </w:t>
      </w:r>
    </w:p>
    <w:p w14:paraId="1F1E487B" w14:textId="77777777" w:rsidR="00CF54CB" w:rsidRDefault="00344004">
      <w:pPr>
        <w:numPr>
          <w:ilvl w:val="2"/>
          <w:numId w:val="17"/>
        </w:numPr>
        <w:ind w:right="396" w:hanging="619"/>
      </w:pPr>
      <w:r>
        <w:t xml:space="preserve">Best practices for state insurance departments to consider if utilizing similar mechanisms in the United States and/or interacting with aliens who have implemented these mechanisms. </w:t>
      </w:r>
    </w:p>
    <w:p w14:paraId="67CF4E94" w14:textId="77777777" w:rsidR="00CF54CB" w:rsidRDefault="00344004">
      <w:pPr>
        <w:spacing w:after="0" w:line="259" w:lineRule="auto"/>
        <w:ind w:left="91" w:firstLine="0"/>
        <w:jc w:val="left"/>
      </w:pPr>
      <w:r>
        <w:t xml:space="preserve"> </w:t>
      </w:r>
    </w:p>
    <w:p w14:paraId="170670F0" w14:textId="77777777" w:rsidR="00CF54CB" w:rsidRDefault="00344004">
      <w:pPr>
        <w:ind w:left="105" w:right="844" w:firstLine="6"/>
      </w:pPr>
      <w:r>
        <w:t xml:space="preserve">The study is documented in the form of this NAIC white paper. Additionally, the study was limited to situations where the legal entity was in a financially troubled condition that could have potentially led to an insolvency in the foreseeable future. The Subgroup did not consider situations where the insurer was merely inconvenienced by a particular book of business or wished to exit the insurance business for reasons unrelated to solvency. </w:t>
      </w:r>
    </w:p>
    <w:p w14:paraId="6D27739D" w14:textId="77777777" w:rsidR="00CF54CB" w:rsidRDefault="00344004">
      <w:pPr>
        <w:spacing w:after="43" w:line="259" w:lineRule="auto"/>
        <w:ind w:left="91" w:firstLine="0"/>
        <w:jc w:val="left"/>
      </w:pPr>
      <w:r>
        <w:t xml:space="preserve"> </w:t>
      </w:r>
    </w:p>
    <w:p w14:paraId="1D8B325E" w14:textId="77777777" w:rsidR="00CF54CB" w:rsidRDefault="00344004">
      <w:pPr>
        <w:numPr>
          <w:ilvl w:val="1"/>
          <w:numId w:val="51"/>
        </w:numPr>
        <w:spacing w:after="199" w:line="259" w:lineRule="auto"/>
        <w:ind w:hanging="360"/>
        <w:jc w:val="left"/>
      </w:pPr>
      <w:r>
        <w:rPr>
          <w:b/>
          <w:sz w:val="28"/>
          <w:szCs w:val="28"/>
        </w:rPr>
        <w:t>A</w:t>
      </w:r>
      <w:r>
        <w:rPr>
          <w:b/>
          <w:sz w:val="22"/>
          <w:szCs w:val="22"/>
        </w:rPr>
        <w:t xml:space="preserve">UTHORITY </w:t>
      </w:r>
      <w:r>
        <w:rPr>
          <w:b/>
          <w:sz w:val="28"/>
          <w:szCs w:val="28"/>
        </w:rPr>
        <w:t>&amp; A</w:t>
      </w:r>
      <w:r>
        <w:rPr>
          <w:b/>
          <w:sz w:val="22"/>
          <w:szCs w:val="22"/>
        </w:rPr>
        <w:t xml:space="preserve">PPLICABILITY </w:t>
      </w:r>
    </w:p>
    <w:p w14:paraId="0017FC05" w14:textId="77777777" w:rsidR="00CF54CB" w:rsidRDefault="00344004">
      <w:pPr>
        <w:ind w:left="105" w:right="839" w:firstLine="6"/>
      </w:pPr>
      <w:r>
        <w:t xml:space="preserve">The information in this white paper is meant to provide guidance to state insurance regulators and be an advisory resource. It discusses approaches and concepts that are available within and outside the United States in order to assist regulators with assessing possible alternatives for handling troubled insurers. Mechanisms discussed in this white paper may not be available or applicable in all </w:t>
      </w:r>
      <w:r>
        <w:lastRenderedPageBreak/>
        <w:t xml:space="preserve">jurisdictions due to differences in statutes, regulations, and implementing tools and resources, as well as changing market conditions. In fact, statutes and regulations that define the authority and duties of regulators may require, or provide for, specific procedures to be implemented in certain circumstances. In addition, although this white paper was intended to generally apply to all riskassuming entities that are subject to the authority of the insurance department, the majority of the Subgroup’s discussion was focused on property/casualty insurance companies. Due to their unique characteristics, the mechanisms mentioned in this white paper, may not be appropriate in the context of life, health, or other personal lines of insurance for which guaranty association protections are available, or for certain types of specialized risk-assuming entities (e.g., health maintenance organizations, syndicates, risk retention groups, chartered purchasing groups, chartered self-insured groups or pools, captives, insurance exchanges, etc.). Lastly, an appropriate mechanism for a particular troubled insurer will also depend on the specific circumstances of the situation. </w:t>
      </w:r>
    </w:p>
    <w:p w14:paraId="332C0450" w14:textId="77777777" w:rsidR="00CF54CB" w:rsidRDefault="00344004">
      <w:pPr>
        <w:spacing w:after="64" w:line="259" w:lineRule="auto"/>
        <w:ind w:left="91" w:firstLine="0"/>
        <w:jc w:val="left"/>
      </w:pPr>
      <w:r>
        <w:rPr>
          <w:sz w:val="22"/>
          <w:szCs w:val="22"/>
        </w:rPr>
        <w:t xml:space="preserve"> </w:t>
      </w:r>
    </w:p>
    <w:p w14:paraId="3AAE4941" w14:textId="77777777" w:rsidR="00CF54CB" w:rsidRDefault="00344004">
      <w:pPr>
        <w:numPr>
          <w:ilvl w:val="1"/>
          <w:numId w:val="51"/>
        </w:numPr>
        <w:spacing w:after="0" w:line="259" w:lineRule="auto"/>
        <w:ind w:hanging="360"/>
        <w:jc w:val="left"/>
      </w:pPr>
      <w:r>
        <w:rPr>
          <w:b/>
          <w:sz w:val="28"/>
          <w:szCs w:val="28"/>
        </w:rPr>
        <w:t>O</w:t>
      </w:r>
      <w:r>
        <w:rPr>
          <w:b/>
          <w:sz w:val="22"/>
          <w:szCs w:val="22"/>
        </w:rPr>
        <w:t xml:space="preserve">THER </w:t>
      </w:r>
      <w:r>
        <w:rPr>
          <w:b/>
          <w:sz w:val="28"/>
          <w:szCs w:val="28"/>
        </w:rPr>
        <w:t>C</w:t>
      </w:r>
      <w:r>
        <w:rPr>
          <w:b/>
          <w:sz w:val="22"/>
          <w:szCs w:val="22"/>
        </w:rPr>
        <w:t xml:space="preserve">ONSIDERATIONS </w:t>
      </w:r>
    </w:p>
    <w:p w14:paraId="4B3D2212" w14:textId="77777777" w:rsidR="00CF54CB" w:rsidRDefault="00344004">
      <w:pPr>
        <w:spacing w:after="0" w:line="259" w:lineRule="auto"/>
        <w:ind w:left="91" w:firstLine="0"/>
        <w:jc w:val="left"/>
      </w:pPr>
      <w:r>
        <w:rPr>
          <w:b/>
          <w:sz w:val="23"/>
          <w:szCs w:val="23"/>
        </w:rPr>
        <w:t xml:space="preserve"> </w:t>
      </w:r>
    </w:p>
    <w:p w14:paraId="0350F61E" w14:textId="77777777" w:rsidR="00CF54CB" w:rsidRDefault="00344004">
      <w:pPr>
        <w:ind w:left="105" w:right="834" w:firstLine="6"/>
      </w:pPr>
      <w:r>
        <w:t xml:space="preserve">As state insurance regulators consider the relative advantages and disadvantages of these alternative mechanisms, they should do so in the context of the overall policy objectives behind each alternative. Different policy objectives will inevitably lead to very different results. The current system that utilizes liquidation and provides for guaranty fund protection for certain policyholder claims reflects a legislative policy that places the rights of policyholders and claimants above the interests of other creditors of the insolvent company. While these laws may vary somewhat from state to state, they share several key features. The interests of policyholders and claimants are granted priority over claims brought by other insurers, the government, and general creditors. The laws seek to preserve, to the greatest possible extent, the insurance protection that the policyholder believed he/she was getting when he/she purchased his/her policy from the now-insolvent insurer. The law treats all similarly situated claimants in the same manner, thereby prohibiting preferential treatment for certain favored individuals or entities. Finally, they preserve, in some meaningful form, the right of judicial review. These elements form the foundation of the existing system that exhibits a clear legislative choice to place the interests of consumers above the interests of investors and large institutions that are better equipped to withstand the losses resulting from insurer insolvency. </w:t>
      </w:r>
    </w:p>
    <w:p w14:paraId="53FE8DC0" w14:textId="77777777" w:rsidR="00CF54CB" w:rsidRDefault="00344004">
      <w:pPr>
        <w:spacing w:after="0" w:line="259" w:lineRule="auto"/>
        <w:ind w:left="91" w:firstLine="0"/>
        <w:jc w:val="left"/>
      </w:pPr>
      <w:r>
        <w:t xml:space="preserve"> </w:t>
      </w:r>
    </w:p>
    <w:p w14:paraId="6790E913" w14:textId="77777777" w:rsidR="00CF54CB" w:rsidRDefault="00344004">
      <w:pPr>
        <w:spacing w:after="0" w:line="259" w:lineRule="auto"/>
        <w:ind w:left="91" w:firstLine="0"/>
        <w:jc w:val="left"/>
      </w:pPr>
      <w:r>
        <w:t xml:space="preserve"> </w:t>
      </w:r>
    </w:p>
    <w:p w14:paraId="3D4A6514" w14:textId="77777777" w:rsidR="00CF54CB" w:rsidRDefault="00344004">
      <w:pPr>
        <w:numPr>
          <w:ilvl w:val="0"/>
          <w:numId w:val="51"/>
        </w:numPr>
        <w:spacing w:after="64" w:line="259" w:lineRule="auto"/>
        <w:ind w:hanging="543"/>
        <w:jc w:val="left"/>
      </w:pPr>
      <w:r>
        <w:rPr>
          <w:b/>
          <w:sz w:val="32"/>
          <w:szCs w:val="32"/>
        </w:rPr>
        <w:t>G</w:t>
      </w:r>
      <w:r>
        <w:rPr>
          <w:b/>
          <w:sz w:val="26"/>
          <w:szCs w:val="26"/>
        </w:rPr>
        <w:t xml:space="preserve">ENERAL </w:t>
      </w:r>
      <w:r>
        <w:rPr>
          <w:b/>
          <w:sz w:val="32"/>
          <w:szCs w:val="32"/>
        </w:rPr>
        <w:t>A</w:t>
      </w:r>
      <w:r>
        <w:rPr>
          <w:b/>
          <w:sz w:val="26"/>
          <w:szCs w:val="26"/>
        </w:rPr>
        <w:t xml:space="preserve">DVANTAGES AND </w:t>
      </w:r>
      <w:r>
        <w:rPr>
          <w:b/>
          <w:sz w:val="32"/>
          <w:szCs w:val="32"/>
        </w:rPr>
        <w:t>D</w:t>
      </w:r>
      <w:r>
        <w:rPr>
          <w:b/>
          <w:sz w:val="26"/>
          <w:szCs w:val="26"/>
        </w:rPr>
        <w:t xml:space="preserve">ISADVANTAGES FOR </w:t>
      </w:r>
      <w:r>
        <w:rPr>
          <w:b/>
          <w:sz w:val="32"/>
          <w:szCs w:val="32"/>
        </w:rPr>
        <w:t>U</w:t>
      </w:r>
      <w:r>
        <w:rPr>
          <w:b/>
          <w:sz w:val="26"/>
          <w:szCs w:val="26"/>
        </w:rPr>
        <w:t>TILIZING</w:t>
      </w:r>
      <w:r>
        <w:rPr>
          <w:b/>
          <w:sz w:val="32"/>
          <w:szCs w:val="32"/>
        </w:rPr>
        <w:t xml:space="preserve"> </w:t>
      </w:r>
    </w:p>
    <w:p w14:paraId="6A148EAC" w14:textId="77777777" w:rsidR="00CF54CB" w:rsidRDefault="00344004">
      <w:pPr>
        <w:tabs>
          <w:tab w:val="center" w:pos="4502"/>
          <w:tab w:val="center" w:pos="10171"/>
        </w:tabs>
        <w:spacing w:after="0" w:line="259" w:lineRule="auto"/>
        <w:ind w:left="0" w:firstLine="0"/>
        <w:jc w:val="left"/>
      </w:pPr>
      <w:r>
        <w:rPr>
          <w:b/>
          <w:sz w:val="32"/>
          <w:szCs w:val="32"/>
          <w:u w:val="single"/>
        </w:rPr>
        <w:t xml:space="preserve"> </w:t>
      </w:r>
      <w:r>
        <w:rPr>
          <w:b/>
          <w:sz w:val="32"/>
          <w:szCs w:val="32"/>
          <w:u w:val="single"/>
        </w:rPr>
        <w:tab/>
        <w:t>A</w:t>
      </w:r>
      <w:r>
        <w:rPr>
          <w:b/>
          <w:sz w:val="26"/>
          <w:szCs w:val="26"/>
          <w:u w:val="single"/>
        </w:rPr>
        <w:t xml:space="preserve">LTERNATIVE </w:t>
      </w:r>
      <w:r>
        <w:rPr>
          <w:b/>
          <w:sz w:val="32"/>
          <w:szCs w:val="32"/>
          <w:u w:val="single"/>
        </w:rPr>
        <w:t>M</w:t>
      </w:r>
      <w:r>
        <w:rPr>
          <w:b/>
          <w:sz w:val="26"/>
          <w:szCs w:val="26"/>
          <w:u w:val="single"/>
        </w:rPr>
        <w:t xml:space="preserve">ECHANISMS FOR </w:t>
      </w:r>
      <w:r>
        <w:rPr>
          <w:b/>
          <w:sz w:val="32"/>
          <w:szCs w:val="32"/>
          <w:u w:val="single"/>
        </w:rPr>
        <w:t>T</w:t>
      </w:r>
      <w:r>
        <w:rPr>
          <w:b/>
          <w:sz w:val="26"/>
          <w:szCs w:val="26"/>
          <w:u w:val="single"/>
        </w:rPr>
        <w:t xml:space="preserve">ROUBLED </w:t>
      </w:r>
      <w:r>
        <w:rPr>
          <w:b/>
          <w:sz w:val="32"/>
          <w:szCs w:val="32"/>
          <w:u w:val="single"/>
        </w:rPr>
        <w:t>C</w:t>
      </w:r>
      <w:r>
        <w:rPr>
          <w:b/>
          <w:sz w:val="26"/>
          <w:szCs w:val="26"/>
          <w:u w:val="single"/>
        </w:rPr>
        <w:t xml:space="preserve">OMPANIES </w:t>
      </w:r>
      <w:r>
        <w:rPr>
          <w:b/>
          <w:sz w:val="26"/>
          <w:szCs w:val="26"/>
          <w:u w:val="single"/>
        </w:rPr>
        <w:tab/>
      </w:r>
      <w:r>
        <w:rPr>
          <w:b/>
          <w:sz w:val="32"/>
          <w:szCs w:val="32"/>
        </w:rPr>
        <w:t xml:space="preserve"> </w:t>
      </w:r>
    </w:p>
    <w:p w14:paraId="31B25798" w14:textId="77777777" w:rsidR="00CF54CB" w:rsidRDefault="00344004">
      <w:pPr>
        <w:spacing w:after="190" w:line="259" w:lineRule="auto"/>
        <w:ind w:left="91" w:firstLine="0"/>
        <w:jc w:val="left"/>
      </w:pPr>
      <w:r>
        <w:rPr>
          <w:b/>
          <w:sz w:val="18"/>
          <w:szCs w:val="18"/>
        </w:rPr>
        <w:t xml:space="preserve"> </w:t>
      </w:r>
    </w:p>
    <w:p w14:paraId="21D72668" w14:textId="77777777" w:rsidR="00CF54CB" w:rsidRDefault="00344004">
      <w:pPr>
        <w:numPr>
          <w:ilvl w:val="1"/>
          <w:numId w:val="51"/>
        </w:numPr>
        <w:spacing w:after="0" w:line="259" w:lineRule="auto"/>
        <w:ind w:hanging="360"/>
        <w:jc w:val="left"/>
      </w:pPr>
      <w:r>
        <w:rPr>
          <w:b/>
          <w:sz w:val="28"/>
          <w:szCs w:val="28"/>
        </w:rPr>
        <w:t>A</w:t>
      </w:r>
      <w:r>
        <w:rPr>
          <w:b/>
          <w:sz w:val="22"/>
          <w:szCs w:val="22"/>
        </w:rPr>
        <w:t xml:space="preserve">DVANTAGES </w:t>
      </w:r>
    </w:p>
    <w:p w14:paraId="55E9227F" w14:textId="77777777" w:rsidR="00CF54CB" w:rsidRDefault="00344004">
      <w:pPr>
        <w:spacing w:after="0" w:line="259" w:lineRule="auto"/>
        <w:ind w:left="91" w:firstLine="0"/>
        <w:jc w:val="left"/>
      </w:pPr>
      <w:r>
        <w:rPr>
          <w:b/>
          <w:sz w:val="27"/>
          <w:szCs w:val="27"/>
        </w:rPr>
        <w:t xml:space="preserve"> </w:t>
      </w:r>
    </w:p>
    <w:p w14:paraId="6BDD3D3F" w14:textId="77777777" w:rsidR="00CF54CB" w:rsidRDefault="00344004">
      <w:pPr>
        <w:numPr>
          <w:ilvl w:val="2"/>
          <w:numId w:val="51"/>
        </w:numPr>
        <w:ind w:right="396" w:hanging="360"/>
      </w:pPr>
      <w:r>
        <w:t xml:space="preserve">Alternative mechanisms can be useful tools for a troubled insurer’s management and regulators, potentially leading to a quicker resolution than a traditional receivership. </w:t>
      </w:r>
    </w:p>
    <w:p w14:paraId="2183954C" w14:textId="77777777" w:rsidR="00CF54CB" w:rsidRDefault="00344004">
      <w:pPr>
        <w:numPr>
          <w:ilvl w:val="2"/>
          <w:numId w:val="51"/>
        </w:numPr>
        <w:ind w:right="396" w:hanging="360"/>
      </w:pPr>
      <w:r>
        <w:t xml:space="preserve">Alternative mechanisms typically allow for continuous claims payments, or at least orderly claims processing and partial claims payments without interruption. </w:t>
      </w:r>
    </w:p>
    <w:p w14:paraId="50033E61" w14:textId="77777777" w:rsidR="00CF54CB" w:rsidRDefault="00344004">
      <w:pPr>
        <w:numPr>
          <w:ilvl w:val="2"/>
          <w:numId w:val="51"/>
        </w:numPr>
        <w:ind w:right="396" w:hanging="360"/>
      </w:pPr>
      <w:r>
        <w:t xml:space="preserve">Alternative mechanisms can cost less than receiverships, thus resulting with maximum dollars paid out to policyholders/claimants. </w:t>
      </w:r>
    </w:p>
    <w:p w14:paraId="277CEACD" w14:textId="77777777" w:rsidR="00CF54CB" w:rsidRDefault="00344004">
      <w:pPr>
        <w:numPr>
          <w:ilvl w:val="2"/>
          <w:numId w:val="51"/>
        </w:numPr>
        <w:ind w:right="396" w:hanging="360"/>
      </w:pPr>
      <w:r>
        <w:lastRenderedPageBreak/>
        <w:t xml:space="preserve">Alternative mechanisms may allow greater flexibility to achieve commercially acceptable results, such as freeing up capital. </w:t>
      </w:r>
    </w:p>
    <w:p w14:paraId="7E4892F6" w14:textId="77777777" w:rsidR="00CF54CB" w:rsidRDefault="00344004">
      <w:pPr>
        <w:spacing w:after="59" w:line="259" w:lineRule="auto"/>
        <w:ind w:left="994" w:firstLine="0"/>
        <w:jc w:val="left"/>
      </w:pPr>
      <w:r>
        <w:rPr>
          <w:sz w:val="23"/>
          <w:szCs w:val="23"/>
        </w:rPr>
        <w:t xml:space="preserve"> </w:t>
      </w:r>
    </w:p>
    <w:p w14:paraId="413AD510" w14:textId="77777777" w:rsidR="00CF54CB" w:rsidRDefault="00344004">
      <w:pPr>
        <w:numPr>
          <w:ilvl w:val="1"/>
          <w:numId w:val="51"/>
        </w:numPr>
        <w:spacing w:after="0" w:line="259" w:lineRule="auto"/>
        <w:ind w:hanging="360"/>
        <w:jc w:val="left"/>
      </w:pPr>
      <w:r>
        <w:rPr>
          <w:b/>
          <w:sz w:val="28"/>
          <w:szCs w:val="28"/>
        </w:rPr>
        <w:t>D</w:t>
      </w:r>
      <w:r>
        <w:rPr>
          <w:b/>
          <w:sz w:val="22"/>
          <w:szCs w:val="22"/>
        </w:rPr>
        <w:t xml:space="preserve">ISADVANTAGES </w:t>
      </w:r>
    </w:p>
    <w:p w14:paraId="090C9DA8" w14:textId="77777777" w:rsidR="00CF54CB" w:rsidRDefault="00344004">
      <w:pPr>
        <w:spacing w:after="0" w:line="259" w:lineRule="auto"/>
        <w:ind w:left="91" w:firstLine="0"/>
        <w:jc w:val="left"/>
      </w:pPr>
      <w:r>
        <w:rPr>
          <w:b/>
          <w:sz w:val="27"/>
          <w:szCs w:val="27"/>
        </w:rPr>
        <w:t xml:space="preserve"> </w:t>
      </w:r>
    </w:p>
    <w:p w14:paraId="4408FD83" w14:textId="77777777" w:rsidR="00CF54CB" w:rsidRDefault="00344004">
      <w:pPr>
        <w:numPr>
          <w:ilvl w:val="2"/>
          <w:numId w:val="51"/>
        </w:numPr>
        <w:spacing w:after="25" w:line="242" w:lineRule="auto"/>
        <w:ind w:right="396" w:hanging="360"/>
      </w:pPr>
      <w:r>
        <w:t xml:space="preserve">The inherent risk for consumer and claimant issues increases, requiring stronger regulatory monitoring and controls for protection. For some alternative mechanisms, there is no guarantee that appropriate fairness will take place. </w:t>
      </w:r>
    </w:p>
    <w:p w14:paraId="27F26F5F" w14:textId="77777777" w:rsidR="00CF54CB" w:rsidRDefault="00344004">
      <w:pPr>
        <w:numPr>
          <w:ilvl w:val="2"/>
          <w:numId w:val="51"/>
        </w:numPr>
        <w:ind w:right="396" w:hanging="360"/>
      </w:pPr>
      <w:r>
        <w:t xml:space="preserve">Alternative mechanisms for troubled insurers might become a tool for solvent carriers to transfer value away from policyholders. </w:t>
      </w:r>
    </w:p>
    <w:p w14:paraId="1AA74EC1" w14:textId="77777777" w:rsidR="00CF54CB" w:rsidRDefault="00344004">
      <w:pPr>
        <w:numPr>
          <w:ilvl w:val="2"/>
          <w:numId w:val="51"/>
        </w:numPr>
        <w:ind w:right="396" w:hanging="360"/>
      </w:pPr>
      <w:r>
        <w:t xml:space="preserve">As to reinsurance, restructuring might affect the value of the future reinsurance claim or offset rights, arbitration rights, and reinsurance collateral. </w:t>
      </w:r>
    </w:p>
    <w:p w14:paraId="1F850148" w14:textId="77777777" w:rsidR="00CF54CB" w:rsidRDefault="00344004">
      <w:pPr>
        <w:numPr>
          <w:ilvl w:val="2"/>
          <w:numId w:val="51"/>
        </w:numPr>
        <w:ind w:right="396" w:hanging="360"/>
      </w:pPr>
      <w:r>
        <w:t xml:space="preserve">The cost of efficiency or company enticements may come at the expense of policyholders or insureds. </w:t>
      </w:r>
    </w:p>
    <w:p w14:paraId="4C8EDF5A" w14:textId="77777777" w:rsidR="00CF54CB" w:rsidRDefault="00344004">
      <w:pPr>
        <w:numPr>
          <w:ilvl w:val="2"/>
          <w:numId w:val="51"/>
        </w:numPr>
        <w:ind w:right="396" w:hanging="360"/>
      </w:pPr>
      <w:r>
        <w:t xml:space="preserve">Difficult decisions arise with a troubled insurer that is not clearly solvent or insolvent, and significant ramifications could follow with certain choices. </w:t>
      </w:r>
    </w:p>
    <w:p w14:paraId="201B6261" w14:textId="77777777" w:rsidR="00CF54CB" w:rsidRDefault="00344004">
      <w:pPr>
        <w:numPr>
          <w:ilvl w:val="2"/>
          <w:numId w:val="51"/>
        </w:numPr>
        <w:spacing w:after="25" w:line="242" w:lineRule="auto"/>
        <w:ind w:right="396" w:hanging="360"/>
      </w:pPr>
      <w:r>
        <w:t xml:space="preserve">Companies may seek to continue run-off or restructuring activities even after it becomes clear that the company is hopelessly insolvent, resulting in preferential payments made at the expense of outstanding claims. </w:t>
      </w:r>
    </w:p>
    <w:p w14:paraId="5599DF2E" w14:textId="77777777" w:rsidR="00CF54CB" w:rsidRDefault="00344004">
      <w:pPr>
        <w:numPr>
          <w:ilvl w:val="2"/>
          <w:numId w:val="51"/>
        </w:numPr>
        <w:ind w:right="396" w:hanging="360"/>
      </w:pPr>
      <w:r>
        <w:t xml:space="preserve">Compensation incentives may restrict future claims-paying ability. </w:t>
      </w:r>
    </w:p>
    <w:p w14:paraId="0B13CD8B" w14:textId="77777777" w:rsidR="00CF54CB" w:rsidRDefault="00344004">
      <w:pPr>
        <w:numPr>
          <w:ilvl w:val="2"/>
          <w:numId w:val="51"/>
        </w:numPr>
        <w:spacing w:after="20" w:line="242" w:lineRule="auto"/>
        <w:ind w:right="396" w:hanging="360"/>
      </w:pPr>
      <w:r>
        <w:t xml:space="preserve">Voluntary restructuring schemes may deny policyholders and consumers the substantive and procedural safeguards otherwise available for their protection in court-supervised receivership proceedings. </w:t>
      </w:r>
    </w:p>
    <w:p w14:paraId="11C0FB35" w14:textId="77777777" w:rsidR="00CF54CB" w:rsidRDefault="00344004">
      <w:pPr>
        <w:numPr>
          <w:ilvl w:val="2"/>
          <w:numId w:val="51"/>
        </w:numPr>
        <w:ind w:right="396" w:hanging="360"/>
      </w:pPr>
      <w:r>
        <w:t xml:space="preserve">Run-off and restructuring schemes may be used to circumvent state priority and preference rules in order to discount claims at the expense of policyholders and other claimants. They may also be used to circumvent other consumer protection laws, including state receivership and guaranty association laws as well as commutation and assumption transfer laws. </w:t>
      </w:r>
    </w:p>
    <w:p w14:paraId="3371CC17" w14:textId="77777777" w:rsidR="00CF54CB" w:rsidRDefault="00344004">
      <w:pPr>
        <w:numPr>
          <w:ilvl w:val="2"/>
          <w:numId w:val="51"/>
        </w:numPr>
        <w:ind w:right="396" w:hanging="360"/>
      </w:pPr>
      <w:r>
        <w:t xml:space="preserve">May allow the company to terminate coverage and extinguish liabilities over the objections of policyholders and other creditors by majority cram-down vote. </w:t>
      </w:r>
    </w:p>
    <w:p w14:paraId="2FAF4BCC" w14:textId="77777777" w:rsidR="00CF54CB" w:rsidRDefault="00344004">
      <w:pPr>
        <w:numPr>
          <w:ilvl w:val="2"/>
          <w:numId w:val="51"/>
        </w:numPr>
        <w:spacing w:after="0" w:line="242" w:lineRule="auto"/>
        <w:ind w:right="396" w:hanging="360"/>
      </w:pPr>
      <w:r>
        <w:t xml:space="preserve">Run-offs and restructuring schemes may result in substantially reduced payments to policyholders. State receivership laws typically require a showing that a rehabilitation plan is fair and equitable, complies with priority rules, and provides no less favorable treatment of claims than would occur in liquidation. Run-offs and alternative mechanisms, such as </w:t>
      </w:r>
    </w:p>
    <w:p w14:paraId="72FBA8D9" w14:textId="77777777" w:rsidR="00CF54CB" w:rsidRDefault="00344004">
      <w:pPr>
        <w:spacing w:after="20" w:line="242" w:lineRule="auto"/>
        <w:ind w:left="1354" w:right="349" w:firstLine="0"/>
        <w:jc w:val="left"/>
      </w:pPr>
      <w:r>
        <w:t xml:space="preserve">those addressed herein, may have the ability to sidestep these equitable standards and permit broad discretion in discounting claim values. In fact, the success of a plan may be dependent on the ability to impose deep discounts on claims, and there may be no rules or mandatory standards in place to protect policyholders or claimants. </w:t>
      </w:r>
    </w:p>
    <w:p w14:paraId="3B898192" w14:textId="77777777" w:rsidR="00CF54CB" w:rsidRDefault="00344004">
      <w:pPr>
        <w:numPr>
          <w:ilvl w:val="2"/>
          <w:numId w:val="51"/>
        </w:numPr>
        <w:ind w:right="396" w:hanging="360"/>
      </w:pPr>
      <w:r>
        <w:t xml:space="preserve">There is a risk that similarly situated creditors will be treated differently or that they will receive payments that are less than they would receive in an insolvency proceeding. </w:t>
      </w:r>
    </w:p>
    <w:p w14:paraId="253C97E1" w14:textId="77777777" w:rsidR="00CF54CB" w:rsidRDefault="00344004">
      <w:pPr>
        <w:numPr>
          <w:ilvl w:val="2"/>
          <w:numId w:val="51"/>
        </w:numPr>
        <w:spacing w:after="20" w:line="242" w:lineRule="auto"/>
        <w:ind w:right="396" w:hanging="360"/>
      </w:pPr>
      <w:r>
        <w:t xml:space="preserve">Alternative mechanisms adopted in any given state may not be enforceable across state lines, leaving the company at risk of further exposure, litigation, and ongoing collection activity that may disrupt efforts to implement a restructuring plan. </w:t>
      </w:r>
    </w:p>
    <w:p w14:paraId="209B646A" w14:textId="77777777" w:rsidR="00CF54CB" w:rsidRDefault="00344004">
      <w:pPr>
        <w:numPr>
          <w:ilvl w:val="2"/>
          <w:numId w:val="51"/>
        </w:numPr>
        <w:spacing w:after="20" w:line="242" w:lineRule="auto"/>
        <w:ind w:right="396" w:hanging="360"/>
      </w:pPr>
      <w:r>
        <w:t xml:space="preserve">Alternative mechanisms are not appropriate for compromising the claims of consumer policyholders due to lack of sophistication and the existence of extensive consumer protections built into insolvency laws. </w:t>
      </w:r>
    </w:p>
    <w:p w14:paraId="0467E98A" w14:textId="77777777" w:rsidR="00CF54CB" w:rsidRDefault="00344004">
      <w:pPr>
        <w:numPr>
          <w:ilvl w:val="2"/>
          <w:numId w:val="51"/>
        </w:numPr>
        <w:ind w:right="396" w:hanging="360"/>
      </w:pPr>
      <w:r>
        <w:lastRenderedPageBreak/>
        <w:t xml:space="preserve">In the absence of strong regulatory involvement, there is a risk that policyholders and creditors will not receive adequate or accurate information on which to base their decisions. </w:t>
      </w:r>
    </w:p>
    <w:p w14:paraId="2176FAFF" w14:textId="77777777" w:rsidR="00CF54CB" w:rsidRDefault="00344004">
      <w:pPr>
        <w:numPr>
          <w:ilvl w:val="2"/>
          <w:numId w:val="51"/>
        </w:numPr>
        <w:ind w:right="396" w:hanging="360"/>
      </w:pPr>
      <w:r>
        <w:t xml:space="preserve">The interests of management may not be the same as the interests of policyholders and creditors. </w:t>
      </w:r>
    </w:p>
    <w:p w14:paraId="6C87D463" w14:textId="77777777" w:rsidR="00CF54CB" w:rsidRDefault="00344004">
      <w:pPr>
        <w:spacing w:after="0" w:line="259" w:lineRule="auto"/>
        <w:ind w:left="91" w:firstLine="0"/>
        <w:jc w:val="left"/>
      </w:pPr>
      <w:r>
        <w:t xml:space="preserve"> </w:t>
      </w:r>
    </w:p>
    <w:p w14:paraId="31EBCC4E" w14:textId="77777777" w:rsidR="00CF54CB" w:rsidRDefault="00344004">
      <w:pPr>
        <w:spacing w:after="0" w:line="259" w:lineRule="auto"/>
        <w:ind w:left="91" w:firstLine="0"/>
        <w:jc w:val="left"/>
      </w:pPr>
      <w:r>
        <w:t xml:space="preserve"> </w:t>
      </w:r>
      <w:r>
        <w:br w:type="page"/>
      </w:r>
    </w:p>
    <w:p w14:paraId="3E09AD5E" w14:textId="77777777" w:rsidR="00CF54CB" w:rsidRDefault="00344004" w:rsidP="00B078CA">
      <w:pPr>
        <w:pStyle w:val="Heading1"/>
      </w:pPr>
      <w:r>
        <w:rPr>
          <w:sz w:val="32"/>
          <w:szCs w:val="32"/>
        </w:rPr>
        <w:lastRenderedPageBreak/>
        <w:t>III. T</w:t>
      </w:r>
      <w:r>
        <w:t xml:space="preserve">YPES OF </w:t>
      </w:r>
      <w:r>
        <w:rPr>
          <w:sz w:val="32"/>
          <w:szCs w:val="32"/>
        </w:rPr>
        <w:t>A</w:t>
      </w:r>
      <w:r>
        <w:t xml:space="preserve">LTERNATIVE </w:t>
      </w:r>
      <w:r>
        <w:rPr>
          <w:sz w:val="32"/>
          <w:szCs w:val="32"/>
        </w:rPr>
        <w:t>M</w:t>
      </w:r>
      <w:r>
        <w:t xml:space="preserve">ECHANISMS FOR </w:t>
      </w:r>
      <w:r>
        <w:rPr>
          <w:sz w:val="32"/>
          <w:szCs w:val="32"/>
        </w:rPr>
        <w:t>T</w:t>
      </w:r>
      <w:r>
        <w:t xml:space="preserve">ROUBLED </w:t>
      </w:r>
      <w:r>
        <w:rPr>
          <w:sz w:val="32"/>
          <w:szCs w:val="32"/>
        </w:rPr>
        <w:t>C</w:t>
      </w:r>
      <w:r>
        <w:t xml:space="preserve">OMPANIES </w:t>
      </w:r>
      <w:r>
        <w:rPr>
          <w:sz w:val="32"/>
          <w:szCs w:val="32"/>
        </w:rPr>
        <w:t xml:space="preserve"> </w:t>
      </w:r>
    </w:p>
    <w:p w14:paraId="144CD19B" w14:textId="77777777" w:rsidR="00CF54CB" w:rsidRDefault="00344004">
      <w:pPr>
        <w:spacing w:after="182" w:line="259" w:lineRule="auto"/>
        <w:ind w:left="91" w:firstLine="0"/>
        <w:jc w:val="left"/>
      </w:pPr>
      <w:r>
        <w:rPr>
          <w:b/>
          <w:sz w:val="19"/>
          <w:szCs w:val="19"/>
        </w:rPr>
        <w:t xml:space="preserve"> </w:t>
      </w:r>
    </w:p>
    <w:p w14:paraId="6211F4B5" w14:textId="77777777" w:rsidR="00CF54CB" w:rsidRDefault="00344004">
      <w:pPr>
        <w:pStyle w:val="Heading3"/>
        <w:ind w:left="86" w:firstLine="91"/>
      </w:pPr>
      <w:r>
        <w:rPr>
          <w:sz w:val="28"/>
          <w:szCs w:val="28"/>
        </w:rPr>
        <w:t>M</w:t>
      </w:r>
      <w:r>
        <w:t xml:space="preserve">ECHANISMS </w:t>
      </w:r>
      <w:r>
        <w:rPr>
          <w:sz w:val="28"/>
          <w:szCs w:val="28"/>
        </w:rPr>
        <w:t>A</w:t>
      </w:r>
      <w:r>
        <w:t xml:space="preserve">VAILABLE TO </w:t>
      </w:r>
      <w:r>
        <w:rPr>
          <w:sz w:val="28"/>
          <w:szCs w:val="28"/>
        </w:rPr>
        <w:t>I</w:t>
      </w:r>
      <w:r>
        <w:t xml:space="preserve">NSURERS </w:t>
      </w:r>
      <w:r>
        <w:rPr>
          <w:sz w:val="28"/>
          <w:szCs w:val="28"/>
        </w:rPr>
        <w:t>W</w:t>
      </w:r>
      <w:r>
        <w:t xml:space="preserve">ITHIN THE </w:t>
      </w:r>
      <w:r>
        <w:rPr>
          <w:sz w:val="28"/>
          <w:szCs w:val="28"/>
        </w:rPr>
        <w:t>U</w:t>
      </w:r>
      <w:r>
        <w:t xml:space="preserve">NITED </w:t>
      </w:r>
      <w:r>
        <w:rPr>
          <w:sz w:val="28"/>
          <w:szCs w:val="28"/>
        </w:rPr>
        <w:t>S</w:t>
      </w:r>
      <w:r>
        <w:t xml:space="preserve">TATES AND </w:t>
      </w:r>
      <w:r>
        <w:rPr>
          <w:sz w:val="28"/>
          <w:szCs w:val="28"/>
        </w:rPr>
        <w:t>R</w:t>
      </w:r>
      <w:r>
        <w:t>ELATED</w:t>
      </w:r>
      <w:r>
        <w:rPr>
          <w:sz w:val="28"/>
          <w:szCs w:val="28"/>
          <w:u w:val="none"/>
        </w:rPr>
        <w:t xml:space="preserve"> </w:t>
      </w:r>
      <w:r>
        <w:rPr>
          <w:sz w:val="28"/>
          <w:szCs w:val="28"/>
        </w:rPr>
        <w:t>T</w:t>
      </w:r>
      <w:r>
        <w:t>ERRITORIES</w:t>
      </w:r>
      <w:r>
        <w:rPr>
          <w:sz w:val="28"/>
          <w:szCs w:val="28"/>
          <w:u w:val="none"/>
        </w:rPr>
        <w:t xml:space="preserve"> </w:t>
      </w:r>
    </w:p>
    <w:p w14:paraId="65E5B5F1" w14:textId="77777777" w:rsidR="00CF54CB" w:rsidRDefault="00344004">
      <w:pPr>
        <w:spacing w:after="170" w:line="259" w:lineRule="auto"/>
        <w:ind w:left="91" w:firstLine="0"/>
        <w:jc w:val="left"/>
      </w:pPr>
      <w:r>
        <w:rPr>
          <w:b/>
          <w:i/>
          <w:sz w:val="20"/>
          <w:szCs w:val="20"/>
        </w:rPr>
        <w:t xml:space="preserve"> </w:t>
      </w:r>
    </w:p>
    <w:p w14:paraId="3881D7DC" w14:textId="77777777" w:rsidR="00CF54CB" w:rsidRDefault="00344004">
      <w:pPr>
        <w:spacing w:after="0" w:line="259" w:lineRule="auto"/>
        <w:ind w:left="1181" w:hanging="10"/>
        <w:jc w:val="left"/>
      </w:pPr>
      <w:r>
        <w:rPr>
          <w:b/>
          <w:sz w:val="22"/>
          <w:szCs w:val="22"/>
        </w:rPr>
        <w:t>A.</w:t>
      </w:r>
      <w:r>
        <w:rPr>
          <w:rFonts w:ascii="Arial" w:eastAsia="Arial" w:hAnsi="Arial" w:cs="Arial"/>
          <w:b/>
          <w:sz w:val="22"/>
          <w:szCs w:val="22"/>
        </w:rPr>
        <w:t xml:space="preserve"> </w:t>
      </w:r>
      <w:r>
        <w:rPr>
          <w:b/>
          <w:sz w:val="28"/>
          <w:szCs w:val="28"/>
        </w:rPr>
        <w:t>R</w:t>
      </w:r>
      <w:r>
        <w:rPr>
          <w:b/>
          <w:sz w:val="22"/>
          <w:szCs w:val="22"/>
        </w:rPr>
        <w:t>UN</w:t>
      </w:r>
      <w:r>
        <w:rPr>
          <w:b/>
          <w:sz w:val="28"/>
          <w:szCs w:val="28"/>
        </w:rPr>
        <w:t>-</w:t>
      </w:r>
      <w:r>
        <w:rPr>
          <w:b/>
          <w:sz w:val="22"/>
          <w:szCs w:val="22"/>
        </w:rPr>
        <w:t xml:space="preserve">OFF OF </w:t>
      </w:r>
      <w:r>
        <w:rPr>
          <w:b/>
          <w:sz w:val="28"/>
          <w:szCs w:val="28"/>
        </w:rPr>
        <w:t>T</w:t>
      </w:r>
      <w:r>
        <w:rPr>
          <w:b/>
          <w:sz w:val="22"/>
          <w:szCs w:val="22"/>
        </w:rPr>
        <w:t xml:space="preserve">ROUBLED </w:t>
      </w:r>
      <w:r>
        <w:rPr>
          <w:b/>
          <w:sz w:val="28"/>
          <w:szCs w:val="28"/>
        </w:rPr>
        <w:t>I</w:t>
      </w:r>
      <w:r>
        <w:rPr>
          <w:b/>
          <w:sz w:val="22"/>
          <w:szCs w:val="22"/>
        </w:rPr>
        <w:t xml:space="preserve">NSURER </w:t>
      </w:r>
    </w:p>
    <w:p w14:paraId="6842EFAE" w14:textId="77777777" w:rsidR="00CF54CB" w:rsidRDefault="00344004">
      <w:pPr>
        <w:spacing w:after="16" w:line="259" w:lineRule="auto"/>
        <w:ind w:left="91" w:firstLine="0"/>
        <w:jc w:val="left"/>
      </w:pPr>
      <w:r>
        <w:rPr>
          <w:b/>
          <w:sz w:val="23"/>
          <w:szCs w:val="23"/>
        </w:rPr>
        <w:t xml:space="preserve"> </w:t>
      </w:r>
    </w:p>
    <w:p w14:paraId="6AF1E177" w14:textId="77777777" w:rsidR="00CF54CB" w:rsidRDefault="00344004">
      <w:pPr>
        <w:spacing w:after="4" w:line="265" w:lineRule="auto"/>
        <w:ind w:left="1541" w:right="56" w:hanging="10"/>
        <w:jc w:val="left"/>
      </w:pPr>
      <w:r>
        <w:rPr>
          <w:b/>
        </w:rPr>
        <w:t>1.</w:t>
      </w:r>
      <w:r>
        <w:rPr>
          <w:rFonts w:ascii="Arial" w:eastAsia="Arial" w:hAnsi="Arial" w:cs="Arial"/>
          <w:b/>
        </w:rPr>
        <w:t xml:space="preserve"> </w:t>
      </w:r>
      <w:r>
        <w:rPr>
          <w:b/>
        </w:rPr>
        <w:t>D</w:t>
      </w:r>
      <w:r>
        <w:rPr>
          <w:b/>
          <w:sz w:val="19"/>
          <w:szCs w:val="19"/>
        </w:rPr>
        <w:t xml:space="preserve">ESCRIPTION </w:t>
      </w:r>
    </w:p>
    <w:p w14:paraId="5C638AB7" w14:textId="77777777" w:rsidR="00CF54CB" w:rsidRDefault="00344004">
      <w:pPr>
        <w:spacing w:after="0" w:line="259" w:lineRule="auto"/>
        <w:ind w:left="91" w:firstLine="0"/>
        <w:jc w:val="left"/>
      </w:pPr>
      <w:r>
        <w:rPr>
          <w:b/>
          <w:sz w:val="23"/>
          <w:szCs w:val="23"/>
        </w:rPr>
        <w:t xml:space="preserve"> </w:t>
      </w:r>
    </w:p>
    <w:p w14:paraId="71CD6B50" w14:textId="77777777" w:rsidR="00CF54CB" w:rsidRDefault="00344004">
      <w:pPr>
        <w:ind w:left="105" w:right="396" w:firstLine="6"/>
      </w:pPr>
      <w:r>
        <w:t xml:space="preserve">A troubled company run-off is usually a voluntary course of action where the insurer ceases writing new business on all lines of business, but continues collecting premiums and paying claims as they come due on existing business. Due to state cancellation laws, the insurer may be required to renew business, which can be particularly challenging for insurers running-off personal lines risks. The insurer may seek to runoff business in the traditional sense—paying claims in full in the ordinary course of business—or management of the insurer might seek to end or limit their exposure on insurance business before policy terms expire by utilizing reinsurance, assumption transfers, negotiated settlements, and/or voluntary policy commutations. These transactions should not have a negative impact on policyholders, as close regulatory monitoring is normally maintained throughout the process. The goal is to completely close operations while remaining solvent. </w:t>
      </w:r>
    </w:p>
    <w:p w14:paraId="709ADE49" w14:textId="77777777" w:rsidR="00CF54CB" w:rsidRDefault="00344004">
      <w:pPr>
        <w:spacing w:after="0" w:line="259" w:lineRule="auto"/>
        <w:ind w:left="91" w:firstLine="0"/>
        <w:jc w:val="left"/>
      </w:pPr>
      <w:r>
        <w:t xml:space="preserve"> </w:t>
      </w:r>
    </w:p>
    <w:p w14:paraId="004E8B0A" w14:textId="77777777" w:rsidR="00CF54CB" w:rsidRDefault="00344004">
      <w:pPr>
        <w:ind w:left="105" w:right="396" w:firstLine="6"/>
      </w:pPr>
      <w:r>
        <w:t xml:space="preserve">In order to succeed in run-off, assets and income must be maintained at sufficient levels to cover the remaining claims and administrative costs of handling those claims. However, solvent run-offs may have little revenue other than investment income, and run-offs may develop into insolvencies that could require receivership proceedings—for example, if the insurer is unable to collect reinsurance, makes errors in estimating recoverable assets, experiences a decline in asset values and investment income, and/or encounters other cash flow issues at any point in the process. </w:t>
      </w:r>
    </w:p>
    <w:p w14:paraId="60389D21" w14:textId="77777777" w:rsidR="00CF54CB" w:rsidRDefault="00344004">
      <w:pPr>
        <w:spacing w:after="0" w:line="259" w:lineRule="auto"/>
        <w:ind w:left="91" w:firstLine="0"/>
        <w:jc w:val="left"/>
      </w:pPr>
      <w:r>
        <w:rPr>
          <w:sz w:val="23"/>
          <w:szCs w:val="23"/>
        </w:rPr>
        <w:t xml:space="preserve"> </w:t>
      </w:r>
    </w:p>
    <w:p w14:paraId="76F0D20E" w14:textId="77777777" w:rsidR="00CF54CB" w:rsidRDefault="00344004">
      <w:pPr>
        <w:ind w:left="105" w:right="396" w:firstLine="6"/>
      </w:pPr>
      <w:r>
        <w:t xml:space="preserve">Although run-off mechanisms can generally be applied to property/casualty, life, health, title, or fraternal insurers, it is of general consensus that personal lines should not be included in any commutation plan incorporated as a component of any run-off plan. </w:t>
      </w:r>
    </w:p>
    <w:p w14:paraId="0FB74DDD" w14:textId="77777777" w:rsidR="00CF54CB" w:rsidRDefault="00344004">
      <w:pPr>
        <w:spacing w:after="12" w:line="259" w:lineRule="auto"/>
        <w:ind w:left="91" w:firstLine="0"/>
        <w:jc w:val="left"/>
      </w:pPr>
      <w:r>
        <w:t xml:space="preserve"> </w:t>
      </w:r>
    </w:p>
    <w:p w14:paraId="0632C49F" w14:textId="77777777" w:rsidR="00CF54CB" w:rsidRDefault="00344004">
      <w:pPr>
        <w:spacing w:after="3" w:line="266" w:lineRule="auto"/>
        <w:ind w:left="1181" w:right="699" w:hanging="10"/>
        <w:jc w:val="left"/>
      </w:pPr>
      <w:r>
        <w:t>a.</w:t>
      </w:r>
      <w:r>
        <w:rPr>
          <w:rFonts w:ascii="Arial" w:eastAsia="Arial" w:hAnsi="Arial" w:cs="Arial"/>
        </w:rPr>
        <w:t xml:space="preserve"> </w:t>
      </w:r>
      <w:r>
        <w:t>S</w:t>
      </w:r>
      <w:r>
        <w:rPr>
          <w:sz w:val="19"/>
          <w:szCs w:val="19"/>
        </w:rPr>
        <w:t xml:space="preserve">TATUTORY </w:t>
      </w:r>
      <w:r>
        <w:t>B</w:t>
      </w:r>
      <w:r>
        <w:rPr>
          <w:sz w:val="19"/>
          <w:szCs w:val="19"/>
        </w:rPr>
        <w:t xml:space="preserve">ASIS </w:t>
      </w:r>
      <w:r>
        <w:t>F</w:t>
      </w:r>
      <w:r>
        <w:rPr>
          <w:sz w:val="19"/>
          <w:szCs w:val="19"/>
        </w:rPr>
        <w:t xml:space="preserve">OR </w:t>
      </w:r>
      <w:r>
        <w:t>S</w:t>
      </w:r>
      <w:r>
        <w:rPr>
          <w:sz w:val="19"/>
          <w:szCs w:val="19"/>
        </w:rPr>
        <w:t xml:space="preserve">UPERVISED </w:t>
      </w:r>
      <w:r>
        <w:t>R</w:t>
      </w:r>
      <w:r>
        <w:rPr>
          <w:sz w:val="19"/>
          <w:szCs w:val="19"/>
        </w:rPr>
        <w:t>UN</w:t>
      </w:r>
      <w:r>
        <w:t>-</w:t>
      </w:r>
      <w:r>
        <w:rPr>
          <w:sz w:val="19"/>
          <w:szCs w:val="19"/>
        </w:rPr>
        <w:t xml:space="preserve">OFF </w:t>
      </w:r>
      <w:r>
        <w:t>P</w:t>
      </w:r>
      <w:r>
        <w:rPr>
          <w:sz w:val="19"/>
          <w:szCs w:val="19"/>
        </w:rPr>
        <w:t xml:space="preserve">LANS </w:t>
      </w:r>
    </w:p>
    <w:p w14:paraId="64ADB71D" w14:textId="77777777" w:rsidR="00CF54CB" w:rsidRDefault="00344004">
      <w:pPr>
        <w:spacing w:after="0" w:line="259" w:lineRule="auto"/>
        <w:ind w:left="91" w:firstLine="0"/>
        <w:jc w:val="left"/>
      </w:pPr>
      <w:r>
        <w:t xml:space="preserve"> </w:t>
      </w:r>
    </w:p>
    <w:p w14:paraId="7756CBF1" w14:textId="77777777" w:rsidR="00CF54CB" w:rsidRDefault="00344004">
      <w:pPr>
        <w:ind w:left="105" w:right="396" w:firstLine="6"/>
      </w:pPr>
      <w:r>
        <w:t xml:space="preserve">Run-off of a troubled company may be subject to regulatory supervision under applicable state law. (See, e.g., NAIC Risk-Based Capital (RBC) For Insurers Model Act, Section 6.B(2).) Regulatory supervision of a troubled company run-off may be triggered in order to enhance the regulatory oversight and monitoring of the financial performance, consumer protections, and market conduct related to implementation of the run-off plan. Enhanced regulatory oversight may include increased financial and regulatory reporting requirements, regulatory approval of transactions and claim settlement practices, and on-site regulatory supervision. Supervision of the run-off plan is conducted in order to ensure that policyholders, consumers, and other creditors fare no worse under the run-off plan than in receivership. </w:t>
      </w:r>
    </w:p>
    <w:p w14:paraId="57DAD8C8" w14:textId="77777777" w:rsidR="00CF54CB" w:rsidRDefault="00344004">
      <w:pPr>
        <w:spacing w:after="0" w:line="259" w:lineRule="auto"/>
        <w:ind w:left="91" w:firstLine="0"/>
        <w:jc w:val="left"/>
      </w:pPr>
      <w:r>
        <w:t xml:space="preserve"> </w:t>
      </w:r>
    </w:p>
    <w:p w14:paraId="01BB50CB" w14:textId="77777777" w:rsidR="00CF54CB" w:rsidRDefault="00344004">
      <w:pPr>
        <w:ind w:left="105" w:right="396" w:firstLine="6"/>
      </w:pPr>
      <w:r>
        <w:lastRenderedPageBreak/>
        <w:t xml:space="preserve">For example, the Illinois Insurance Code, based on the NAIC Model Act, provides the Illinois Director of Insurance with a discretionary alternative mechanism for handling troubled property and casualty companies and health organizations whose RBC Reports indicate a mandatory control level event. Section 35A-30(c) of the Illinois Insurance Code, 215 ILCS 5/35A-30(c), provides: </w:t>
      </w:r>
    </w:p>
    <w:p w14:paraId="0A1730F3" w14:textId="77777777" w:rsidR="00CF54CB" w:rsidRDefault="00344004">
      <w:pPr>
        <w:ind w:left="1531" w:right="1842" w:firstLine="6"/>
      </w:pPr>
      <w:r>
        <w:t xml:space="preserve">In the case of a mandatory control level event with respect to a property and casualty insurer, the Director shall take the actions necessary to place the insurer in receivership under Article XIII or, </w:t>
      </w:r>
      <w:r>
        <w:rPr>
          <w:b/>
          <w:u w:val="single"/>
        </w:rPr>
        <w:t>in the case of an insurer</w:t>
      </w:r>
      <w:r>
        <w:rPr>
          <w:b/>
        </w:rPr>
        <w:t xml:space="preserve"> </w:t>
      </w:r>
      <w:r>
        <w:rPr>
          <w:b/>
          <w:u w:val="single"/>
        </w:rPr>
        <w:t>that</w:t>
      </w:r>
      <w:r>
        <w:rPr>
          <w:b/>
        </w:rPr>
        <w:t xml:space="preserve"> </w:t>
      </w:r>
      <w:r>
        <w:rPr>
          <w:b/>
          <w:u w:val="single"/>
        </w:rPr>
        <w:t>is writing no business and that is running-off its existing business, may</w:t>
      </w:r>
      <w:r>
        <w:rPr>
          <w:b/>
        </w:rPr>
        <w:t xml:space="preserve"> </w:t>
      </w:r>
      <w:r>
        <w:rPr>
          <w:b/>
          <w:u w:val="single"/>
        </w:rPr>
        <w:t>allow the insurer to continue its run-off under the supervision of</w:t>
      </w:r>
      <w:r>
        <w:rPr>
          <w:b/>
        </w:rPr>
        <w:t xml:space="preserve"> </w:t>
      </w:r>
      <w:r>
        <w:rPr>
          <w:b/>
          <w:u w:val="single"/>
        </w:rPr>
        <w:t>the</w:t>
      </w:r>
      <w:r>
        <w:rPr>
          <w:b/>
        </w:rPr>
        <w:t xml:space="preserve"> </w:t>
      </w:r>
      <w:r>
        <w:rPr>
          <w:b/>
          <w:u w:val="single"/>
        </w:rPr>
        <w:t>Director.</w:t>
      </w:r>
      <w:r>
        <w:rPr>
          <w:b/>
        </w:rPr>
        <w:t xml:space="preserve"> </w:t>
      </w:r>
      <w:r>
        <w:t xml:space="preserve">(Emphasis added) </w:t>
      </w:r>
    </w:p>
    <w:p w14:paraId="36BD8C68" w14:textId="77777777" w:rsidR="00CF54CB" w:rsidRDefault="00344004">
      <w:pPr>
        <w:spacing w:after="0" w:line="259" w:lineRule="auto"/>
        <w:ind w:left="91" w:firstLine="0"/>
        <w:jc w:val="left"/>
      </w:pPr>
      <w:r>
        <w:t xml:space="preserve"> </w:t>
      </w:r>
    </w:p>
    <w:p w14:paraId="20C0501C" w14:textId="77777777" w:rsidR="00CF54CB" w:rsidRDefault="00344004">
      <w:pPr>
        <w:ind w:left="105" w:right="396" w:firstLine="6"/>
      </w:pPr>
      <w:r>
        <w:t>A mandatory control level event is defined under the statute as an RBC Report that indicates that the insurer’s total adjusted capital is less than its mandatory control level RBC. Under this statutory mechanism, if there is a mandatory control level event at a company that has ceased writing new business and the company is engaged in a voluntary run-off, the Director has the discretion to either seek a receivership order or to allow the company to continue its run-off under the Director’s supervision.</w:t>
      </w:r>
      <w:r>
        <w:rPr>
          <w:rFonts w:ascii="ZWAdobeF" w:eastAsia="ZWAdobeF" w:hAnsi="ZWAdobeF" w:cs="ZWAdobeF"/>
          <w:sz w:val="2"/>
          <w:szCs w:val="2"/>
        </w:rPr>
        <w:t>45F</w:t>
      </w:r>
      <w:r>
        <w:rPr>
          <w:vertAlign w:val="superscript"/>
        </w:rPr>
        <w:footnoteReference w:id="51"/>
      </w:r>
      <w:r>
        <w:t xml:space="preserve"> In order to persuade the Director to exercise the supervised run-off option, the company must prepare and present a comprehensive run-off plan, including financial projections, that establishes that the plan is viable, that there is a high probability that the run-off can be conducted without putting policyholders at greater risk, and that all claim obligations will be satisfied. </w:t>
      </w:r>
    </w:p>
    <w:p w14:paraId="0CCE00AA" w14:textId="77777777" w:rsidR="00CF54CB" w:rsidRDefault="00344004">
      <w:pPr>
        <w:spacing w:after="0" w:line="259" w:lineRule="auto"/>
        <w:ind w:left="91" w:firstLine="0"/>
        <w:jc w:val="left"/>
      </w:pPr>
      <w:r>
        <w:t xml:space="preserve"> </w:t>
      </w:r>
    </w:p>
    <w:p w14:paraId="55FC3FF7" w14:textId="77777777" w:rsidR="00CF54CB" w:rsidRDefault="00344004">
      <w:pPr>
        <w:ind w:left="105" w:right="396" w:firstLine="6"/>
      </w:pPr>
      <w:r>
        <w:t xml:space="preserve">The specific content of the run-off plan may vary depending upon the nature of the business being run- off and the financial circumstances of the troubled company. (See a sample outline for a run-off plan at VII. </w:t>
      </w:r>
      <w:r>
        <w:rPr>
          <w:i/>
        </w:rPr>
        <w:t>Appendix C.</w:t>
      </w:r>
      <w:r>
        <w:t>) However, the primary goals of the plan should include and achieve consumer protection, satisfaction of all policyholder obligations, and the maintenance of positive surplus and sufficient liquidity. Typically, the components of such a plan would include substantial cost-cutting measures, commutations of reinsurance agreements, collection of outstanding premium, recovery of statutory deposits, policy buy-backs, novations, and claim settlements.</w:t>
      </w:r>
      <w:r>
        <w:rPr>
          <w:rFonts w:ascii="ZWAdobeF" w:eastAsia="ZWAdobeF" w:hAnsi="ZWAdobeF" w:cs="ZWAdobeF"/>
          <w:sz w:val="2"/>
          <w:szCs w:val="2"/>
        </w:rPr>
        <w:t>46F</w:t>
      </w:r>
      <w:r>
        <w:rPr>
          <w:vertAlign w:val="superscript"/>
        </w:rPr>
        <w:footnoteReference w:id="52"/>
      </w:r>
      <w:r>
        <w:t xml:space="preserve"> A key element of such a plan would be a discussion of the benefits to the policyholders of a run-off rather than a receivership, including the impact of any state guaranty fund or guaranty association coverage. </w:t>
      </w:r>
    </w:p>
    <w:p w14:paraId="492EC823" w14:textId="77777777" w:rsidR="00CF54CB" w:rsidRDefault="00344004">
      <w:pPr>
        <w:spacing w:after="0" w:line="259" w:lineRule="auto"/>
        <w:ind w:left="91" w:firstLine="0"/>
        <w:jc w:val="left"/>
      </w:pPr>
      <w:r>
        <w:rPr>
          <w:sz w:val="23"/>
          <w:szCs w:val="23"/>
        </w:rPr>
        <w:t xml:space="preserve"> </w:t>
      </w:r>
    </w:p>
    <w:p w14:paraId="22C0C5A7" w14:textId="77777777" w:rsidR="00CF54CB" w:rsidRDefault="00344004">
      <w:pPr>
        <w:ind w:left="105" w:right="396" w:firstLine="6"/>
      </w:pPr>
      <w:r>
        <w:t xml:space="preserve">The nature and scope of the Director’s supervision may be delineated in a comprehensive corrective order, which would include and reference such things as the run-off plan, periodic reporting requirements, onsite monitoring, procedures relating to the approval of transactions, claim settlement practices, and other related matters. The corrective order, which may be amended from time to time, would likely be confidential under state law. Because the company is involved in a supervised run-off, it may be appropriate to negotiate certain adjustments (e.g., discount reserves, allow prepaid expenses, remove schedule F penalty) to its statutory financial statements, but, as adjusted, the financial statements should </w:t>
      </w:r>
      <w:r>
        <w:lastRenderedPageBreak/>
        <w:t xml:space="preserve">still comply with Generally Accepted Accounting Principles. Any such adjustments should be based upon credible forecasts and other available information. </w:t>
      </w:r>
    </w:p>
    <w:p w14:paraId="586B5076" w14:textId="77777777" w:rsidR="00CF54CB" w:rsidRDefault="00344004">
      <w:pPr>
        <w:spacing w:after="55" w:line="259" w:lineRule="auto"/>
        <w:ind w:left="91" w:firstLine="0"/>
        <w:jc w:val="left"/>
      </w:pPr>
      <w:r>
        <w:t xml:space="preserve"> </w:t>
      </w:r>
    </w:p>
    <w:p w14:paraId="27FAB2EF" w14:textId="77777777" w:rsidR="00CF54CB" w:rsidRDefault="00344004">
      <w:pPr>
        <w:spacing w:after="564" w:line="259" w:lineRule="auto"/>
        <w:ind w:left="91" w:firstLine="0"/>
        <w:jc w:val="left"/>
      </w:pPr>
      <w:r>
        <w:rPr>
          <w:sz w:val="20"/>
          <w:szCs w:val="20"/>
        </w:rPr>
        <w:t xml:space="preserve"> </w:t>
      </w:r>
    </w:p>
    <w:p w14:paraId="57AF3C29" w14:textId="77777777" w:rsidR="00CF54CB" w:rsidRDefault="00344004">
      <w:pPr>
        <w:spacing w:after="0" w:line="259" w:lineRule="auto"/>
        <w:ind w:left="91" w:firstLine="0"/>
        <w:jc w:val="left"/>
      </w:pPr>
      <w:r>
        <w:rPr>
          <w:rFonts w:ascii="Calibri" w:eastAsia="Calibri" w:hAnsi="Calibri" w:cs="Calibri"/>
          <w:noProof/>
          <w:sz w:val="22"/>
          <w:szCs w:val="22"/>
        </w:rPr>
        <mc:AlternateContent>
          <mc:Choice Requires="wpg">
            <w:drawing>
              <wp:inline distT="0" distB="0" distL="0" distR="0" wp14:anchorId="3533BC44" wp14:editId="1CCA563F">
                <wp:extent cx="1828800" cy="9144"/>
                <wp:effectExtent l="0" t="0" r="0" b="0"/>
                <wp:docPr id="117651" name="Group 117651" descr="P849#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52" name="Group 117652"/>
                        <wpg:cNvGrpSpPr/>
                        <wpg:grpSpPr>
                          <a:xfrm>
                            <a:off x="4431600" y="3775428"/>
                            <a:ext cx="1828800" cy="9144"/>
                            <a:chOff x="0" y="0"/>
                            <a:chExt cx="1828800" cy="9144"/>
                          </a:xfrm>
                        </wpg:grpSpPr>
                        <wps:wsp>
                          <wps:cNvPr id="117653" name="Rectangle 117653"/>
                          <wps:cNvSpPr/>
                          <wps:spPr>
                            <a:xfrm>
                              <a:off x="0" y="0"/>
                              <a:ext cx="1828800" cy="9125"/>
                            </a:xfrm>
                            <a:prstGeom prst="rect">
                              <a:avLst/>
                            </a:prstGeom>
                            <a:noFill/>
                            <a:ln>
                              <a:noFill/>
                            </a:ln>
                          </wps:spPr>
                          <wps:txbx>
                            <w:txbxContent>
                              <w:p w14:paraId="77AE7101"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54" name="Freeform: Shape 117654"/>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3533BC44" id="Group 117651" o:spid="_x0000_s1284" alt="P849#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">
                <v:group id="Group 117652" o:spid="_x0000_s1285"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">
                  <v:rect id="Rectangle 117653" o:spid="_x0000_s1286"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" filled="f" stroked="f">
                    <v:textbox inset="2.53958mm,2.53958mm,2.53958mm,2.53958mm">
                      <w:txbxContent>
                        <w:p w14:paraId="77AE7101" w14:textId="77777777" w:rsidR="00CF54CB" w:rsidRDefault="00CF54CB">
                          <w:pPr>
                            <w:spacing w:after="0" w:line="240" w:lineRule="auto"/>
                            <w:ind w:left="0" w:firstLine="0"/>
                            <w:jc w:val="left"/>
                            <w:textDirection w:val="btLr"/>
                          </w:pPr>
                        </w:p>
                      </w:txbxContent>
                    </v:textbox>
                  </v:rect>
                  <v:shape id="Freeform: Shape 117654" o:spid="_x0000_s1287"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78A3D9B7" w14:textId="77777777" w:rsidR="00CF54CB" w:rsidRDefault="00344004">
      <w:pPr>
        <w:spacing w:after="4" w:line="265" w:lineRule="auto"/>
        <w:ind w:left="1166" w:right="56" w:hanging="10"/>
        <w:jc w:val="left"/>
      </w:pPr>
      <w:r>
        <w:rPr>
          <w:b/>
        </w:rPr>
        <w:t>2.</w:t>
      </w:r>
      <w:r>
        <w:rPr>
          <w:rFonts w:ascii="Arial" w:eastAsia="Arial" w:hAnsi="Arial" w:cs="Arial"/>
          <w:b/>
        </w:rPr>
        <w:t xml:space="preserve"> </w:t>
      </w:r>
      <w:r>
        <w:rPr>
          <w:b/>
        </w:rPr>
        <w:t>A</w:t>
      </w:r>
      <w:r>
        <w:rPr>
          <w:b/>
          <w:sz w:val="19"/>
          <w:szCs w:val="19"/>
        </w:rPr>
        <w:t>DVANTAGES</w:t>
      </w:r>
      <w:r>
        <w:rPr>
          <w:b/>
        </w:rPr>
        <w:t>/D</w:t>
      </w:r>
      <w:r>
        <w:rPr>
          <w:b/>
          <w:sz w:val="19"/>
          <w:szCs w:val="19"/>
        </w:rPr>
        <w:t xml:space="preserve">ISADVANTAGES </w:t>
      </w:r>
    </w:p>
    <w:p w14:paraId="40E4461B" w14:textId="77777777" w:rsidR="00CF54CB" w:rsidRDefault="00344004">
      <w:pPr>
        <w:spacing w:after="2" w:line="259" w:lineRule="auto"/>
        <w:ind w:left="91" w:firstLine="0"/>
        <w:jc w:val="left"/>
      </w:pPr>
      <w:r>
        <w:rPr>
          <w:b/>
        </w:rPr>
        <w:t xml:space="preserve"> </w:t>
      </w:r>
    </w:p>
    <w:p w14:paraId="106240C5" w14:textId="77777777" w:rsidR="00CF54CB" w:rsidRDefault="00344004">
      <w:pPr>
        <w:spacing w:after="4" w:line="265" w:lineRule="auto"/>
        <w:ind w:left="821" w:right="56" w:hanging="10"/>
        <w:jc w:val="left"/>
      </w:pPr>
      <w:r>
        <w:rPr>
          <w:b/>
        </w:rPr>
        <w:t>A</w:t>
      </w:r>
      <w:r>
        <w:rPr>
          <w:b/>
          <w:sz w:val="19"/>
          <w:szCs w:val="19"/>
        </w:rPr>
        <w:t xml:space="preserve">DVANTAGES </w:t>
      </w:r>
    </w:p>
    <w:p w14:paraId="245B7992" w14:textId="77777777" w:rsidR="00CF54CB" w:rsidRDefault="00344004">
      <w:pPr>
        <w:numPr>
          <w:ilvl w:val="0"/>
          <w:numId w:val="18"/>
        </w:numPr>
        <w:ind w:right="396" w:hanging="360"/>
      </w:pPr>
      <w:r>
        <w:t xml:space="preserve">Voluntary run-offs may enable commercial parties to achieve commercially acceptable results in arm’s-length transactions that reflect customary market practice. </w:t>
      </w:r>
    </w:p>
    <w:p w14:paraId="64538BC3" w14:textId="77777777" w:rsidR="00CF54CB" w:rsidRDefault="00344004">
      <w:pPr>
        <w:numPr>
          <w:ilvl w:val="0"/>
          <w:numId w:val="18"/>
        </w:numPr>
        <w:ind w:right="396" w:hanging="360"/>
      </w:pPr>
      <w:r>
        <w:t xml:space="preserve">Timely defense and payment of policyholder claims in full not otherwise always covered by guaranty funds or associations. </w:t>
      </w:r>
    </w:p>
    <w:p w14:paraId="74259ABE" w14:textId="77777777" w:rsidR="00CF54CB" w:rsidRDefault="00344004">
      <w:pPr>
        <w:numPr>
          <w:ilvl w:val="0"/>
          <w:numId w:val="18"/>
        </w:numPr>
        <w:spacing w:after="31"/>
        <w:ind w:right="396" w:hanging="360"/>
      </w:pPr>
      <w:r>
        <w:t xml:space="preserve">Potentially more favorable environment for the negotiation of disengagement transactions and commutations with reinsurers. </w:t>
      </w:r>
    </w:p>
    <w:p w14:paraId="61AE623C" w14:textId="77777777" w:rsidR="00CF54CB" w:rsidRDefault="00344004">
      <w:pPr>
        <w:numPr>
          <w:ilvl w:val="0"/>
          <w:numId w:val="18"/>
        </w:numPr>
        <w:ind w:right="396" w:hanging="360"/>
      </w:pPr>
      <w:r>
        <w:t xml:space="preserve">Continuity of management information systems. </w:t>
      </w:r>
    </w:p>
    <w:p w14:paraId="79FB7155" w14:textId="77777777" w:rsidR="00CF54CB" w:rsidRDefault="00344004">
      <w:pPr>
        <w:numPr>
          <w:ilvl w:val="0"/>
          <w:numId w:val="18"/>
        </w:numPr>
        <w:ind w:right="396" w:hanging="360"/>
      </w:pPr>
      <w:r>
        <w:t xml:space="preserve">Some business entities may be willing to acquire insurance companies in run-off and inject additional capital or reduce overhead expense. This consolidation and management expertise could provide some efficiency for regulators in regard to their monitoring processes. </w:t>
      </w:r>
    </w:p>
    <w:p w14:paraId="3E37CC68" w14:textId="77777777" w:rsidR="00CF54CB" w:rsidRDefault="00344004">
      <w:pPr>
        <w:numPr>
          <w:ilvl w:val="0"/>
          <w:numId w:val="18"/>
        </w:numPr>
        <w:ind w:right="396" w:hanging="360"/>
      </w:pPr>
      <w:r>
        <w:t xml:space="preserve">Typically involve commutations and other solutions reflective of the consent of the contracting parties. </w:t>
      </w:r>
    </w:p>
    <w:p w14:paraId="7DA97570" w14:textId="77777777" w:rsidR="00CF54CB" w:rsidRDefault="00344004">
      <w:pPr>
        <w:numPr>
          <w:ilvl w:val="0"/>
          <w:numId w:val="18"/>
        </w:numPr>
        <w:ind w:right="396" w:hanging="360"/>
      </w:pPr>
      <w:r>
        <w:t xml:space="preserve">There is evidence that it appears to be a robust method, given that there are accumulators of seasoned run-off companies. </w:t>
      </w:r>
    </w:p>
    <w:p w14:paraId="690B4AB6" w14:textId="77777777" w:rsidR="00CF54CB" w:rsidRDefault="00344004">
      <w:pPr>
        <w:numPr>
          <w:ilvl w:val="0"/>
          <w:numId w:val="18"/>
        </w:numPr>
        <w:ind w:right="396" w:hanging="360"/>
      </w:pPr>
      <w:r>
        <w:t xml:space="preserve">Strategic decisions can be made quickly and efficiently working with appropriate state regulators. </w:t>
      </w:r>
    </w:p>
    <w:p w14:paraId="713E2039" w14:textId="77777777" w:rsidR="00CF54CB" w:rsidRDefault="00344004">
      <w:pPr>
        <w:spacing w:after="10" w:line="259" w:lineRule="auto"/>
        <w:ind w:left="91" w:firstLine="0"/>
        <w:jc w:val="left"/>
      </w:pPr>
      <w:r>
        <w:rPr>
          <w:sz w:val="23"/>
          <w:szCs w:val="23"/>
        </w:rPr>
        <w:t xml:space="preserve"> </w:t>
      </w:r>
    </w:p>
    <w:p w14:paraId="7767316D" w14:textId="77777777" w:rsidR="00CF54CB" w:rsidRDefault="00344004">
      <w:pPr>
        <w:spacing w:after="4" w:line="265" w:lineRule="auto"/>
        <w:ind w:left="821" w:right="56" w:hanging="10"/>
        <w:jc w:val="left"/>
      </w:pPr>
      <w:r>
        <w:rPr>
          <w:b/>
        </w:rPr>
        <w:t>D</w:t>
      </w:r>
      <w:r>
        <w:rPr>
          <w:b/>
          <w:sz w:val="19"/>
          <w:szCs w:val="19"/>
        </w:rPr>
        <w:t xml:space="preserve">ISADVANTAGES </w:t>
      </w:r>
    </w:p>
    <w:p w14:paraId="4CE01337" w14:textId="77777777" w:rsidR="00CF54CB" w:rsidRDefault="00344004">
      <w:pPr>
        <w:numPr>
          <w:ilvl w:val="0"/>
          <w:numId w:val="18"/>
        </w:numPr>
        <w:ind w:right="396" w:hanging="360"/>
      </w:pPr>
      <w:r>
        <w:t xml:space="preserve">Preferential treatment issues might arise when dealing with business-to-business structures, if both large and small policyholders exist, as deals tend to focus on settling with large carriers first. In addition, more complicated commutations may be structured in the run-off plan to be handled last. </w:t>
      </w:r>
    </w:p>
    <w:p w14:paraId="4B4DFF1E" w14:textId="77777777" w:rsidR="00CF54CB" w:rsidRDefault="00344004">
      <w:pPr>
        <w:numPr>
          <w:ilvl w:val="0"/>
          <w:numId w:val="18"/>
        </w:numPr>
        <w:spacing w:after="32"/>
        <w:ind w:right="396" w:hanging="360"/>
      </w:pPr>
      <w:r>
        <w:t xml:space="preserve">Preferential payments may arise with respect to creditors whose priority of payment in the event of liquidation would be classified below that of policyholder and consumer claims. </w:t>
      </w:r>
    </w:p>
    <w:p w14:paraId="0A410F72" w14:textId="77777777" w:rsidR="00CF54CB" w:rsidRDefault="00344004">
      <w:pPr>
        <w:numPr>
          <w:ilvl w:val="0"/>
          <w:numId w:val="18"/>
        </w:numPr>
        <w:spacing w:after="40"/>
        <w:ind w:right="396" w:hanging="360"/>
      </w:pPr>
      <w:r>
        <w:t xml:space="preserve">Policyholders and consumers may be compelled to accept less than the fair value of their claims. </w:t>
      </w:r>
    </w:p>
    <w:p w14:paraId="7CFA5151" w14:textId="77777777" w:rsidR="00CF54CB" w:rsidRDefault="00344004">
      <w:pPr>
        <w:numPr>
          <w:ilvl w:val="0"/>
          <w:numId w:val="18"/>
        </w:numPr>
        <w:ind w:right="396" w:hanging="360"/>
      </w:pPr>
      <w:r>
        <w:t xml:space="preserve">Potential negative impact of adverse claim development. </w:t>
      </w:r>
    </w:p>
    <w:p w14:paraId="2A0E8684" w14:textId="77777777" w:rsidR="00CF54CB" w:rsidRDefault="00344004">
      <w:pPr>
        <w:numPr>
          <w:ilvl w:val="0"/>
          <w:numId w:val="18"/>
        </w:numPr>
        <w:ind w:right="396" w:hanging="360"/>
      </w:pPr>
      <w:r>
        <w:t xml:space="preserve">Attempts to commute or settle with policyholders (complete policy buy-backs) can result in reinsurers resisting payment. </w:t>
      </w:r>
    </w:p>
    <w:p w14:paraId="0A4B339F" w14:textId="77777777" w:rsidR="00CF54CB" w:rsidRDefault="00344004">
      <w:pPr>
        <w:numPr>
          <w:ilvl w:val="0"/>
          <w:numId w:val="18"/>
        </w:numPr>
        <w:spacing w:after="36"/>
        <w:ind w:right="396" w:hanging="360"/>
      </w:pPr>
      <w:r>
        <w:t xml:space="preserve">To the extent the estate assets are reduced by paying claims earlier, the estate assets remaining to pay remaining policyholder and guaranty association claims will be reduced, costing the industry more. </w:t>
      </w:r>
    </w:p>
    <w:p w14:paraId="0208210C" w14:textId="77777777" w:rsidR="00CF54CB" w:rsidRDefault="00344004">
      <w:pPr>
        <w:numPr>
          <w:ilvl w:val="0"/>
          <w:numId w:val="18"/>
        </w:numPr>
        <w:ind w:right="396" w:hanging="360"/>
      </w:pPr>
      <w:r>
        <w:t xml:space="preserve">Larger insureds may have better leverage to negotiate better settlements. </w:t>
      </w:r>
    </w:p>
    <w:p w14:paraId="0CE88B60" w14:textId="77777777" w:rsidR="00CF54CB" w:rsidRDefault="00344004">
      <w:pPr>
        <w:numPr>
          <w:ilvl w:val="0"/>
          <w:numId w:val="18"/>
        </w:numPr>
        <w:ind w:right="396" w:hanging="360"/>
      </w:pPr>
      <w:r>
        <w:t xml:space="preserve">Absent regulatory oversight—there is no guarantee that settlements will be at consistent or even fair levels. </w:t>
      </w:r>
    </w:p>
    <w:p w14:paraId="50379654" w14:textId="77777777" w:rsidR="00CF54CB" w:rsidRDefault="00344004">
      <w:pPr>
        <w:numPr>
          <w:ilvl w:val="0"/>
          <w:numId w:val="18"/>
        </w:numPr>
        <w:ind w:right="396" w:hanging="360"/>
      </w:pPr>
      <w:r>
        <w:t xml:space="preserve">The absence of court oversight and mandatory rules and standards (such as priority rules and rehabilitation plan standards) increases the likelihood that policyholder claims will be sharply discounted and that bargained-for benefits and protections will be lost. </w:t>
      </w:r>
    </w:p>
    <w:p w14:paraId="7F8EE4AD" w14:textId="77777777" w:rsidR="00CF54CB" w:rsidRDefault="00344004">
      <w:pPr>
        <w:numPr>
          <w:ilvl w:val="0"/>
          <w:numId w:val="18"/>
        </w:numPr>
        <w:ind w:right="396" w:hanging="360"/>
      </w:pPr>
      <w:r>
        <w:lastRenderedPageBreak/>
        <w:t xml:space="preserve">Guaranty funds may be disadvantaged in a subsequent receivership if non-guaranteed creditors were paid more than the ultimate distribution from the receivership. </w:t>
      </w:r>
    </w:p>
    <w:p w14:paraId="27E7BF67" w14:textId="77777777" w:rsidR="00CF54CB" w:rsidRDefault="00344004">
      <w:pPr>
        <w:spacing w:after="0" w:line="259" w:lineRule="auto"/>
        <w:ind w:left="91" w:firstLine="0"/>
        <w:jc w:val="left"/>
      </w:pPr>
      <w:r>
        <w:t xml:space="preserve"> </w:t>
      </w:r>
    </w:p>
    <w:p w14:paraId="00A6A452" w14:textId="77777777" w:rsidR="00CF54CB" w:rsidRDefault="00344004" w:rsidP="00B078CA">
      <w:pPr>
        <w:pStyle w:val="Heading2"/>
      </w:pPr>
      <w:r>
        <w:rPr>
          <w:sz w:val="28"/>
          <w:szCs w:val="28"/>
        </w:rPr>
        <w:t>B.</w:t>
      </w:r>
      <w:r>
        <w:rPr>
          <w:rFonts w:ascii="Arial" w:eastAsia="Arial" w:hAnsi="Arial" w:cs="Arial"/>
          <w:sz w:val="28"/>
          <w:szCs w:val="28"/>
        </w:rPr>
        <w:t xml:space="preserve"> </w:t>
      </w:r>
      <w:r>
        <w:rPr>
          <w:sz w:val="28"/>
          <w:szCs w:val="28"/>
        </w:rPr>
        <w:t>N</w:t>
      </w:r>
      <w:r>
        <w:t xml:space="preserve">EW </w:t>
      </w:r>
      <w:r>
        <w:rPr>
          <w:sz w:val="28"/>
          <w:szCs w:val="28"/>
        </w:rPr>
        <w:t>Y</w:t>
      </w:r>
      <w:r>
        <w:t xml:space="preserve">ORK </w:t>
      </w:r>
      <w:r>
        <w:rPr>
          <w:sz w:val="28"/>
          <w:szCs w:val="28"/>
        </w:rPr>
        <w:t>R</w:t>
      </w:r>
      <w:r>
        <w:t xml:space="preserve">EGULATION </w:t>
      </w:r>
      <w:r>
        <w:rPr>
          <w:sz w:val="28"/>
          <w:szCs w:val="28"/>
        </w:rPr>
        <w:t xml:space="preserve">141 </w:t>
      </w:r>
    </w:p>
    <w:p w14:paraId="13FA7F5C" w14:textId="77777777" w:rsidR="00CF54CB" w:rsidRDefault="00344004">
      <w:pPr>
        <w:spacing w:after="28" w:line="259" w:lineRule="auto"/>
        <w:ind w:left="91" w:firstLine="0"/>
        <w:jc w:val="left"/>
      </w:pPr>
      <w:r>
        <w:rPr>
          <w:b/>
          <w:sz w:val="22"/>
          <w:szCs w:val="22"/>
        </w:rPr>
        <w:t xml:space="preserve"> </w:t>
      </w:r>
    </w:p>
    <w:p w14:paraId="0BF4AE4A" w14:textId="77777777" w:rsidR="00CF54CB" w:rsidRDefault="00344004">
      <w:pPr>
        <w:spacing w:after="4" w:line="265" w:lineRule="auto"/>
        <w:ind w:left="1166" w:right="56" w:hanging="10"/>
        <w:jc w:val="left"/>
      </w:pPr>
      <w:r>
        <w:rPr>
          <w:b/>
        </w:rPr>
        <w:t>1.</w:t>
      </w:r>
      <w:r>
        <w:rPr>
          <w:rFonts w:ascii="Arial" w:eastAsia="Arial" w:hAnsi="Arial" w:cs="Arial"/>
          <w:b/>
        </w:rPr>
        <w:t xml:space="preserve"> </w:t>
      </w:r>
      <w:r>
        <w:rPr>
          <w:b/>
        </w:rPr>
        <w:t>D</w:t>
      </w:r>
      <w:r>
        <w:rPr>
          <w:b/>
          <w:sz w:val="19"/>
          <w:szCs w:val="19"/>
        </w:rPr>
        <w:t xml:space="preserve">ESCRIPTION </w:t>
      </w:r>
    </w:p>
    <w:p w14:paraId="44CEFEE6" w14:textId="77777777" w:rsidR="00CF54CB" w:rsidRDefault="00344004">
      <w:pPr>
        <w:spacing w:after="0" w:line="259" w:lineRule="auto"/>
        <w:ind w:left="91" w:firstLine="0"/>
        <w:jc w:val="left"/>
      </w:pPr>
      <w:r>
        <w:rPr>
          <w:b/>
          <w:sz w:val="22"/>
          <w:szCs w:val="22"/>
        </w:rPr>
        <w:t xml:space="preserve"> </w:t>
      </w:r>
    </w:p>
    <w:p w14:paraId="54158D9D" w14:textId="77777777" w:rsidR="00CF54CB" w:rsidRDefault="00344004">
      <w:pPr>
        <w:ind w:left="105" w:right="396" w:firstLine="6"/>
      </w:pPr>
      <w:r>
        <w:t xml:space="preserve">In 1989, at the request of the New York Superintendent of Insurance, the New York Legislature enacted New York Insurance Law § 1321. Section 1321 authorized the Superintendent to permit an impaired or insolvent New York domestic insurer (or an impaired or insolvent United States branch of an alien insurer entered through New York) to commute reinsurance agreements to eliminate the company’s impairment or insolvency. </w:t>
      </w:r>
    </w:p>
    <w:p w14:paraId="59E6B047" w14:textId="77777777" w:rsidR="00CF54CB" w:rsidRDefault="00344004">
      <w:pPr>
        <w:spacing w:after="0" w:line="259" w:lineRule="auto"/>
        <w:ind w:left="91" w:firstLine="0"/>
        <w:jc w:val="left"/>
      </w:pPr>
      <w:r>
        <w:rPr>
          <w:sz w:val="22"/>
          <w:szCs w:val="22"/>
        </w:rPr>
        <w:t xml:space="preserve"> </w:t>
      </w:r>
    </w:p>
    <w:p w14:paraId="02057162" w14:textId="77777777" w:rsidR="00CF54CB" w:rsidRDefault="00344004">
      <w:pPr>
        <w:ind w:left="105" w:right="396" w:firstLine="6"/>
      </w:pPr>
      <w:r>
        <w:t xml:space="preserve">Until the Legislature enacted NYIL § 1321, commutation agreements with troubled New York domestic insurers were subject to challenge as potential preferences pursuant to the Insurance Law’s voidable transfer provisions. When the Legislature enacted Section 1321, it extended the voidable transfer period from four to 12 months (NYIL § 7425(a)). The Legislature also amended the insurance law to provide that commutation agreements executed pursuant to NYIL § 1321 “shall not be voidable as a preference” (NYIL §7425(d)). </w:t>
      </w:r>
    </w:p>
    <w:p w14:paraId="25DB6B0F" w14:textId="77777777" w:rsidR="00CF54CB" w:rsidRDefault="00344004">
      <w:pPr>
        <w:spacing w:after="0" w:line="259" w:lineRule="auto"/>
        <w:ind w:left="91" w:firstLine="0"/>
        <w:jc w:val="left"/>
      </w:pPr>
      <w:r>
        <w:rPr>
          <w:sz w:val="22"/>
          <w:szCs w:val="22"/>
        </w:rPr>
        <w:t xml:space="preserve"> </w:t>
      </w:r>
    </w:p>
    <w:p w14:paraId="6DA6E99A" w14:textId="77777777" w:rsidR="00CF54CB" w:rsidRDefault="00344004">
      <w:pPr>
        <w:ind w:left="105" w:right="396" w:firstLine="6"/>
      </w:pPr>
      <w:r>
        <w:t xml:space="preserve">Section 1321 required that any commutation proposed under the new statute be approved by the </w:t>
      </w:r>
    </w:p>
    <w:p w14:paraId="375CB0E8" w14:textId="77777777" w:rsidR="00CF54CB" w:rsidRDefault="00344004">
      <w:pPr>
        <w:ind w:left="105" w:right="396" w:firstLine="6"/>
      </w:pPr>
      <w:r>
        <w:t xml:space="preserve">Superintendent “in accordance with standards prescribed by regulation.” In 1990, the acting New York Superintendent promulgated Regulation 141 (Regulation No. 141, Commutation of Reinsurance Agreements, N.Y. Compo Codes R. &amp; Regs. tit. 11, Section 128 (1989) (11 NYCRR Section 128)). Regulation 141 sets out the “applicable standards that the superintendent will use in determining whether such commutations entered … will be approved.” </w:t>
      </w:r>
    </w:p>
    <w:p w14:paraId="79FB86C6" w14:textId="77777777" w:rsidR="00CF54CB" w:rsidRDefault="00344004">
      <w:pPr>
        <w:spacing w:after="0" w:line="259" w:lineRule="auto"/>
        <w:ind w:left="91" w:firstLine="0"/>
        <w:jc w:val="left"/>
      </w:pPr>
      <w:r>
        <w:rPr>
          <w:sz w:val="22"/>
          <w:szCs w:val="22"/>
        </w:rPr>
        <w:t xml:space="preserve"> </w:t>
      </w:r>
    </w:p>
    <w:p w14:paraId="416E599C" w14:textId="77777777" w:rsidR="00CF54CB" w:rsidRDefault="00344004">
      <w:pPr>
        <w:ind w:left="105" w:right="396" w:firstLine="6"/>
      </w:pPr>
      <w:r>
        <w:t xml:space="preserve">Regulation 141 applies to all New York-domiciled insurers (and U.S. branches) “other than a life insurance company” as defined in NYIL § 107(a)(2). However, the regulation excludes impaired or insolvent life insurers and solvent insurers. The Regulation sets out how a troubled insurer may propose and implement a Regulation 141 plan. Among other things, the Regulation’s procedures add the requirement that any company seeking the benefits of Regulation 141 must stipulate that the troubled insurer will consent to an order of rehabilitation or liquidation if its proposed commutation plan does not restore policyholder surplus to the required minimum amounts (or such surplus as the Superintendent deems adequate). </w:t>
      </w:r>
    </w:p>
    <w:p w14:paraId="41707CEE" w14:textId="77777777" w:rsidR="00CF54CB" w:rsidRDefault="00344004">
      <w:pPr>
        <w:spacing w:after="0" w:line="259" w:lineRule="auto"/>
        <w:ind w:left="91" w:firstLine="0"/>
        <w:jc w:val="left"/>
      </w:pPr>
      <w:r>
        <w:rPr>
          <w:sz w:val="22"/>
          <w:szCs w:val="22"/>
        </w:rPr>
        <w:t xml:space="preserve"> </w:t>
      </w:r>
    </w:p>
    <w:p w14:paraId="13758656" w14:textId="77777777" w:rsidR="00CF54CB" w:rsidRDefault="00344004">
      <w:pPr>
        <w:ind w:left="105" w:right="396" w:firstLine="6"/>
      </w:pPr>
      <w:r>
        <w:t xml:space="preserve">The troubled insurer must provide the New York Department with a draft commutation agreement and a proposed commutation offer that will be extended to “each and every ceding insurer to which the impaired or insolvent insurer has obligations.” The reinsurer must also provide a balance sheet showing both the insurer’s impairment or insolvency as determined by the Superintendent and a pro forma balance sheet reflecting the troubled company’s financial condition subsequent to the plan’s implementations. </w:t>
      </w:r>
    </w:p>
    <w:p w14:paraId="1EAF5CD9" w14:textId="77777777" w:rsidR="00CF54CB" w:rsidRDefault="00344004">
      <w:pPr>
        <w:spacing w:after="0" w:line="259" w:lineRule="auto"/>
        <w:ind w:left="91" w:firstLine="0"/>
        <w:jc w:val="left"/>
      </w:pPr>
      <w:r>
        <w:rPr>
          <w:sz w:val="22"/>
          <w:szCs w:val="22"/>
        </w:rPr>
        <w:t xml:space="preserve"> </w:t>
      </w:r>
    </w:p>
    <w:p w14:paraId="4889AEDF" w14:textId="77777777" w:rsidR="00CF54CB" w:rsidRDefault="00344004">
      <w:pPr>
        <w:ind w:left="105" w:right="396" w:firstLine="6"/>
      </w:pPr>
      <w:r>
        <w:t xml:space="preserve">The proposed commutation offer must include an offer to pay a percentage of the cedent’s losses. The impaired insurer must advise its cedents that the commutation offer remains subject to the </w:t>
      </w:r>
      <w:r>
        <w:lastRenderedPageBreak/>
        <w:t xml:space="preserve">Superintendent’s determination that the total of all accepted commutation offers has restored policyholder surplus either to a statutory minimum or an amount that the Superintendent deems adequate. </w:t>
      </w:r>
    </w:p>
    <w:p w14:paraId="65068A22" w14:textId="77777777" w:rsidR="00CF54CB" w:rsidRDefault="00344004">
      <w:pPr>
        <w:spacing w:after="0" w:line="259" w:lineRule="auto"/>
        <w:ind w:left="91" w:firstLine="0"/>
        <w:jc w:val="left"/>
      </w:pPr>
      <w:r>
        <w:rPr>
          <w:sz w:val="22"/>
          <w:szCs w:val="22"/>
        </w:rPr>
        <w:t xml:space="preserve"> </w:t>
      </w:r>
    </w:p>
    <w:p w14:paraId="46EE347C" w14:textId="77777777" w:rsidR="00CF54CB" w:rsidRDefault="00344004">
      <w:pPr>
        <w:ind w:left="105" w:right="396" w:firstLine="6"/>
      </w:pPr>
      <w:r>
        <w:t xml:space="preserve">Regulation 141 requires that offers to commute assumed reinsurance obligations be made to “each and every ceding insurer to which the impaired insurer or insolvent insurer has obligations.” The Regulation broadly defines the term “obligations” to include paid losses, loss reserves, incurred but not reported (IBNR), all loss adjusting expenses (paid, case, and IBNR), reserves for unearned premiums, and “any other balances due under the reinsurance agreements.” The terms of all proposed commutation agreements must be the same. </w:t>
      </w:r>
    </w:p>
    <w:p w14:paraId="3B6055BC" w14:textId="77777777" w:rsidR="00CF54CB" w:rsidRDefault="00344004">
      <w:pPr>
        <w:spacing w:after="0" w:line="259" w:lineRule="auto"/>
        <w:ind w:left="91" w:firstLine="0"/>
        <w:jc w:val="left"/>
      </w:pPr>
      <w:r>
        <w:rPr>
          <w:sz w:val="22"/>
          <w:szCs w:val="22"/>
        </w:rPr>
        <w:t xml:space="preserve"> </w:t>
      </w:r>
    </w:p>
    <w:p w14:paraId="79C5DB38" w14:textId="77777777" w:rsidR="00CF54CB" w:rsidRDefault="00344004">
      <w:pPr>
        <w:ind w:left="105" w:right="396" w:firstLine="6"/>
      </w:pPr>
      <w:r>
        <w:t xml:space="preserve">For example, the same discount must be offered to each cedent—e.g., 90% of paid losses, 60% of case reserves, and 30% of IBNR. No cedent may be favored with different discounts. Discounts for different lines of business may be proposed, but these discounts must be “reasonable, actuarially sound, and supported by documents justifying such a variance.” To date, none of the Regulation 141 plans approved by New York Superintendents of Insurance has incorporated different discounts by line of business. </w:t>
      </w:r>
    </w:p>
    <w:p w14:paraId="3677EFF3" w14:textId="77777777" w:rsidR="00CF54CB" w:rsidRDefault="00344004">
      <w:pPr>
        <w:spacing w:after="0" w:line="259" w:lineRule="auto"/>
        <w:ind w:left="91" w:firstLine="0"/>
        <w:jc w:val="left"/>
      </w:pPr>
      <w:r>
        <w:rPr>
          <w:sz w:val="22"/>
          <w:szCs w:val="22"/>
        </w:rPr>
        <w:t xml:space="preserve"> </w:t>
      </w:r>
    </w:p>
    <w:p w14:paraId="323D19D1" w14:textId="77777777" w:rsidR="00CF54CB" w:rsidRDefault="00344004">
      <w:pPr>
        <w:ind w:left="105" w:right="396" w:firstLine="6"/>
      </w:pPr>
      <w:r>
        <w:t xml:space="preserve">Any proposed Regulation 141 plan submitted to the Superintendent must include an exhibit setting forth the obligations due each cedent to which the troubled company has obligations and the consideration (commutation offer) to be paid each cedent. Within 10 days of the plan’s approval, the troubled company must deliver its proposed commutation agreements to its cedents. No cedent may be compelled to commute its “obligations.” The terms of the proposed commutations and the amount offered “shall not be subject to negotiation.” Each cedent makes its own determination with respect to whether the cedent wishes to accept the proposed commutation or refuse to commute and run the risk that the Regulation 141 plan will not succeed. </w:t>
      </w:r>
    </w:p>
    <w:p w14:paraId="6D1426EA" w14:textId="77777777" w:rsidR="00CF54CB" w:rsidRDefault="00344004">
      <w:pPr>
        <w:spacing w:after="0" w:line="259" w:lineRule="auto"/>
        <w:ind w:left="91" w:firstLine="0"/>
        <w:jc w:val="left"/>
      </w:pPr>
      <w:r>
        <w:rPr>
          <w:sz w:val="22"/>
          <w:szCs w:val="22"/>
        </w:rPr>
        <w:t xml:space="preserve"> </w:t>
      </w:r>
    </w:p>
    <w:p w14:paraId="3925BD7E" w14:textId="77777777" w:rsidR="00CF54CB" w:rsidRDefault="00344004">
      <w:pPr>
        <w:ind w:left="105" w:right="396" w:firstLine="6"/>
      </w:pPr>
      <w:r>
        <w:t xml:space="preserve">The results of an approved plan must be retuned to the Superintendent within a period specified by the Superintendent. The plan results must include: copies of all executed commutation agreements; copies of all rejected commutation agreements; “correspondence pertaining to all … offers made to the ceding insurers”; a pro forma balance sheet showing the effect of the accepted/rejected offers; any other components of the plan to restore surplus to policyholders; and copies of any agreements that modify, commute, or assign any retrocession agreements. </w:t>
      </w:r>
    </w:p>
    <w:p w14:paraId="77E3668F" w14:textId="77777777" w:rsidR="00CF54CB" w:rsidRDefault="00344004">
      <w:pPr>
        <w:spacing w:after="0" w:line="259" w:lineRule="auto"/>
        <w:ind w:left="91" w:firstLine="0"/>
        <w:jc w:val="left"/>
      </w:pPr>
      <w:r>
        <w:rPr>
          <w:sz w:val="22"/>
          <w:szCs w:val="22"/>
        </w:rPr>
        <w:t xml:space="preserve"> </w:t>
      </w:r>
    </w:p>
    <w:p w14:paraId="69E26958" w14:textId="77777777" w:rsidR="00CF54CB" w:rsidRDefault="00344004">
      <w:pPr>
        <w:ind w:left="105" w:right="396" w:firstLine="6"/>
      </w:pPr>
      <w:r>
        <w:t xml:space="preserve">If the Superintendent determines that the proposed commutation agreements and any other plan components sufficiently restore policyholder surplus, the commutation agreements take effect. The Superintendent may specify, when he or she approves the Regulation 141 plan, that cedents that agree to commute be paid within so many business days. </w:t>
      </w:r>
    </w:p>
    <w:p w14:paraId="2DF0364D" w14:textId="77777777" w:rsidR="00CF54CB" w:rsidRDefault="00344004">
      <w:pPr>
        <w:spacing w:after="0" w:line="259" w:lineRule="auto"/>
        <w:ind w:left="91" w:firstLine="0"/>
        <w:jc w:val="left"/>
      </w:pPr>
      <w:r>
        <w:rPr>
          <w:sz w:val="22"/>
          <w:szCs w:val="22"/>
        </w:rPr>
        <w:t xml:space="preserve"> </w:t>
      </w:r>
    </w:p>
    <w:p w14:paraId="735FFFF0" w14:textId="77777777" w:rsidR="00CF54CB" w:rsidRDefault="00344004">
      <w:pPr>
        <w:ind w:left="105" w:right="396" w:firstLine="6"/>
      </w:pPr>
      <w:r>
        <w:t xml:space="preserve">If the Superintendent determines that surplus has been restored, the Superintendent may proceed against the troubled company armed with the company’s stipulation consenting to entry of any order of rehabilitation or liquidation. </w:t>
      </w:r>
    </w:p>
    <w:p w14:paraId="44EA7D78" w14:textId="77777777" w:rsidR="00CF54CB" w:rsidRDefault="00344004">
      <w:pPr>
        <w:spacing w:after="0" w:line="259" w:lineRule="auto"/>
        <w:ind w:left="91" w:firstLine="0"/>
        <w:jc w:val="left"/>
      </w:pPr>
      <w:r>
        <w:rPr>
          <w:sz w:val="22"/>
          <w:szCs w:val="22"/>
        </w:rPr>
        <w:t xml:space="preserve"> </w:t>
      </w:r>
    </w:p>
    <w:p w14:paraId="72DC31FE" w14:textId="77777777" w:rsidR="00CF54CB" w:rsidRDefault="00344004">
      <w:pPr>
        <w:ind w:left="105" w:right="396" w:firstLine="6"/>
      </w:pPr>
      <w:r>
        <w:t xml:space="preserve">The primary procedural safeguards for an approved Regulation 141 plan include: the state regulator’s full discretion to accept, reject, or modify any proposed plan; explicit requirements that the same commutation terms be offered to every ceding company whose obligations appear on the troubled company’s books and records; the absence of any “cram down” provisions that would allow the Superintendent to approve the commutation of a cedent’s contracts over a cedent’s objections; time- frames for the submission of a plan </w:t>
      </w:r>
      <w:r>
        <w:lastRenderedPageBreak/>
        <w:t xml:space="preserve">and payment of agreed commutation amounts within days after the plan’s results have been approved; and provisions calling for the preservation and production of all communications between the troubled company and its cedents. </w:t>
      </w:r>
    </w:p>
    <w:p w14:paraId="0476CF78" w14:textId="77777777" w:rsidR="00CF54CB" w:rsidRDefault="00344004">
      <w:pPr>
        <w:spacing w:after="0" w:line="259" w:lineRule="auto"/>
        <w:ind w:left="91" w:firstLine="0"/>
        <w:jc w:val="left"/>
      </w:pPr>
      <w:r>
        <w:rPr>
          <w:sz w:val="22"/>
          <w:szCs w:val="22"/>
        </w:rPr>
        <w:t xml:space="preserve"> </w:t>
      </w:r>
    </w:p>
    <w:p w14:paraId="5D01DB2D" w14:textId="77777777" w:rsidR="00CF54CB" w:rsidRDefault="00344004">
      <w:pPr>
        <w:ind w:left="105" w:right="396" w:firstLine="6"/>
      </w:pPr>
      <w:r>
        <w:t xml:space="preserve">In addition, and as previously noted, the commutation agreements executed pursuant to an approved Regulation 141 plan will not take effect “unless … the plan shall eliminate the insurer’s impairment or insolvency” and restore surplus to policyholders to levels required under the insurance law or an amount that the Superintendent deems “is adequate in relation to the insurer’s outstanding liabilities or financial needs.” </w:t>
      </w:r>
    </w:p>
    <w:p w14:paraId="2B422A1C" w14:textId="77777777" w:rsidR="00CF54CB" w:rsidRDefault="00344004">
      <w:pPr>
        <w:ind w:left="105" w:right="396" w:firstLine="6"/>
      </w:pPr>
      <w:r>
        <w:t xml:space="preserve">Although the troubled company’s directors must consent to an order of rehabilitation or liquidation if the company’s surplus has not been restored to the required minimum, the Superintendent need not consider any plan proposed pursuant to Regulation 141 “in lieu of taking any other action” against the company. This gives the Superintendent full discretion to decide whether to allow the troubled company to propose a plan or to take other action against the company, including supervision, rehabilitation, or liquidation. </w:t>
      </w:r>
    </w:p>
    <w:p w14:paraId="24564911" w14:textId="77777777" w:rsidR="00CF54CB" w:rsidRDefault="00344004">
      <w:pPr>
        <w:spacing w:after="0" w:line="259" w:lineRule="auto"/>
        <w:ind w:left="91" w:firstLine="0"/>
        <w:jc w:val="left"/>
      </w:pPr>
      <w:r>
        <w:rPr>
          <w:sz w:val="22"/>
          <w:szCs w:val="22"/>
        </w:rPr>
        <w:t xml:space="preserve"> </w:t>
      </w:r>
    </w:p>
    <w:p w14:paraId="1D3DE34D" w14:textId="77777777" w:rsidR="00CF54CB" w:rsidRDefault="00344004">
      <w:pPr>
        <w:spacing w:after="223"/>
        <w:ind w:left="105" w:right="396" w:firstLine="6"/>
      </w:pPr>
      <w:r>
        <w:t xml:space="preserve">Thus far, three professional reinsurers have successfully implemented New York Superintendent- approved commutation plans pursuant to Regulation 141: 1) Rochdale Insurance Company; 2) Paladin Reinsurance Company; and 3) Constellation Reinsurance Company. In addition, the Insurance Company of the State of New York (INSCORP) obtained the Superintendent’s approval for a Regulation 141 plan and submitted its commutation plan results to the Superintendent. However, as a result of the continued adverse development, INSCORP’s policyholder surplus could not be improved to an acceptable level, and INSCORP was placed in rehabilitation. </w:t>
      </w:r>
    </w:p>
    <w:p w14:paraId="6A45B771" w14:textId="77777777" w:rsidR="00CF54CB" w:rsidRDefault="00344004">
      <w:pPr>
        <w:spacing w:after="317" w:line="236" w:lineRule="auto"/>
        <w:ind w:left="91" w:right="148" w:firstLine="0"/>
        <w:jc w:val="left"/>
      </w:pPr>
      <w:r>
        <w:t xml:space="preserve">See </w:t>
      </w:r>
      <w:r>
        <w:rPr>
          <w:i/>
        </w:rPr>
        <w:t xml:space="preserve">VII. Appendix D – Reference List of NAIC Model Laws and State Selected Related Statutes </w:t>
      </w:r>
      <w:r>
        <w:t xml:space="preserve">for review of the Regulation. </w:t>
      </w:r>
    </w:p>
    <w:p w14:paraId="0F9B6C48" w14:textId="77777777" w:rsidR="00CF54CB" w:rsidRDefault="00344004">
      <w:pPr>
        <w:spacing w:after="289" w:line="265" w:lineRule="auto"/>
        <w:ind w:left="1166" w:right="56" w:hanging="10"/>
        <w:jc w:val="left"/>
      </w:pPr>
      <w:r>
        <w:rPr>
          <w:b/>
        </w:rPr>
        <w:t>2.</w:t>
      </w:r>
      <w:r>
        <w:rPr>
          <w:rFonts w:ascii="Arial" w:eastAsia="Arial" w:hAnsi="Arial" w:cs="Arial"/>
          <w:b/>
        </w:rPr>
        <w:t xml:space="preserve"> </w:t>
      </w:r>
      <w:r>
        <w:rPr>
          <w:b/>
        </w:rPr>
        <w:t>A</w:t>
      </w:r>
      <w:r>
        <w:rPr>
          <w:b/>
          <w:sz w:val="19"/>
          <w:szCs w:val="19"/>
        </w:rPr>
        <w:t>DVANTAGES</w:t>
      </w:r>
      <w:r>
        <w:rPr>
          <w:b/>
        </w:rPr>
        <w:t>/D</w:t>
      </w:r>
      <w:r>
        <w:rPr>
          <w:b/>
          <w:sz w:val="19"/>
          <w:szCs w:val="19"/>
        </w:rPr>
        <w:t xml:space="preserve">ISADVANTAGES </w:t>
      </w:r>
    </w:p>
    <w:p w14:paraId="5895ADCB" w14:textId="77777777" w:rsidR="00CF54CB" w:rsidRDefault="00344004">
      <w:pPr>
        <w:spacing w:after="4" w:line="265" w:lineRule="auto"/>
        <w:ind w:left="821" w:right="56" w:hanging="10"/>
        <w:jc w:val="left"/>
      </w:pPr>
      <w:r>
        <w:rPr>
          <w:b/>
        </w:rPr>
        <w:t>A</w:t>
      </w:r>
      <w:r>
        <w:rPr>
          <w:b/>
          <w:sz w:val="19"/>
          <w:szCs w:val="19"/>
        </w:rPr>
        <w:t xml:space="preserve">DVANTAGES </w:t>
      </w:r>
    </w:p>
    <w:p w14:paraId="013921F6" w14:textId="77777777" w:rsidR="00CF54CB" w:rsidRDefault="00344004">
      <w:pPr>
        <w:numPr>
          <w:ilvl w:val="0"/>
          <w:numId w:val="19"/>
        </w:numPr>
        <w:spacing w:after="25"/>
        <w:ind w:right="396" w:hanging="360"/>
      </w:pPr>
      <w:r>
        <w:t xml:space="preserve">No cedent can be outvoted and compelled to accept a commutation offer. </w:t>
      </w:r>
    </w:p>
    <w:p w14:paraId="07D88C59" w14:textId="77777777" w:rsidR="00CF54CB" w:rsidRDefault="00344004">
      <w:pPr>
        <w:numPr>
          <w:ilvl w:val="0"/>
          <w:numId w:val="19"/>
        </w:numPr>
        <w:ind w:right="396" w:hanging="360"/>
      </w:pPr>
      <w:r>
        <w:t xml:space="preserve">All communications to and from the ceding insurer must be preserved and provided to the regulator. </w:t>
      </w:r>
    </w:p>
    <w:p w14:paraId="198CEBBB" w14:textId="77777777" w:rsidR="00CF54CB" w:rsidRDefault="00344004">
      <w:pPr>
        <w:numPr>
          <w:ilvl w:val="0"/>
          <w:numId w:val="19"/>
        </w:numPr>
        <w:spacing w:after="31"/>
        <w:ind w:right="396" w:hanging="360"/>
      </w:pPr>
      <w:r>
        <w:t xml:space="preserve">Although the regulation was designed for professional reinsurers, the plan also works if the troubled insurer is engaged in assumed reinsurance and also wrote direct business. </w:t>
      </w:r>
    </w:p>
    <w:p w14:paraId="4E3C2928" w14:textId="77777777" w:rsidR="00CF54CB" w:rsidRDefault="00344004">
      <w:pPr>
        <w:numPr>
          <w:ilvl w:val="0"/>
          <w:numId w:val="19"/>
        </w:numPr>
        <w:ind w:right="396" w:hanging="360"/>
      </w:pPr>
      <w:r>
        <w:t xml:space="preserve">No court approval is required. </w:t>
      </w:r>
    </w:p>
    <w:p w14:paraId="7503B8E9" w14:textId="77777777" w:rsidR="00CF54CB" w:rsidRDefault="00344004">
      <w:pPr>
        <w:numPr>
          <w:ilvl w:val="0"/>
          <w:numId w:val="19"/>
        </w:numPr>
        <w:ind w:right="396" w:hanging="360"/>
      </w:pPr>
      <w:r>
        <w:t xml:space="preserve">The plan must show how the proposed commutations will affect its retrocessional program, thus reducing the risk that the commutation plan will bind or negatively affect retrocessionaires. </w:t>
      </w:r>
    </w:p>
    <w:p w14:paraId="2AD9AED8" w14:textId="77777777" w:rsidR="00CF54CB" w:rsidRDefault="00344004">
      <w:pPr>
        <w:numPr>
          <w:ilvl w:val="0"/>
          <w:numId w:val="19"/>
        </w:numPr>
        <w:ind w:right="396" w:hanging="360"/>
      </w:pPr>
      <w:r>
        <w:t xml:space="preserve">The Superintendent has ultimate oversight, flexibility, and control, to the extent that the Superintendent may approve, disapprove, or modify a plan, and the Superintendent may also review all the communications exchanged relating to the offer to ensure that no unfair offsets were arranged or that offers to commute did not otherwise favor or disfavor particular cedents. </w:t>
      </w:r>
    </w:p>
    <w:p w14:paraId="7C155308" w14:textId="77777777" w:rsidR="00CF54CB" w:rsidRDefault="00344004">
      <w:pPr>
        <w:numPr>
          <w:ilvl w:val="0"/>
          <w:numId w:val="19"/>
        </w:numPr>
        <w:ind w:right="396" w:hanging="360"/>
      </w:pPr>
      <w:r>
        <w:t xml:space="preserve">Regulation 141 also allows for other components to be added to the plan to restore policyholder surplus, including surplus notes and capital contributions. </w:t>
      </w:r>
    </w:p>
    <w:p w14:paraId="591F4D72" w14:textId="77777777" w:rsidR="00CF54CB" w:rsidRDefault="00344004">
      <w:pPr>
        <w:spacing w:after="22" w:line="259" w:lineRule="auto"/>
        <w:ind w:left="91" w:firstLine="0"/>
        <w:jc w:val="left"/>
      </w:pPr>
      <w:r>
        <w:rPr>
          <w:sz w:val="22"/>
          <w:szCs w:val="22"/>
        </w:rPr>
        <w:t xml:space="preserve"> </w:t>
      </w:r>
    </w:p>
    <w:p w14:paraId="20EAEBDA" w14:textId="77777777" w:rsidR="00CF54CB" w:rsidRDefault="00344004">
      <w:pPr>
        <w:spacing w:after="4" w:line="265" w:lineRule="auto"/>
        <w:ind w:left="821" w:right="56" w:hanging="10"/>
        <w:jc w:val="left"/>
      </w:pPr>
      <w:r>
        <w:rPr>
          <w:b/>
        </w:rPr>
        <w:t>D</w:t>
      </w:r>
      <w:r>
        <w:rPr>
          <w:b/>
          <w:sz w:val="19"/>
          <w:szCs w:val="19"/>
        </w:rPr>
        <w:t xml:space="preserve">ISADVANTAGES </w:t>
      </w:r>
    </w:p>
    <w:p w14:paraId="6F66D113" w14:textId="77777777" w:rsidR="00CF54CB" w:rsidRDefault="00344004">
      <w:pPr>
        <w:numPr>
          <w:ilvl w:val="0"/>
          <w:numId w:val="19"/>
        </w:numPr>
        <w:ind w:right="396" w:hanging="360"/>
      </w:pPr>
      <w:r>
        <w:lastRenderedPageBreak/>
        <w:t xml:space="preserve">As an offer under this regulation is based on the assuming reinsurer’s books at a given date, discrepancies between the ceding and assuming insurers’ books are likely to occur. </w:t>
      </w:r>
    </w:p>
    <w:p w14:paraId="566FBFA9" w14:textId="77777777" w:rsidR="00CF54CB" w:rsidRDefault="00344004">
      <w:pPr>
        <w:numPr>
          <w:ilvl w:val="0"/>
          <w:numId w:val="19"/>
        </w:numPr>
        <w:ind w:right="396" w:hanging="360"/>
      </w:pPr>
      <w:r>
        <w:t xml:space="preserve">Timing could become problematic if the regulator does not enforce strict deadlines regarding the consideration and execution of offers. </w:t>
      </w:r>
    </w:p>
    <w:p w14:paraId="181896AE" w14:textId="77777777" w:rsidR="00CF54CB" w:rsidRDefault="00344004">
      <w:pPr>
        <w:numPr>
          <w:ilvl w:val="0"/>
          <w:numId w:val="19"/>
        </w:numPr>
        <w:ind w:right="396" w:hanging="360"/>
      </w:pPr>
      <w:r>
        <w:t xml:space="preserve">Regulation 141 does not require an audited balance sheet to confirm the extent of the troubled insurer’s financial condition. </w:t>
      </w:r>
    </w:p>
    <w:p w14:paraId="0259545A" w14:textId="77777777" w:rsidR="00CF54CB" w:rsidRDefault="00344004">
      <w:pPr>
        <w:numPr>
          <w:ilvl w:val="0"/>
          <w:numId w:val="19"/>
        </w:numPr>
        <w:spacing w:after="46"/>
        <w:ind w:right="396" w:hanging="360"/>
      </w:pPr>
      <w:r>
        <w:t xml:space="preserve">Many subjective considerations must be used by the troubled insurer to determine in advance what percentage of approval is needed for the plan to work. </w:t>
      </w:r>
    </w:p>
    <w:p w14:paraId="3805AA95" w14:textId="77777777" w:rsidR="00CF54CB" w:rsidRDefault="00344004">
      <w:pPr>
        <w:spacing w:after="50" w:line="259" w:lineRule="auto"/>
        <w:ind w:left="811" w:firstLine="0"/>
        <w:jc w:val="left"/>
      </w:pPr>
      <w:r>
        <w:rPr>
          <w:b/>
          <w:sz w:val="22"/>
          <w:szCs w:val="22"/>
        </w:rPr>
        <w:t xml:space="preserve"> </w:t>
      </w:r>
    </w:p>
    <w:p w14:paraId="4C6DDE36" w14:textId="77777777" w:rsidR="00CF54CB" w:rsidRDefault="00344004">
      <w:pPr>
        <w:spacing w:after="0" w:line="259" w:lineRule="auto"/>
        <w:ind w:left="811" w:firstLine="0"/>
        <w:jc w:val="left"/>
      </w:pPr>
      <w:r>
        <w:rPr>
          <w:b/>
          <w:sz w:val="22"/>
          <w:szCs w:val="22"/>
        </w:rPr>
        <w:t xml:space="preserve"> </w:t>
      </w:r>
    </w:p>
    <w:p w14:paraId="2DF2A46C" w14:textId="77777777" w:rsidR="00CF54CB" w:rsidRDefault="00344004" w:rsidP="00B078CA">
      <w:pPr>
        <w:pStyle w:val="Heading2"/>
      </w:pPr>
      <w:r>
        <w:t>C.</w:t>
      </w:r>
      <w:r>
        <w:rPr>
          <w:rFonts w:ascii="Arial" w:eastAsia="Arial" w:hAnsi="Arial" w:cs="Arial"/>
        </w:rPr>
        <w:t xml:space="preserve"> </w:t>
      </w:r>
      <w:r>
        <w:rPr>
          <w:sz w:val="28"/>
          <w:szCs w:val="28"/>
        </w:rPr>
        <w:t>R</w:t>
      </w:r>
      <w:r>
        <w:t xml:space="preserve">HODE </w:t>
      </w:r>
      <w:r>
        <w:rPr>
          <w:sz w:val="28"/>
          <w:szCs w:val="28"/>
        </w:rPr>
        <w:t>I</w:t>
      </w:r>
      <w:r>
        <w:t xml:space="preserve">SLAND </w:t>
      </w:r>
      <w:r>
        <w:rPr>
          <w:sz w:val="28"/>
          <w:szCs w:val="28"/>
        </w:rPr>
        <w:t>S</w:t>
      </w:r>
      <w:r>
        <w:t xml:space="preserve">TATUTE AND </w:t>
      </w:r>
      <w:r>
        <w:rPr>
          <w:sz w:val="28"/>
          <w:szCs w:val="28"/>
        </w:rPr>
        <w:t>R</w:t>
      </w:r>
      <w:r>
        <w:t xml:space="preserve">EGULATION FOR </w:t>
      </w:r>
      <w:r>
        <w:rPr>
          <w:sz w:val="28"/>
          <w:szCs w:val="28"/>
        </w:rPr>
        <w:t>V</w:t>
      </w:r>
      <w:r>
        <w:t xml:space="preserve">OLUNTARY </w:t>
      </w:r>
      <w:r>
        <w:rPr>
          <w:sz w:val="28"/>
          <w:szCs w:val="28"/>
        </w:rPr>
        <w:t>R</w:t>
      </w:r>
      <w:r>
        <w:t xml:space="preserve">ESTRUCTURING OF </w:t>
      </w:r>
      <w:r>
        <w:rPr>
          <w:sz w:val="28"/>
          <w:szCs w:val="28"/>
        </w:rPr>
        <w:t>S</w:t>
      </w:r>
      <w:r>
        <w:t xml:space="preserve">OLVENT </w:t>
      </w:r>
      <w:r>
        <w:rPr>
          <w:sz w:val="28"/>
          <w:szCs w:val="28"/>
        </w:rPr>
        <w:t>I</w:t>
      </w:r>
      <w:r>
        <w:t xml:space="preserve">NSURERS </w:t>
      </w:r>
    </w:p>
    <w:p w14:paraId="509A7ECD" w14:textId="77777777" w:rsidR="00CF54CB" w:rsidRDefault="00344004">
      <w:pPr>
        <w:spacing w:after="16" w:line="259" w:lineRule="auto"/>
        <w:ind w:left="91" w:firstLine="0"/>
        <w:jc w:val="left"/>
      </w:pPr>
      <w:r>
        <w:rPr>
          <w:b/>
          <w:sz w:val="23"/>
          <w:szCs w:val="23"/>
        </w:rPr>
        <w:t xml:space="preserve"> </w:t>
      </w:r>
    </w:p>
    <w:p w14:paraId="51FF67D2" w14:textId="77777777" w:rsidR="00CF54CB" w:rsidRDefault="00344004">
      <w:pPr>
        <w:spacing w:after="4" w:line="265" w:lineRule="auto"/>
        <w:ind w:left="821" w:right="56" w:hanging="10"/>
        <w:jc w:val="left"/>
      </w:pPr>
      <w:r>
        <w:rPr>
          <w:b/>
        </w:rPr>
        <w:t>1.</w:t>
      </w:r>
      <w:r>
        <w:rPr>
          <w:rFonts w:ascii="Arial" w:eastAsia="Arial" w:hAnsi="Arial" w:cs="Arial"/>
          <w:b/>
        </w:rPr>
        <w:t xml:space="preserve"> </w:t>
      </w:r>
      <w:r>
        <w:rPr>
          <w:b/>
        </w:rPr>
        <w:t>D</w:t>
      </w:r>
      <w:r>
        <w:rPr>
          <w:b/>
          <w:sz w:val="19"/>
          <w:szCs w:val="19"/>
        </w:rPr>
        <w:t xml:space="preserve">ESCRIPTION </w:t>
      </w:r>
    </w:p>
    <w:p w14:paraId="4E3ECBF7" w14:textId="77777777" w:rsidR="00CF54CB" w:rsidRDefault="00344004">
      <w:pPr>
        <w:spacing w:after="0" w:line="259" w:lineRule="auto"/>
        <w:ind w:left="91" w:firstLine="0"/>
        <w:jc w:val="left"/>
      </w:pPr>
      <w:r>
        <w:rPr>
          <w:b/>
          <w:sz w:val="23"/>
          <w:szCs w:val="23"/>
        </w:rPr>
        <w:t xml:space="preserve"> </w:t>
      </w:r>
    </w:p>
    <w:p w14:paraId="5A23930D" w14:textId="77777777" w:rsidR="00CF54CB" w:rsidRDefault="00344004">
      <w:pPr>
        <w:ind w:left="105" w:right="839" w:firstLine="6"/>
      </w:pPr>
      <w:r>
        <w:t>Rhode Island’s Title 27, Chapter 14.5</w:t>
      </w:r>
      <w:r>
        <w:rPr>
          <w:rFonts w:ascii="ZWAdobeF" w:eastAsia="ZWAdobeF" w:hAnsi="ZWAdobeF" w:cs="ZWAdobeF"/>
          <w:sz w:val="2"/>
          <w:szCs w:val="2"/>
        </w:rPr>
        <w:t>47F</w:t>
      </w:r>
      <w:r>
        <w:rPr>
          <w:vertAlign w:val="superscript"/>
        </w:rPr>
        <w:footnoteReference w:id="53"/>
      </w:r>
      <w:r>
        <w:t xml:space="preserve"> provides for voluntary restructuring of solvent insurers. The statute was intended to provide an alternative to a traditional run-off by bringing “solvent schemes of arrangement” (which are discussed further in the next section) to the United States. It allows solvent companies that are in run-off to reach a court-ordered (and department of insurance supervised) agreement with all of its creditors in order to accelerate completion of the run-off, bringing certainty of payment to creditors and reducing administrative costs often associated with lengthy run-offs. </w:t>
      </w:r>
    </w:p>
    <w:p w14:paraId="21CD4F23" w14:textId="77777777" w:rsidR="00CF54CB" w:rsidRDefault="00344004">
      <w:pPr>
        <w:spacing w:after="0" w:line="259" w:lineRule="auto"/>
        <w:ind w:left="91" w:firstLine="0"/>
        <w:jc w:val="left"/>
      </w:pPr>
      <w:r>
        <w:rPr>
          <w:sz w:val="23"/>
          <w:szCs w:val="23"/>
        </w:rPr>
        <w:t xml:space="preserve"> </w:t>
      </w:r>
    </w:p>
    <w:p w14:paraId="5C61BD64" w14:textId="77777777" w:rsidR="00CF54CB" w:rsidRDefault="00344004">
      <w:pPr>
        <w:ind w:left="105" w:right="840" w:firstLine="6"/>
      </w:pPr>
      <w:r>
        <w:t xml:space="preserve">The statute sets forth a structure for court-ordered review, approval and implementation of what the statute refers to as a “commutation plan.” The process may only be utilized by reinsurers and commercial property and casualty insurers domiciled in Rhode Island and in run-off (R.I. Gen. Laws § 27-14.5-1(6)). In addition, the insurer must be solvent and adequately reserved in accordance with all applicable Rhode Island statutes and regulations, as well as in compliance with all other department solvency standards. </w:t>
      </w:r>
    </w:p>
    <w:p w14:paraId="2CAB90B4" w14:textId="77777777" w:rsidR="00CF54CB" w:rsidRDefault="00344004">
      <w:pPr>
        <w:spacing w:after="0" w:line="259" w:lineRule="auto"/>
        <w:ind w:left="91" w:firstLine="0"/>
        <w:jc w:val="left"/>
      </w:pPr>
      <w:r>
        <w:t xml:space="preserve"> </w:t>
      </w:r>
    </w:p>
    <w:p w14:paraId="4CDB0808" w14:textId="77777777" w:rsidR="00CF54CB" w:rsidRDefault="00344004">
      <w:pPr>
        <w:ind w:left="105" w:right="833" w:firstLine="6"/>
      </w:pPr>
      <w:r>
        <w:t>A company considering the process must first prepare and submit their proposed commutation plan to the insurance department for review</w:t>
      </w:r>
      <w:r>
        <w:rPr>
          <w:rFonts w:ascii="ZWAdobeF" w:eastAsia="ZWAdobeF" w:hAnsi="ZWAdobeF" w:cs="ZWAdobeF"/>
          <w:sz w:val="2"/>
          <w:szCs w:val="2"/>
        </w:rPr>
        <w:t>48F</w:t>
      </w:r>
      <w:r>
        <w:rPr>
          <w:vertAlign w:val="superscript"/>
        </w:rPr>
        <w:footnoteReference w:id="54"/>
      </w:r>
      <w:r>
        <w:t xml:space="preserve"> (Insurance Regulation 68(4)(a)(i)). A commutation plan is very broadly defined as a plan for extinguishing the outstanding liabilities of a commercial run-off insurer. After the plan is reviewed by the department and all issues are resolved, the company may apply to the court for an order agreeing to classes of creditors and calling for a meeting of creditors (Insurance Regulation 68(4)(a)(iii)). At this point, the company is required to give notice of the application and proposed commutation plan to all parties pursuant to fairly broad requirements set forth in the statute (R.I. Gen. Laws §§ 27-14.5-3 and 27-14.5-4(b)(1)). </w:t>
      </w:r>
    </w:p>
    <w:p w14:paraId="09CFEF0E" w14:textId="77777777" w:rsidR="00CF54CB" w:rsidRDefault="00344004">
      <w:pPr>
        <w:spacing w:after="0" w:line="259" w:lineRule="auto"/>
        <w:ind w:left="91" w:firstLine="0"/>
        <w:jc w:val="left"/>
      </w:pPr>
      <w:r>
        <w:t xml:space="preserve"> </w:t>
      </w:r>
    </w:p>
    <w:p w14:paraId="09129EE4" w14:textId="77777777" w:rsidR="00CF54CB" w:rsidRDefault="00344004">
      <w:pPr>
        <w:ind w:left="105" w:right="840" w:firstLine="6"/>
      </w:pPr>
      <w:r>
        <w:lastRenderedPageBreak/>
        <w:t xml:space="preserve">All creditors and interested parties (such as Guaranty Funds) are granted full access to the plan and all information related to the plan. Both creditors and interested parties are given an opportunity to file comments or objections to the plan with the court (R.I. Gen. Laws § 27-14.5-4(b)(3)). Ultimately, all creditors must be given an opportunity to vote on the commutation plan, and approval of the plan requires consent of at least i) 50% of each class of creditors, and ii) the holders of 75% in value of the liabilities owed to each class of creditors (R.I. Gen. Laws § 27-14.5-4(b)(4)). However, it is important to note that only the claims of creditors present or voting through proxy at the meeting of the creditors are counted toward determining whether the requisite majorities have been achieved. (See Insurance Regulation 684(e)(i).) </w:t>
      </w:r>
    </w:p>
    <w:p w14:paraId="2A664A26" w14:textId="77777777" w:rsidR="00CF54CB" w:rsidRDefault="00344004">
      <w:pPr>
        <w:spacing w:after="0" w:line="259" w:lineRule="auto"/>
        <w:ind w:left="91" w:firstLine="0"/>
        <w:jc w:val="left"/>
      </w:pPr>
      <w:r>
        <w:rPr>
          <w:sz w:val="22"/>
          <w:szCs w:val="22"/>
        </w:rPr>
        <w:t xml:space="preserve"> </w:t>
      </w:r>
    </w:p>
    <w:p w14:paraId="31376BEC" w14:textId="77777777" w:rsidR="00CF54CB" w:rsidRDefault="00344004">
      <w:pPr>
        <w:spacing w:after="166"/>
        <w:ind w:left="105" w:right="836" w:firstLine="6"/>
      </w:pPr>
      <w:r>
        <w:t xml:space="preserve">Upon approval of the commutation plan by the creditors, the company must petition the court to enter an order confirming the approval and allowing implementation of the plan (R.I. Gen. Laws § 27-14.5- 4(c)(1)). The implementation order must enjoin all litigation in all jurisdictions between the applicant and creditors, as well as release the applicant of all obligations to its creditors upon payment </w:t>
      </w:r>
    </w:p>
    <w:p w14:paraId="36340797" w14:textId="77777777" w:rsidR="00CF54CB" w:rsidRDefault="00344004">
      <w:pPr>
        <w:spacing w:after="0" w:line="259" w:lineRule="auto"/>
        <w:ind w:left="91" w:firstLine="0"/>
        <w:jc w:val="left"/>
      </w:pPr>
      <w:r>
        <w:rPr>
          <w:rFonts w:ascii="Calibri" w:eastAsia="Calibri" w:hAnsi="Calibri" w:cs="Calibri"/>
          <w:noProof/>
          <w:sz w:val="22"/>
          <w:szCs w:val="22"/>
        </w:rPr>
        <mc:AlternateContent>
          <mc:Choice Requires="wpg">
            <w:drawing>
              <wp:inline distT="0" distB="0" distL="0" distR="0" wp14:anchorId="195B64B0" wp14:editId="62327772">
                <wp:extent cx="1828800" cy="9144"/>
                <wp:effectExtent l="0" t="0" r="0" b="0"/>
                <wp:docPr id="117655" name="Group 117655" descr="P940#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56" name="Group 117656"/>
                        <wpg:cNvGrpSpPr/>
                        <wpg:grpSpPr>
                          <a:xfrm>
                            <a:off x="4431600" y="3775428"/>
                            <a:ext cx="1828800" cy="9144"/>
                            <a:chOff x="0" y="0"/>
                            <a:chExt cx="1828800" cy="9144"/>
                          </a:xfrm>
                        </wpg:grpSpPr>
                        <wps:wsp>
                          <wps:cNvPr id="117657" name="Rectangle 117657"/>
                          <wps:cNvSpPr/>
                          <wps:spPr>
                            <a:xfrm>
                              <a:off x="0" y="0"/>
                              <a:ext cx="1828800" cy="9125"/>
                            </a:xfrm>
                            <a:prstGeom prst="rect">
                              <a:avLst/>
                            </a:prstGeom>
                            <a:noFill/>
                            <a:ln>
                              <a:noFill/>
                            </a:ln>
                          </wps:spPr>
                          <wps:txbx>
                            <w:txbxContent>
                              <w:p w14:paraId="6F703BC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58" name="Freeform: Shape 117658"/>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195B64B0" id="Group 117655" o:spid="_x0000_s1288" alt="P940#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">
                <v:group id="Group 117656" o:spid="_x0000_s1289"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">
                  <v:rect id="Rectangle 117657" o:spid="_x0000_s1290"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" filled="f" stroked="f">
                    <v:textbox inset="2.53958mm,2.53958mm,2.53958mm,2.53958mm">
                      <w:txbxContent>
                        <w:p w14:paraId="6F703BC5" w14:textId="77777777" w:rsidR="00CF54CB" w:rsidRDefault="00CF54CB">
                          <w:pPr>
                            <w:spacing w:after="0" w:line="240" w:lineRule="auto"/>
                            <w:ind w:left="0" w:firstLine="0"/>
                            <w:jc w:val="left"/>
                            <w:textDirection w:val="btLr"/>
                          </w:pPr>
                        </w:p>
                      </w:txbxContent>
                    </v:textbox>
                  </v:rect>
                  <v:shape id="Freeform: Shape 117658" o:spid="_x0000_s1291"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0513F0F1" w14:textId="77777777" w:rsidR="00CF54CB" w:rsidRDefault="00344004">
      <w:pPr>
        <w:ind w:left="105" w:right="836" w:firstLine="6"/>
      </w:pPr>
      <w:r>
        <w:t xml:space="preserve">of the amounts specified in the plan (R.I. Gen. Laws § 27-14.5-4(c)(2)). The court may only issue an implementation order if it determines that implementation of the commutation plan would not materially adversely affect either the interests of objecting creditors or the interests of assumption policyholders (R.I. Gen. Laws § 27-14.5-(c)(1)(ii)). The court does have a responsibility to ensure that all policyholders and creditors have been treated fairly. Once the implementation order is entered, distribution to creditors may begin. </w:t>
      </w:r>
    </w:p>
    <w:p w14:paraId="690F1328" w14:textId="77777777" w:rsidR="00CF54CB" w:rsidRDefault="00344004">
      <w:pPr>
        <w:spacing w:after="0" w:line="259" w:lineRule="auto"/>
        <w:ind w:left="91" w:firstLine="0"/>
        <w:jc w:val="left"/>
      </w:pPr>
      <w:r>
        <w:t xml:space="preserve"> </w:t>
      </w:r>
    </w:p>
    <w:p w14:paraId="025EDBEC" w14:textId="77777777" w:rsidR="00CF54CB" w:rsidRDefault="00344004">
      <w:pPr>
        <w:ind w:left="105" w:right="840" w:firstLine="6"/>
      </w:pPr>
      <w:r>
        <w:t xml:space="preserve">After implementation and upon completion of the commutation plan, the court can issue an order of discharge or dissolution. As a result of this order, the company is either i) dissolved or ii) discharged from the proceeding without any liabilities. At this point, any residual assets are distributed to the company owners (R.I. Gen. Laws § 27-14.5-4(d)). </w:t>
      </w:r>
    </w:p>
    <w:p w14:paraId="0C279FEA" w14:textId="77777777" w:rsidR="00CF54CB" w:rsidRDefault="00344004">
      <w:pPr>
        <w:spacing w:after="0" w:line="259" w:lineRule="auto"/>
        <w:ind w:left="91" w:firstLine="0"/>
        <w:jc w:val="left"/>
      </w:pPr>
      <w:r>
        <w:rPr>
          <w:sz w:val="23"/>
          <w:szCs w:val="23"/>
        </w:rPr>
        <w:t xml:space="preserve"> </w:t>
      </w:r>
    </w:p>
    <w:p w14:paraId="672E89CE" w14:textId="77777777" w:rsidR="00CF54CB" w:rsidRDefault="00344004">
      <w:pPr>
        <w:ind w:left="105" w:right="841" w:firstLine="6"/>
      </w:pPr>
      <w:r>
        <w:t xml:space="preserve">One of the key aspects of the process is that the court’s implementation order releases the insurer from all obligations to its creditors upon payment of the amounts specified in the commutation plan. This brings about a court-ordered finality to the run-off that would not be possible utilizing traditional run-off options. To this end, the order actually binds the insurer and all of its creditors and owners, whether or not a particular creditor or owner is affected by the plan or has accepted the plan, or whether or not the creditor or owner ultimately receives money under the plan. The order is also binding whether or not creditors had actual notice (R.I. Gen. Laws § 27-14.5-3(b)). </w:t>
      </w:r>
    </w:p>
    <w:p w14:paraId="7F69A4B3" w14:textId="77777777" w:rsidR="00CF54CB" w:rsidRDefault="00344004">
      <w:pPr>
        <w:spacing w:after="0" w:line="259" w:lineRule="auto"/>
        <w:ind w:left="91" w:firstLine="0"/>
        <w:jc w:val="left"/>
      </w:pPr>
      <w:r>
        <w:t xml:space="preserve"> </w:t>
      </w:r>
    </w:p>
    <w:p w14:paraId="12E06822" w14:textId="77777777" w:rsidR="00CF54CB" w:rsidRDefault="00344004">
      <w:pPr>
        <w:ind w:left="105" w:right="837" w:firstLine="6"/>
      </w:pPr>
      <w:r>
        <w:t xml:space="preserve">It is also important to note that because the restructuring mechanism provided for by the statute would not be appropriate or practical for companies with a large number of small creditors with very diverse interests, the statute is restricted to use by reinsurers and </w:t>
      </w:r>
      <w:r>
        <w:rPr>
          <w:u w:val="single"/>
        </w:rPr>
        <w:t>commercial</w:t>
      </w:r>
      <w:r>
        <w:t xml:space="preserve"> property and casualty insurers. It includes express limitations on the lines of business that can be included in a commutation plan, and specifically excludes all life insurance, workers’ compensation and personal lines (See R.I. Gen. Laws § 27-14.5-1(21)). However, in cases where a company does have excluded lines, the statute provides for a bifurcated process for disposing of all lines of business within the context of the runoff scheme. Commercial lines would be included in the commutation plan, and, if possible, excluded lines would be transferred to an eligible insurer through court-ordered and department-sanctioned assumption reinsurance (See R.I. Gen. Laws § 27-14.5-1(6) and R.I. Gen. Laws § 27-14.5-4(d)(2)(ii)). </w:t>
      </w:r>
      <w:r>
        <w:lastRenderedPageBreak/>
        <w:t xml:space="preserve">Again, the process is available only to solvent companies—the theory being that the restructuring would permit all liabilities to be paid in full. </w:t>
      </w:r>
    </w:p>
    <w:p w14:paraId="460792A1" w14:textId="77777777" w:rsidR="00CF54CB" w:rsidRDefault="00344004">
      <w:pPr>
        <w:spacing w:after="0" w:line="259" w:lineRule="auto"/>
        <w:ind w:left="91" w:firstLine="0"/>
        <w:jc w:val="left"/>
      </w:pPr>
      <w:r>
        <w:rPr>
          <w:sz w:val="23"/>
          <w:szCs w:val="23"/>
        </w:rPr>
        <w:t xml:space="preserve"> </w:t>
      </w:r>
    </w:p>
    <w:p w14:paraId="2B90FFC2" w14:textId="77777777" w:rsidR="00CF54CB" w:rsidRDefault="00344004">
      <w:pPr>
        <w:ind w:left="105" w:right="834" w:firstLine="6"/>
      </w:pPr>
      <w:r>
        <w:t xml:space="preserve">The definition of “Commercial Run-off Insurer” under the statute was expanded by amendment in 2007 to include companies newly formed or re-activated under Rhode Island law solely for the purpose of accepting transferred business for restructuring pursuant to the statute (See R.I. Gen. Laws § 27-14.5- 1(6)). The purpose of this amendment was to expand the population of insurers that might qualify for the process. The amendment permits an insurer to transfer some or all of its commercial liabilities (a very controversial process) to a newly formed run-off entity for the sole purpose of implementing a commutation plan pursuant to the statute. The original insurer would be allowed to continue writing business with no further obligations under the transferred policies. Any such transfer would require prior approval of the department. </w:t>
      </w:r>
    </w:p>
    <w:p w14:paraId="74B08413" w14:textId="77777777" w:rsidR="00CF54CB" w:rsidRDefault="00344004">
      <w:pPr>
        <w:spacing w:after="0" w:line="259" w:lineRule="auto"/>
        <w:ind w:left="91" w:firstLine="0"/>
        <w:jc w:val="left"/>
      </w:pPr>
      <w:r>
        <w:t xml:space="preserve"> </w:t>
      </w:r>
    </w:p>
    <w:p w14:paraId="32C7BB7F" w14:textId="77777777" w:rsidR="00CF54CB" w:rsidRDefault="00344004">
      <w:pPr>
        <w:ind w:left="105" w:right="396" w:firstLine="6"/>
      </w:pPr>
      <w:r>
        <w:t xml:space="preserve">Since the statute’s enactment in 2002, no insurer has availed itself of the statute, and no other U.S. state has adopted a similar law. </w:t>
      </w:r>
    </w:p>
    <w:p w14:paraId="3370D4E0" w14:textId="77777777" w:rsidR="00CF54CB" w:rsidRDefault="00344004">
      <w:pPr>
        <w:spacing w:after="0" w:line="259" w:lineRule="auto"/>
        <w:ind w:left="91" w:firstLine="0"/>
        <w:jc w:val="left"/>
      </w:pPr>
      <w:r>
        <w:t xml:space="preserve"> </w:t>
      </w:r>
    </w:p>
    <w:p w14:paraId="0AA351C5" w14:textId="77777777" w:rsidR="00CF54CB" w:rsidRDefault="00344004">
      <w:pPr>
        <w:spacing w:after="4" w:line="265" w:lineRule="auto"/>
        <w:ind w:left="821" w:right="56" w:hanging="10"/>
        <w:jc w:val="left"/>
      </w:pPr>
      <w:r>
        <w:rPr>
          <w:b/>
        </w:rPr>
        <w:t>2.</w:t>
      </w:r>
      <w:r>
        <w:rPr>
          <w:rFonts w:ascii="Arial" w:eastAsia="Arial" w:hAnsi="Arial" w:cs="Arial"/>
          <w:b/>
        </w:rPr>
        <w:t xml:space="preserve"> </w:t>
      </w:r>
      <w:r>
        <w:rPr>
          <w:b/>
        </w:rPr>
        <w:t>A</w:t>
      </w:r>
      <w:r>
        <w:rPr>
          <w:b/>
          <w:sz w:val="19"/>
          <w:szCs w:val="19"/>
        </w:rPr>
        <w:t>DVANTAGES</w:t>
      </w:r>
      <w:r>
        <w:rPr>
          <w:b/>
        </w:rPr>
        <w:t>/D</w:t>
      </w:r>
      <w:r>
        <w:rPr>
          <w:b/>
          <w:sz w:val="19"/>
          <w:szCs w:val="19"/>
        </w:rPr>
        <w:t xml:space="preserve">ISADVANTAGES </w:t>
      </w:r>
    </w:p>
    <w:p w14:paraId="3684B57A" w14:textId="77777777" w:rsidR="00CF54CB" w:rsidRDefault="00344004">
      <w:pPr>
        <w:spacing w:after="2" w:line="259" w:lineRule="auto"/>
        <w:ind w:left="91" w:firstLine="0"/>
        <w:jc w:val="left"/>
      </w:pPr>
      <w:r>
        <w:rPr>
          <w:b/>
        </w:rPr>
        <w:t xml:space="preserve"> </w:t>
      </w:r>
    </w:p>
    <w:p w14:paraId="1C32EB08" w14:textId="77777777" w:rsidR="00CF54CB" w:rsidRDefault="00344004">
      <w:pPr>
        <w:spacing w:after="4" w:line="265" w:lineRule="auto"/>
        <w:ind w:left="1166" w:right="56" w:hanging="10"/>
        <w:jc w:val="left"/>
      </w:pPr>
      <w:r>
        <w:rPr>
          <w:b/>
        </w:rPr>
        <w:t>A</w:t>
      </w:r>
      <w:r>
        <w:rPr>
          <w:b/>
          <w:sz w:val="19"/>
          <w:szCs w:val="19"/>
        </w:rPr>
        <w:t xml:space="preserve">DVANTAGES </w:t>
      </w:r>
    </w:p>
    <w:p w14:paraId="686F3FFC" w14:textId="77777777" w:rsidR="00CF54CB" w:rsidRDefault="00344004">
      <w:pPr>
        <w:numPr>
          <w:ilvl w:val="0"/>
          <w:numId w:val="20"/>
        </w:numPr>
        <w:spacing w:after="30"/>
        <w:ind w:right="396" w:hanging="360"/>
      </w:pPr>
      <w:r>
        <w:t xml:space="preserve">Might provide a better solution for policyholders and investors than traditional run-off options (creditor democracy). </w:t>
      </w:r>
    </w:p>
    <w:p w14:paraId="0EF69B97" w14:textId="77777777" w:rsidR="00CF54CB" w:rsidRDefault="00344004">
      <w:pPr>
        <w:numPr>
          <w:ilvl w:val="0"/>
          <w:numId w:val="20"/>
        </w:numPr>
        <w:ind w:right="396" w:hanging="360"/>
      </w:pPr>
      <w:r>
        <w:t xml:space="preserve">Provides certainty of payment to creditors of present and future claims. </w:t>
      </w:r>
    </w:p>
    <w:p w14:paraId="25BB98B1" w14:textId="77777777" w:rsidR="00CF54CB" w:rsidRDefault="00344004">
      <w:pPr>
        <w:numPr>
          <w:ilvl w:val="0"/>
          <w:numId w:val="20"/>
        </w:numPr>
        <w:spacing w:after="32"/>
        <w:ind w:right="396" w:hanging="360"/>
      </w:pPr>
      <w:r>
        <w:t xml:space="preserve">Avoidance of a lengthy run-off with the associated ongoing administrative costs, adverse claim development and deteriorating reinsurance collections. </w:t>
      </w:r>
    </w:p>
    <w:p w14:paraId="28DD97EB" w14:textId="77777777" w:rsidR="00CF54CB" w:rsidRDefault="00344004">
      <w:pPr>
        <w:numPr>
          <w:ilvl w:val="0"/>
          <w:numId w:val="20"/>
        </w:numPr>
        <w:ind w:right="396" w:hanging="360"/>
      </w:pPr>
      <w:r>
        <w:t xml:space="preserve">Provides certainty of payment by reinsurers. </w:t>
      </w:r>
    </w:p>
    <w:p w14:paraId="5819CF23" w14:textId="77777777" w:rsidR="00CF54CB" w:rsidRDefault="00344004">
      <w:pPr>
        <w:numPr>
          <w:ilvl w:val="0"/>
          <w:numId w:val="20"/>
        </w:numPr>
        <w:ind w:right="396" w:hanging="360"/>
      </w:pPr>
      <w:r>
        <w:t xml:space="preserve">Accelerated release of capital to shareholders at the conclusion of the process, allowing for more efficient deployment of capital to non-run-off operations. </w:t>
      </w:r>
    </w:p>
    <w:p w14:paraId="712C5777" w14:textId="77777777" w:rsidR="00CF54CB" w:rsidRDefault="00344004">
      <w:pPr>
        <w:numPr>
          <w:ilvl w:val="0"/>
          <w:numId w:val="20"/>
        </w:numPr>
        <w:ind w:right="396" w:hanging="360"/>
      </w:pPr>
      <w:r>
        <w:t xml:space="preserve">Such mechanisms might attract capital to the industry, as the availability of a reasonable exit mechanism for these companies will create an active market for investment in run-off companies. </w:t>
      </w:r>
    </w:p>
    <w:p w14:paraId="4D2463B2" w14:textId="77777777" w:rsidR="00CF54CB" w:rsidRDefault="00344004">
      <w:pPr>
        <w:spacing w:after="10" w:line="259" w:lineRule="auto"/>
        <w:ind w:left="91" w:firstLine="0"/>
        <w:jc w:val="left"/>
      </w:pPr>
      <w:r>
        <w:rPr>
          <w:sz w:val="23"/>
          <w:szCs w:val="23"/>
        </w:rPr>
        <w:t xml:space="preserve"> </w:t>
      </w:r>
    </w:p>
    <w:p w14:paraId="08117A0F" w14:textId="77777777" w:rsidR="00CF54CB" w:rsidRDefault="00344004">
      <w:pPr>
        <w:spacing w:after="4" w:line="265" w:lineRule="auto"/>
        <w:ind w:left="1166" w:right="56" w:hanging="10"/>
        <w:jc w:val="left"/>
      </w:pPr>
      <w:r>
        <w:rPr>
          <w:b/>
        </w:rPr>
        <w:t>D</w:t>
      </w:r>
      <w:r>
        <w:rPr>
          <w:b/>
          <w:sz w:val="19"/>
          <w:szCs w:val="19"/>
        </w:rPr>
        <w:t xml:space="preserve">ISADVANTAGES </w:t>
      </w:r>
    </w:p>
    <w:p w14:paraId="2184557C" w14:textId="77777777" w:rsidR="00CF54CB" w:rsidRDefault="00344004">
      <w:pPr>
        <w:numPr>
          <w:ilvl w:val="0"/>
          <w:numId w:val="20"/>
        </w:numPr>
        <w:ind w:right="396" w:hanging="360"/>
      </w:pPr>
      <w:r>
        <w:t xml:space="preserve">Permits an insurer to terminate coverage and extinguish liabilities over the objections of policyholders and creditors who are in the minority. </w:t>
      </w:r>
    </w:p>
    <w:p w14:paraId="6CD04D30" w14:textId="77777777" w:rsidR="00CF54CB" w:rsidRDefault="00344004">
      <w:pPr>
        <w:numPr>
          <w:ilvl w:val="0"/>
          <w:numId w:val="20"/>
        </w:numPr>
        <w:ind w:right="396" w:hanging="360"/>
      </w:pPr>
      <w:r>
        <w:t xml:space="preserve">Creditors are bound by the plan whether they had notice or not, and only those present or voting through proxy are counted toward establishing the requisite majority, which may create incentives to manipulate notice (though the department and court could take steps to prevent such manipulation). </w:t>
      </w:r>
    </w:p>
    <w:p w14:paraId="0E2E0DCC" w14:textId="77777777" w:rsidR="00CF54CB" w:rsidRDefault="00344004">
      <w:pPr>
        <w:numPr>
          <w:ilvl w:val="0"/>
          <w:numId w:val="20"/>
        </w:numPr>
        <w:ind w:right="396" w:hanging="360"/>
      </w:pPr>
      <w:r>
        <w:t xml:space="preserve">Although the process is limited to solvent insurers and the intent therefore is that full value will be paid to all creditors, there are no guarantees that all policyholders will receive full value, or even present value for their claims (especially those with IBNR claims). </w:t>
      </w:r>
    </w:p>
    <w:p w14:paraId="17D3F931" w14:textId="77777777" w:rsidR="00CF54CB" w:rsidRDefault="00344004">
      <w:pPr>
        <w:numPr>
          <w:ilvl w:val="0"/>
          <w:numId w:val="20"/>
        </w:numPr>
        <w:ind w:right="396" w:hanging="360"/>
      </w:pPr>
      <w:r>
        <w:t xml:space="preserve">There is no reference to segregating and preserving reserve assets for excluded lines, or any explanation as to how policies and claims would be administered and paid during the interim period prior to completion of the plan. </w:t>
      </w:r>
    </w:p>
    <w:p w14:paraId="3A0B9B7A" w14:textId="77777777" w:rsidR="00CF54CB" w:rsidRDefault="00344004">
      <w:pPr>
        <w:numPr>
          <w:ilvl w:val="0"/>
          <w:numId w:val="20"/>
        </w:numPr>
        <w:spacing w:after="34"/>
        <w:ind w:right="396" w:hanging="360"/>
      </w:pPr>
      <w:r>
        <w:t xml:space="preserve">Questions concerning the enforceability of any such plan across state lines may leave companies exposed to further risk, litigation and disruption or termination of a plan—i.e., even </w:t>
      </w:r>
      <w:r>
        <w:lastRenderedPageBreak/>
        <w:t>if the Rhode Island court did approve the plan, it is possible that policyholder or claimant actions could arise in other states’ courts, (or perhaps federal courts), resulting in enforcement and implementation issues for the company attempting the restructuring.</w:t>
      </w:r>
      <w:r>
        <w:rPr>
          <w:rFonts w:ascii="ZWAdobeF" w:eastAsia="ZWAdobeF" w:hAnsi="ZWAdobeF" w:cs="ZWAdobeF"/>
          <w:sz w:val="2"/>
          <w:szCs w:val="2"/>
        </w:rPr>
        <w:t>49F</w:t>
      </w:r>
      <w:r>
        <w:rPr>
          <w:vertAlign w:val="superscript"/>
        </w:rPr>
        <w:footnoteReference w:id="55"/>
      </w:r>
      <w:r>
        <w:t xml:space="preserve"> </w:t>
      </w:r>
    </w:p>
    <w:p w14:paraId="6A586684" w14:textId="77777777" w:rsidR="00CF54CB" w:rsidRDefault="00344004">
      <w:pPr>
        <w:numPr>
          <w:ilvl w:val="0"/>
          <w:numId w:val="20"/>
        </w:numPr>
        <w:ind w:right="396" w:hanging="360"/>
      </w:pPr>
      <w:r>
        <w:t xml:space="preserve">Although the Rhode Island plan is available only to commercial insurers and reinsurers in run- off, the plan is not exclusively limited to “troubled” companies; thus, any commercial run-off insurer could conceivably use this mechanism to cease operations and eliminate ongoing claims payment liability. </w:t>
      </w:r>
    </w:p>
    <w:p w14:paraId="5C61D5EE" w14:textId="77777777" w:rsidR="00CF54CB" w:rsidRDefault="00344004">
      <w:pPr>
        <w:numPr>
          <w:ilvl w:val="0"/>
          <w:numId w:val="20"/>
        </w:numPr>
        <w:ind w:right="396" w:hanging="360"/>
      </w:pPr>
      <w:r>
        <w:t xml:space="preserve">Despite the fact that there is significant statutorily delineated regulatory guidance included in the Rhode Island framework (unlike UK solvent schemes), parties may view Rhode Island’s “commutation plan” statute as simply a domestic version of the UK’s solvent schemes and attribute all of the disadvantages associated with UK-like solvent schemes of arrangements (listed below in D-2) to the Rhode Island system. </w:t>
      </w:r>
    </w:p>
    <w:p w14:paraId="3058EE98" w14:textId="77777777" w:rsidR="00CF54CB" w:rsidRDefault="00344004">
      <w:pPr>
        <w:numPr>
          <w:ilvl w:val="0"/>
          <w:numId w:val="20"/>
        </w:numPr>
        <w:ind w:right="396" w:hanging="360"/>
      </w:pPr>
      <w:r>
        <w:t>Because the Rhode Island statute allows for the formation or reactivation of a domestic company and the transfer of assets and liabilities to that company, certain parties view this as allowing a “ring-fence” of assets, unfairly shielding assets from creditors.</w:t>
      </w:r>
      <w:r>
        <w:rPr>
          <w:sz w:val="26"/>
          <w:szCs w:val="26"/>
        </w:rPr>
        <w:t xml:space="preserve"> </w:t>
      </w:r>
    </w:p>
    <w:p w14:paraId="5EC5FC9B" w14:textId="77777777" w:rsidR="00CF54CB" w:rsidRDefault="00344004">
      <w:pPr>
        <w:spacing w:after="0" w:line="259" w:lineRule="auto"/>
        <w:ind w:left="91" w:firstLine="0"/>
        <w:jc w:val="left"/>
      </w:pPr>
      <w:r>
        <w:rPr>
          <w:rFonts w:ascii="Calibri" w:eastAsia="Calibri" w:hAnsi="Calibri" w:cs="Calibri"/>
          <w:noProof/>
          <w:sz w:val="22"/>
          <w:szCs w:val="22"/>
        </w:rPr>
        <mc:AlternateContent>
          <mc:Choice Requires="wpg">
            <w:drawing>
              <wp:inline distT="0" distB="0" distL="0" distR="0" wp14:anchorId="451D4381" wp14:editId="0EB385B5">
                <wp:extent cx="1828800" cy="9144"/>
                <wp:effectExtent l="0" t="0" r="0" b="0"/>
                <wp:docPr id="117659" name="Group 117659" descr="P972#y1"/>
                <wp:cNvGraphicFramePr/>
                <a:graphic xmlns:a="http://schemas.openxmlformats.org/drawingml/2006/main">
                  <a:graphicData uri="http://schemas.microsoft.com/office/word/2010/wordprocessingGroup">
                    <wpg:wgp>
                      <wpg:cNvGrpSpPr/>
                      <wpg:grpSpPr>
                        <a:xfrm>
                          <a:off x="0" y="0"/>
                          <a:ext cx="1828800" cy="9144"/>
                          <a:chOff x="4431600" y="3775428"/>
                          <a:chExt cx="1828800" cy="9144"/>
                        </a:xfrm>
                      </wpg:grpSpPr>
                      <wpg:grpSp>
                        <wpg:cNvPr id="117660" name="Group 117660"/>
                        <wpg:cNvGrpSpPr/>
                        <wpg:grpSpPr>
                          <a:xfrm>
                            <a:off x="4431600" y="3775428"/>
                            <a:ext cx="1828800" cy="9144"/>
                            <a:chOff x="0" y="0"/>
                            <a:chExt cx="1828800" cy="9144"/>
                          </a:xfrm>
                        </wpg:grpSpPr>
                        <wps:wsp>
                          <wps:cNvPr id="117661" name="Rectangle 117661"/>
                          <wps:cNvSpPr/>
                          <wps:spPr>
                            <a:xfrm>
                              <a:off x="0" y="0"/>
                              <a:ext cx="1828800" cy="9125"/>
                            </a:xfrm>
                            <a:prstGeom prst="rect">
                              <a:avLst/>
                            </a:prstGeom>
                            <a:noFill/>
                            <a:ln>
                              <a:noFill/>
                            </a:ln>
                          </wps:spPr>
                          <wps:txbx>
                            <w:txbxContent>
                              <w:p w14:paraId="273C1002"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62" name="Freeform: Shape 117662"/>
                          <wps:cNvSpPr/>
                          <wps:spPr>
                            <a:xfrm>
                              <a:off x="0" y="0"/>
                              <a:ext cx="1828800" cy="9144"/>
                            </a:xfrm>
                            <a:custGeom>
                              <a:avLst/>
                              <a:gdLst/>
                              <a:ahLst/>
                              <a:cxnLst/>
                              <a:rect l="l" t="t" r="r" b="b"/>
                              <a:pathLst>
                                <a:path w="1828800" h="9144" extrusionOk="0">
                                  <a:moveTo>
                                    <a:pt x="0" y="0"/>
                                  </a:moveTo>
                                  <a:lnTo>
                                    <a:pt x="1828800" y="0"/>
                                  </a:lnTo>
                                  <a:lnTo>
                                    <a:pt x="18288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451D4381" id="Group 117659" o:spid="_x0000_s1292" alt="P972#y1" style="width:2in;height:.7pt;mso-position-horizontal-relative:char;mso-position-vertical-relative:line" coordorigin="44316,37754" coordsize="18288,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">
                <v:group id="Group 117660" o:spid="_x0000_s1293" style="position:absolute;left:44316;top:37754;width:18288;height:91" coordsize="18288,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">
                  <v:rect id="Rectangle 117661" o:spid="_x0000_s1294" style="position:absolute;width:18288;height: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" filled="f" stroked="f">
                    <v:textbox inset="2.53958mm,2.53958mm,2.53958mm,2.53958mm">
                      <w:txbxContent>
                        <w:p w14:paraId="273C1002" w14:textId="77777777" w:rsidR="00CF54CB" w:rsidRDefault="00CF54CB">
                          <w:pPr>
                            <w:spacing w:after="0" w:line="240" w:lineRule="auto"/>
                            <w:ind w:left="0" w:firstLine="0"/>
                            <w:jc w:val="left"/>
                            <w:textDirection w:val="btLr"/>
                          </w:pPr>
                        </w:p>
                      </w:txbxContent>
                    </v:textbox>
                  </v:rect>
                  <v:shape id="Freeform: Shape 117662" o:spid="_x0000_s1295" style="position:absolute;width:18288;height:91;visibility:visible;mso-wrap-style:square;v-text-anchor:middle" coordsize="18288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" path="m,l1828800,r,9144l,9144,,e" fillcolor="black" stroked="f">
                    <v:path arrowok="t" o:extrusionok="f"/>
                  </v:shape>
                </v:group>
                <w10:anchorlock/>
              </v:group>
            </w:pict>
          </mc:Fallback>
        </mc:AlternateContent>
      </w:r>
      <w:r>
        <w:rPr>
          <w:rFonts w:ascii="Calibri" w:eastAsia="Calibri" w:hAnsi="Calibri" w:cs="Calibri"/>
          <w:sz w:val="22"/>
          <w:szCs w:val="22"/>
        </w:rPr>
        <w:t xml:space="preserve"> </w:t>
      </w:r>
    </w:p>
    <w:p w14:paraId="6C78B9C5" w14:textId="77777777" w:rsidR="00CF54CB" w:rsidRDefault="00344004">
      <w:pPr>
        <w:pStyle w:val="Heading3"/>
        <w:ind w:left="86" w:firstLine="91"/>
      </w:pPr>
      <w:r>
        <w:rPr>
          <w:sz w:val="28"/>
          <w:szCs w:val="28"/>
        </w:rPr>
        <w:t>M</w:t>
      </w:r>
      <w:r>
        <w:t xml:space="preserve">ECHANISMS </w:t>
      </w:r>
      <w:r>
        <w:rPr>
          <w:sz w:val="28"/>
          <w:szCs w:val="28"/>
        </w:rPr>
        <w:t>A</w:t>
      </w:r>
      <w:r>
        <w:t xml:space="preserve">VAILABLE TO </w:t>
      </w:r>
      <w:r>
        <w:rPr>
          <w:sz w:val="28"/>
          <w:szCs w:val="28"/>
        </w:rPr>
        <w:t>I</w:t>
      </w:r>
      <w:r>
        <w:t xml:space="preserve">NSURERS </w:t>
      </w:r>
      <w:r>
        <w:rPr>
          <w:sz w:val="28"/>
          <w:szCs w:val="28"/>
        </w:rPr>
        <w:t>O</w:t>
      </w:r>
      <w:r>
        <w:t xml:space="preserve">UTSIDE THE </w:t>
      </w:r>
      <w:r>
        <w:rPr>
          <w:sz w:val="28"/>
          <w:szCs w:val="28"/>
        </w:rPr>
        <w:t>U</w:t>
      </w:r>
      <w:r>
        <w:t xml:space="preserve">NITED </w:t>
      </w:r>
      <w:r>
        <w:rPr>
          <w:sz w:val="28"/>
          <w:szCs w:val="28"/>
        </w:rPr>
        <w:t>S</w:t>
      </w:r>
      <w:r>
        <w:t xml:space="preserve">TATES AND </w:t>
      </w:r>
      <w:r>
        <w:rPr>
          <w:sz w:val="28"/>
          <w:szCs w:val="28"/>
        </w:rPr>
        <w:t>R</w:t>
      </w:r>
      <w:r>
        <w:t>ELATED</w:t>
      </w:r>
      <w:r>
        <w:rPr>
          <w:u w:val="none"/>
        </w:rPr>
        <w:t xml:space="preserve"> </w:t>
      </w:r>
      <w:r>
        <w:rPr>
          <w:sz w:val="28"/>
          <w:szCs w:val="28"/>
        </w:rPr>
        <w:t>T</w:t>
      </w:r>
      <w:r>
        <w:t>ERRITORIES</w:t>
      </w:r>
      <w:r>
        <w:rPr>
          <w:sz w:val="28"/>
          <w:szCs w:val="28"/>
          <w:u w:val="none"/>
        </w:rPr>
        <w:t xml:space="preserve"> </w:t>
      </w:r>
    </w:p>
    <w:p w14:paraId="6E7BB73F" w14:textId="77777777" w:rsidR="00CF54CB" w:rsidRDefault="00344004">
      <w:pPr>
        <w:spacing w:after="168" w:line="259" w:lineRule="auto"/>
        <w:ind w:left="91" w:firstLine="0"/>
        <w:jc w:val="left"/>
      </w:pPr>
      <w:r>
        <w:rPr>
          <w:b/>
          <w:i/>
          <w:sz w:val="20"/>
          <w:szCs w:val="20"/>
        </w:rPr>
        <w:t xml:space="preserve"> </w:t>
      </w:r>
    </w:p>
    <w:p w14:paraId="1B31CF52" w14:textId="77777777" w:rsidR="00CF54CB" w:rsidRDefault="00344004" w:rsidP="00B078CA">
      <w:pPr>
        <w:pStyle w:val="Heading2"/>
      </w:pPr>
      <w:r>
        <w:t>D.</w:t>
      </w:r>
      <w:r>
        <w:rPr>
          <w:rFonts w:ascii="Arial" w:eastAsia="Arial" w:hAnsi="Arial" w:cs="Arial"/>
        </w:rPr>
        <w:t xml:space="preserve"> </w:t>
      </w:r>
      <w:r>
        <w:rPr>
          <w:sz w:val="28"/>
          <w:szCs w:val="28"/>
        </w:rPr>
        <w:t>UK-L</w:t>
      </w:r>
      <w:r>
        <w:t xml:space="preserve">IKE </w:t>
      </w:r>
      <w:r>
        <w:rPr>
          <w:sz w:val="28"/>
          <w:szCs w:val="28"/>
        </w:rPr>
        <w:t>S</w:t>
      </w:r>
      <w:r>
        <w:t xml:space="preserve">OLVENT </w:t>
      </w:r>
      <w:r>
        <w:rPr>
          <w:sz w:val="28"/>
          <w:szCs w:val="28"/>
        </w:rPr>
        <w:t>S</w:t>
      </w:r>
      <w:r>
        <w:t xml:space="preserve">CHEMES OF </w:t>
      </w:r>
      <w:r>
        <w:rPr>
          <w:sz w:val="28"/>
          <w:szCs w:val="28"/>
        </w:rPr>
        <w:t>A</w:t>
      </w:r>
      <w:r>
        <w:t xml:space="preserve">RRANGEMENTS </w:t>
      </w:r>
    </w:p>
    <w:p w14:paraId="60EB31C3" w14:textId="77777777" w:rsidR="00CF54CB" w:rsidRDefault="00344004">
      <w:pPr>
        <w:spacing w:after="16" w:line="259" w:lineRule="auto"/>
        <w:ind w:left="91" w:firstLine="0"/>
        <w:jc w:val="left"/>
      </w:pPr>
      <w:r>
        <w:rPr>
          <w:b/>
          <w:sz w:val="23"/>
          <w:szCs w:val="23"/>
        </w:rPr>
        <w:t xml:space="preserve"> </w:t>
      </w:r>
    </w:p>
    <w:p w14:paraId="39E0EFCA" w14:textId="77777777" w:rsidR="00CF54CB" w:rsidRDefault="00344004">
      <w:pPr>
        <w:spacing w:after="4" w:line="265" w:lineRule="auto"/>
        <w:ind w:left="821" w:right="56" w:hanging="10"/>
        <w:jc w:val="left"/>
      </w:pPr>
      <w:r>
        <w:rPr>
          <w:b/>
        </w:rPr>
        <w:t>1.</w:t>
      </w:r>
      <w:r>
        <w:rPr>
          <w:rFonts w:ascii="Arial" w:eastAsia="Arial" w:hAnsi="Arial" w:cs="Arial"/>
          <w:b/>
        </w:rPr>
        <w:t xml:space="preserve"> </w:t>
      </w:r>
      <w:r>
        <w:rPr>
          <w:b/>
        </w:rPr>
        <w:t>D</w:t>
      </w:r>
      <w:r>
        <w:rPr>
          <w:b/>
          <w:sz w:val="19"/>
          <w:szCs w:val="19"/>
        </w:rPr>
        <w:t xml:space="preserve">ESCRIPTION </w:t>
      </w:r>
    </w:p>
    <w:p w14:paraId="055BEC15" w14:textId="77777777" w:rsidR="00CF54CB" w:rsidRDefault="00344004">
      <w:pPr>
        <w:spacing w:after="0" w:line="259" w:lineRule="auto"/>
        <w:ind w:left="91" w:firstLine="0"/>
        <w:jc w:val="left"/>
      </w:pPr>
      <w:r>
        <w:rPr>
          <w:b/>
          <w:sz w:val="23"/>
          <w:szCs w:val="23"/>
        </w:rPr>
        <w:t xml:space="preserve"> </w:t>
      </w:r>
    </w:p>
    <w:p w14:paraId="327C90FC" w14:textId="77777777" w:rsidR="00CF54CB" w:rsidRDefault="00344004">
      <w:pPr>
        <w:ind w:left="105" w:right="396" w:firstLine="6"/>
      </w:pPr>
      <w:r>
        <w:t xml:space="preserve">A scheme of arrangement is essentially a statutory compromise or arrangement between a company and its creditors. The process is allowed under Part 26 of the United Kingdom Companies Act 2006 that requires majority creditor approval representing at least 75% in value of obligations; confirmation by the UK Financial Service Authority (FSA) of no objections; and court sanction. If approved, the process will bind all creditors, but does not necessarily bind reinsurers. The process has evolved over the years and includes a process for insolvent and solvent insurers. </w:t>
      </w:r>
    </w:p>
    <w:p w14:paraId="6FD2E597" w14:textId="77777777" w:rsidR="00CF54CB" w:rsidRDefault="00344004">
      <w:pPr>
        <w:spacing w:after="0" w:line="259" w:lineRule="auto"/>
        <w:ind w:left="91" w:firstLine="0"/>
        <w:jc w:val="left"/>
      </w:pPr>
      <w:r>
        <w:t xml:space="preserve"> </w:t>
      </w:r>
    </w:p>
    <w:p w14:paraId="08BECE17" w14:textId="77777777" w:rsidR="00CF54CB" w:rsidRDefault="00344004">
      <w:pPr>
        <w:ind w:left="105" w:right="396" w:firstLine="6"/>
      </w:pPr>
      <w:r>
        <w:t xml:space="preserve">The FSA maintains a very active role in reviewing the schemes with a review document containing approximately 30 questions. In July 2007, the FSA issued a process guide related to decisions made with schemes that included the following: </w:t>
      </w:r>
    </w:p>
    <w:p w14:paraId="1AF50221" w14:textId="77777777" w:rsidR="00CF54CB" w:rsidRDefault="00344004">
      <w:pPr>
        <w:spacing w:after="0" w:line="259" w:lineRule="auto"/>
        <w:ind w:left="91" w:firstLine="0"/>
        <w:jc w:val="left"/>
      </w:pPr>
      <w:r>
        <w:t xml:space="preserve"> </w:t>
      </w:r>
    </w:p>
    <w:p w14:paraId="445F6130" w14:textId="77777777" w:rsidR="00CF54CB" w:rsidRDefault="00344004">
      <w:pPr>
        <w:numPr>
          <w:ilvl w:val="0"/>
          <w:numId w:val="3"/>
        </w:numPr>
        <w:spacing w:after="31"/>
        <w:ind w:right="396" w:hanging="360"/>
      </w:pPr>
      <w:r>
        <w:t xml:space="preserve">Stresses that the scheme must comply with principles for businesses (e.g., treating policyholders fairly and communicating in clear terms). </w:t>
      </w:r>
    </w:p>
    <w:p w14:paraId="1A2046EE" w14:textId="77777777" w:rsidR="00CF54CB" w:rsidRDefault="00344004">
      <w:pPr>
        <w:numPr>
          <w:ilvl w:val="0"/>
          <w:numId w:val="3"/>
        </w:numPr>
        <w:spacing w:after="40"/>
        <w:ind w:right="396" w:hanging="360"/>
      </w:pPr>
      <w:r>
        <w:t xml:space="preserve">Established an FSA schemes review committee. </w:t>
      </w:r>
    </w:p>
    <w:p w14:paraId="634DDFCA" w14:textId="77777777" w:rsidR="00CF54CB" w:rsidRDefault="00344004">
      <w:pPr>
        <w:numPr>
          <w:ilvl w:val="0"/>
          <w:numId w:val="3"/>
        </w:numPr>
        <w:ind w:right="396" w:hanging="360"/>
      </w:pPr>
      <w:r>
        <w:t xml:space="preserve">Stated that the run-off should be at least five years old. </w:t>
      </w:r>
    </w:p>
    <w:p w14:paraId="3D8F4597" w14:textId="77777777" w:rsidR="00CF54CB" w:rsidRDefault="00344004">
      <w:pPr>
        <w:numPr>
          <w:ilvl w:val="0"/>
          <w:numId w:val="3"/>
        </w:numPr>
        <w:ind w:right="396" w:hanging="360"/>
      </w:pPr>
      <w:r>
        <w:t xml:space="preserve">Distinguishes between individual retail and small commercial policyholders, large commercial policyholders and other risk carriers. </w:t>
      </w:r>
    </w:p>
    <w:p w14:paraId="3C6D7956" w14:textId="77777777" w:rsidR="00CF54CB" w:rsidRDefault="00344004">
      <w:pPr>
        <w:numPr>
          <w:ilvl w:val="0"/>
          <w:numId w:val="3"/>
        </w:numPr>
        <w:ind w:right="396" w:hanging="360"/>
      </w:pPr>
      <w:r>
        <w:lastRenderedPageBreak/>
        <w:t xml:space="preserve">Distinguishes between insolvent risk carrier, marginally solvent risk carrier and substantially solvent risk carrier. </w:t>
      </w:r>
    </w:p>
    <w:p w14:paraId="4ED4BD05" w14:textId="77777777" w:rsidR="00CF54CB" w:rsidRDefault="00344004">
      <w:pPr>
        <w:numPr>
          <w:ilvl w:val="0"/>
          <w:numId w:val="3"/>
        </w:numPr>
        <w:spacing w:after="32"/>
        <w:ind w:right="396" w:hanging="360"/>
      </w:pPr>
      <w:r>
        <w:t xml:space="preserve">In case of substantially solvent risk carrier, the FSA is likely to object to a scheme unless the risk carrier offers benefits designed to ensure that policyholders are not in a worse position than in a solvent run-off. </w:t>
      </w:r>
    </w:p>
    <w:p w14:paraId="52644E6B" w14:textId="77777777" w:rsidR="00CF54CB" w:rsidRDefault="00344004">
      <w:pPr>
        <w:numPr>
          <w:ilvl w:val="0"/>
          <w:numId w:val="3"/>
        </w:numPr>
        <w:ind w:right="396" w:hanging="360"/>
      </w:pPr>
      <w:r>
        <w:t xml:space="preserve">Provides for a role of policyholder advocate. </w:t>
      </w:r>
    </w:p>
    <w:p w14:paraId="6D214466" w14:textId="77777777" w:rsidR="00CF54CB" w:rsidRDefault="00344004">
      <w:pPr>
        <w:numPr>
          <w:ilvl w:val="0"/>
          <w:numId w:val="3"/>
        </w:numPr>
        <w:ind w:right="396" w:hanging="360"/>
      </w:pPr>
      <w:r>
        <w:t>The FSA may not object to a scheme, even if it fails to satisfy the criteria stipulated, if the risk carrier can demonstrate that the scheme treats policyholders fairly (e.g</w:t>
      </w:r>
      <w:r>
        <w:rPr>
          <w:i/>
        </w:rPr>
        <w:t>.</w:t>
      </w:r>
      <w:r>
        <w:t xml:space="preserve">, through suitable additional benefits for policyholders and/or safeguards for dissenting procedures). </w:t>
      </w:r>
    </w:p>
    <w:p w14:paraId="3049DB9E" w14:textId="77777777" w:rsidR="00CF54CB" w:rsidRDefault="00344004">
      <w:pPr>
        <w:spacing w:after="0" w:line="259" w:lineRule="auto"/>
        <w:ind w:left="91" w:firstLine="0"/>
        <w:jc w:val="left"/>
      </w:pPr>
      <w:r>
        <w:rPr>
          <w:sz w:val="23"/>
          <w:szCs w:val="23"/>
        </w:rPr>
        <w:t xml:space="preserve"> </w:t>
      </w:r>
    </w:p>
    <w:p w14:paraId="1C7AF8DE" w14:textId="77777777" w:rsidR="00CF54CB" w:rsidRDefault="00344004">
      <w:pPr>
        <w:ind w:left="105" w:right="396" w:firstLine="6"/>
      </w:pPr>
      <w:r>
        <w:t xml:space="preserve">As of September 2008, there have been approximately 174 solvent schemes of UK non-life business. However, in every instance when policyholders have mounted serious opposition, the UK courts have ruled in the policyholders’ favor. In particular, objecting policyholders have successfully challenged the British Aviation Insurance Co. Ltd. (BAIC), Willis Faber Underwriting Management (WFUM) and Scottish Lion solvent schemes in the UK courts. These are the only solvent schemes involving direct policyholder coverage that have been challenged to date, and all three have resulted in the court rulings favorable to the policyholders. To date, no UK court has agreed to sanction a solvent scheme involving direct coverage (as opposed to reinsurance) in the face of a policyholder legal challenge to the scheme. </w:t>
      </w:r>
    </w:p>
    <w:p w14:paraId="34AA2687" w14:textId="77777777" w:rsidR="00CF54CB" w:rsidRDefault="00344004">
      <w:pPr>
        <w:spacing w:after="0" w:line="259" w:lineRule="auto"/>
        <w:ind w:left="91" w:firstLine="0"/>
        <w:jc w:val="left"/>
      </w:pPr>
      <w:r>
        <w:rPr>
          <w:sz w:val="23"/>
          <w:szCs w:val="23"/>
        </w:rPr>
        <w:t xml:space="preserve"> </w:t>
      </w:r>
    </w:p>
    <w:p w14:paraId="7E94E6A0" w14:textId="77777777" w:rsidR="00CF54CB" w:rsidRDefault="00344004">
      <w:pPr>
        <w:ind w:left="105" w:right="396" w:firstLine="6"/>
      </w:pPr>
      <w:r>
        <w:t xml:space="preserve">Claims being paid can include IBNR, and most schemes have the ability to pay for IBNR based on estimation methodology. Additionally, schemes will allow a creditor’s methodology to be used, if reasonable. </w:t>
      </w:r>
    </w:p>
    <w:p w14:paraId="3160834F" w14:textId="77777777" w:rsidR="00CF54CB" w:rsidRDefault="00344004">
      <w:pPr>
        <w:spacing w:after="0" w:line="259" w:lineRule="auto"/>
        <w:ind w:left="91" w:firstLine="0"/>
        <w:jc w:val="left"/>
      </w:pPr>
      <w:r>
        <w:t xml:space="preserve"> </w:t>
      </w:r>
    </w:p>
    <w:p w14:paraId="5E9A38DA" w14:textId="77777777" w:rsidR="00CF54CB" w:rsidRDefault="00344004">
      <w:pPr>
        <w:ind w:left="105" w:right="396" w:firstLine="6"/>
      </w:pPr>
      <w:r>
        <w:t xml:space="preserve">Chapter 15 of the U.S. Bankruptcy Code may be used to assist with a scheme of arrangement in the United States. The effect is to grant a U.S. bankruptcy court authority to enforce the scheme and protect the company’s assets from creditors. However, although no UK solvent scheme has yet been challenged under Chapter 15 of the U.S. Bankruptcy Code, there is a possibility that such challenges may arise, and the U.S. </w:t>
      </w:r>
    </w:p>
    <w:p w14:paraId="5D83E427" w14:textId="77777777" w:rsidR="00CF54CB" w:rsidRDefault="00344004">
      <w:pPr>
        <w:spacing w:after="311"/>
        <w:ind w:left="105" w:right="396" w:firstLine="6"/>
      </w:pPr>
      <w:r>
        <w:t xml:space="preserve">bankruptcy courts could reject solvent schemes. </w:t>
      </w:r>
    </w:p>
    <w:p w14:paraId="27D487A8" w14:textId="77777777" w:rsidR="00CF54CB" w:rsidRDefault="00344004">
      <w:pPr>
        <w:spacing w:after="284" w:line="265" w:lineRule="auto"/>
        <w:ind w:left="821" w:right="56" w:hanging="10"/>
        <w:jc w:val="left"/>
      </w:pPr>
      <w:r>
        <w:rPr>
          <w:b/>
        </w:rPr>
        <w:t>2.</w:t>
      </w:r>
      <w:r>
        <w:rPr>
          <w:rFonts w:ascii="Arial" w:eastAsia="Arial" w:hAnsi="Arial" w:cs="Arial"/>
          <w:b/>
        </w:rPr>
        <w:t xml:space="preserve"> </w:t>
      </w:r>
      <w:r>
        <w:rPr>
          <w:b/>
        </w:rPr>
        <w:t>A</w:t>
      </w:r>
      <w:r>
        <w:rPr>
          <w:b/>
          <w:sz w:val="19"/>
          <w:szCs w:val="19"/>
        </w:rPr>
        <w:t>DVANTAGES</w:t>
      </w:r>
      <w:r>
        <w:rPr>
          <w:b/>
        </w:rPr>
        <w:t>/D</w:t>
      </w:r>
      <w:r>
        <w:rPr>
          <w:b/>
          <w:sz w:val="19"/>
          <w:szCs w:val="19"/>
        </w:rPr>
        <w:t xml:space="preserve">ISADVANTAGES </w:t>
      </w:r>
    </w:p>
    <w:p w14:paraId="1F65098E" w14:textId="77777777" w:rsidR="00CF54CB" w:rsidRDefault="00344004">
      <w:pPr>
        <w:spacing w:after="4" w:line="265" w:lineRule="auto"/>
        <w:ind w:left="1541" w:right="56" w:hanging="10"/>
        <w:jc w:val="left"/>
      </w:pPr>
      <w:r>
        <w:rPr>
          <w:b/>
        </w:rPr>
        <w:t>A</w:t>
      </w:r>
      <w:r>
        <w:rPr>
          <w:b/>
          <w:sz w:val="19"/>
          <w:szCs w:val="19"/>
        </w:rPr>
        <w:t xml:space="preserve">DVANTAGES </w:t>
      </w:r>
    </w:p>
    <w:p w14:paraId="022C580B" w14:textId="77777777" w:rsidR="00CF54CB" w:rsidRDefault="00344004">
      <w:pPr>
        <w:numPr>
          <w:ilvl w:val="0"/>
          <w:numId w:val="5"/>
        </w:numPr>
        <w:ind w:right="396" w:hanging="360"/>
      </w:pPr>
      <w:r>
        <w:t xml:space="preserve">Some advocates state that solvent scheme mechanisms, in particular, have proven to be very effective in the UK and other jurisdictions to permit closure of companies that have reduced their liabilities to fairly minimal levels and that can reasonably estimate their future liabilities. </w:t>
      </w:r>
    </w:p>
    <w:p w14:paraId="7A3A4E19" w14:textId="77777777" w:rsidR="00CF54CB" w:rsidRDefault="00344004">
      <w:pPr>
        <w:numPr>
          <w:ilvl w:val="0"/>
          <w:numId w:val="5"/>
        </w:numPr>
        <w:ind w:right="396" w:hanging="360"/>
      </w:pPr>
      <w:r>
        <w:t xml:space="preserve">Such mechanisms might attract capital to the industry, as the availability of a reasonable exit mechanism from these companies will create an active market for investment in runoff companies. </w:t>
      </w:r>
    </w:p>
    <w:p w14:paraId="29D30674" w14:textId="77777777" w:rsidR="00CF54CB" w:rsidRDefault="00344004">
      <w:pPr>
        <w:numPr>
          <w:ilvl w:val="0"/>
          <w:numId w:val="5"/>
        </w:numPr>
        <w:spacing w:after="36"/>
        <w:ind w:right="396" w:hanging="360"/>
      </w:pPr>
      <w:r>
        <w:t xml:space="preserve">Companies using UK schemes of arrangements have statistically improved their net asset position by approximately 5%. </w:t>
      </w:r>
    </w:p>
    <w:p w14:paraId="1FAB53CE" w14:textId="77777777" w:rsidR="00CF54CB" w:rsidRDefault="00344004">
      <w:pPr>
        <w:numPr>
          <w:ilvl w:val="0"/>
          <w:numId w:val="5"/>
        </w:numPr>
        <w:spacing w:after="40"/>
        <w:ind w:right="396" w:hanging="360"/>
      </w:pPr>
      <w:r>
        <w:t xml:space="preserve">Some insurers have made payments to creditors at or near 100%. </w:t>
      </w:r>
    </w:p>
    <w:p w14:paraId="0ABABA24" w14:textId="77777777" w:rsidR="00CF54CB" w:rsidRDefault="00344004">
      <w:pPr>
        <w:numPr>
          <w:ilvl w:val="0"/>
          <w:numId w:val="5"/>
        </w:numPr>
        <w:ind w:right="396" w:hanging="360"/>
      </w:pPr>
      <w:r>
        <w:t xml:space="preserve">Schemes may allow a creditor’s claim estimation methodology to be used, if reasonable. </w:t>
      </w:r>
    </w:p>
    <w:p w14:paraId="3883A250" w14:textId="77777777" w:rsidR="00CF54CB" w:rsidRDefault="00344004">
      <w:pPr>
        <w:spacing w:after="10" w:line="259" w:lineRule="auto"/>
        <w:ind w:left="91" w:firstLine="0"/>
        <w:jc w:val="left"/>
      </w:pPr>
      <w:r>
        <w:rPr>
          <w:sz w:val="23"/>
          <w:szCs w:val="23"/>
        </w:rPr>
        <w:t xml:space="preserve"> </w:t>
      </w:r>
    </w:p>
    <w:p w14:paraId="2CF6A97C" w14:textId="77777777" w:rsidR="00CF54CB" w:rsidRDefault="00344004">
      <w:pPr>
        <w:spacing w:after="4" w:line="265" w:lineRule="auto"/>
        <w:ind w:left="1541" w:right="56" w:hanging="10"/>
        <w:jc w:val="left"/>
      </w:pPr>
      <w:r>
        <w:rPr>
          <w:b/>
        </w:rPr>
        <w:t>D</w:t>
      </w:r>
      <w:r>
        <w:rPr>
          <w:b/>
          <w:sz w:val="19"/>
          <w:szCs w:val="19"/>
        </w:rPr>
        <w:t xml:space="preserve">ISADVANTAGES </w:t>
      </w:r>
    </w:p>
    <w:p w14:paraId="0DD0CC65" w14:textId="77777777" w:rsidR="00CF54CB" w:rsidRDefault="00344004">
      <w:pPr>
        <w:numPr>
          <w:ilvl w:val="0"/>
          <w:numId w:val="5"/>
        </w:numPr>
        <w:spacing w:after="31"/>
        <w:ind w:right="396" w:hanging="360"/>
      </w:pPr>
      <w:r>
        <w:lastRenderedPageBreak/>
        <w:t xml:space="preserve">Schemes may undermine the value of insurance contracts by not honoring contractual obligations. </w:t>
      </w:r>
    </w:p>
    <w:p w14:paraId="1E3E0A12" w14:textId="77777777" w:rsidR="00CF54CB" w:rsidRDefault="00344004">
      <w:pPr>
        <w:numPr>
          <w:ilvl w:val="0"/>
          <w:numId w:val="5"/>
        </w:numPr>
        <w:spacing w:after="33"/>
        <w:ind w:right="396" w:hanging="360"/>
      </w:pPr>
      <w:r>
        <w:t xml:space="preserve">Lost coverage may hurt policyholders at the expense of American citizens and the economy. </w:t>
      </w:r>
    </w:p>
    <w:p w14:paraId="4D15240A" w14:textId="77777777" w:rsidR="00CF54CB" w:rsidRDefault="00344004">
      <w:pPr>
        <w:numPr>
          <w:ilvl w:val="0"/>
          <w:numId w:val="5"/>
        </w:numPr>
        <w:spacing w:after="40"/>
        <w:ind w:right="396" w:hanging="360"/>
      </w:pPr>
      <w:r>
        <w:t xml:space="preserve">Schemes could pose a formidable collective action problem. </w:t>
      </w:r>
    </w:p>
    <w:p w14:paraId="3F1462C2" w14:textId="77777777" w:rsidR="00CF54CB" w:rsidRDefault="00344004">
      <w:pPr>
        <w:numPr>
          <w:ilvl w:val="0"/>
          <w:numId w:val="5"/>
        </w:numPr>
        <w:ind w:right="396" w:hanging="360"/>
      </w:pPr>
      <w:r>
        <w:t xml:space="preserve">Schemes could undermine the reliability of insurance institutions. </w:t>
      </w:r>
    </w:p>
    <w:p w14:paraId="0C1D7F20" w14:textId="77777777" w:rsidR="00CF54CB" w:rsidRDefault="00344004">
      <w:pPr>
        <w:numPr>
          <w:ilvl w:val="0"/>
          <w:numId w:val="5"/>
        </w:numPr>
        <w:ind w:right="396" w:hanging="360"/>
      </w:pPr>
      <w:r>
        <w:t xml:space="preserve">Schemes may allow for the reduction or cancellation of contractual obligations outside the scope of the current receivership system by not adhering to the statutory priority of distribution rules. Under such a scheme, a troubled company could force certain policyholders to commute (or buy- back) mutually agreed-upon insurance coverage despite their objections. </w:t>
      </w:r>
    </w:p>
    <w:p w14:paraId="62A2AF83" w14:textId="77777777" w:rsidR="00CF54CB" w:rsidRDefault="00344004">
      <w:pPr>
        <w:numPr>
          <w:ilvl w:val="0"/>
          <w:numId w:val="5"/>
        </w:numPr>
        <w:spacing w:after="32"/>
        <w:ind w:right="396" w:hanging="360"/>
      </w:pPr>
      <w:r>
        <w:t xml:space="preserve">The use of terms “debtor” and “creditor” used in the restructuring arena may tactically create a new environment for insurance where risk transfer is not necessarily part of the product purchased. </w:t>
      </w:r>
    </w:p>
    <w:p w14:paraId="163419F8" w14:textId="77777777" w:rsidR="00CF54CB" w:rsidRDefault="00344004">
      <w:pPr>
        <w:numPr>
          <w:ilvl w:val="0"/>
          <w:numId w:val="5"/>
        </w:numPr>
        <w:ind w:right="396" w:hanging="360"/>
      </w:pPr>
      <w:r>
        <w:t xml:space="preserve">Enforceability across state lines. </w:t>
      </w:r>
    </w:p>
    <w:p w14:paraId="67D50FB7" w14:textId="77777777" w:rsidR="00CF54CB" w:rsidRDefault="00344004">
      <w:pPr>
        <w:numPr>
          <w:ilvl w:val="0"/>
          <w:numId w:val="5"/>
        </w:numPr>
        <w:ind w:right="396" w:hanging="360"/>
      </w:pPr>
      <w:r>
        <w:t xml:space="preserve">Schemes could be used by companies to simply reorganize their corporate structure to move reinsurance operations unencumbered by old claims under a different name. </w:t>
      </w:r>
    </w:p>
    <w:p w14:paraId="73C8CA66" w14:textId="77777777" w:rsidR="00CF54CB" w:rsidRDefault="00344004">
      <w:pPr>
        <w:numPr>
          <w:ilvl w:val="0"/>
          <w:numId w:val="5"/>
        </w:numPr>
        <w:ind w:right="396" w:hanging="360"/>
      </w:pPr>
      <w:r>
        <w:t xml:space="preserve">In its latest proposal, the Reinsurance (E) Task Force had a provision where an insurer engaging in solvent schemes would not be allowed to take a reduction of collateral. </w:t>
      </w:r>
    </w:p>
    <w:p w14:paraId="7909B2F9" w14:textId="77777777" w:rsidR="00CF54CB" w:rsidRDefault="00344004">
      <w:pPr>
        <w:numPr>
          <w:ilvl w:val="0"/>
          <w:numId w:val="5"/>
        </w:numPr>
        <w:ind w:right="396" w:hanging="360"/>
      </w:pPr>
      <w:r>
        <w:t xml:space="preserve">Chapter 15 is a relatively new provision of the Bankruptcy Code with relatively little case law to support it, thus leaving the ability for judges’ discretion and leeway in its application. </w:t>
      </w:r>
    </w:p>
    <w:p w14:paraId="0423E77B" w14:textId="77777777" w:rsidR="00CF54CB" w:rsidRDefault="00344004">
      <w:pPr>
        <w:numPr>
          <w:ilvl w:val="0"/>
          <w:numId w:val="5"/>
        </w:numPr>
        <w:ind w:right="396" w:hanging="360"/>
      </w:pPr>
      <w:r>
        <w:t xml:space="preserve">Schemes can involve reinsurers, where the reinsurance contract with an insurance company is negatively affected. </w:t>
      </w:r>
    </w:p>
    <w:p w14:paraId="7074183F" w14:textId="77777777" w:rsidR="00CF54CB" w:rsidRDefault="00344004">
      <w:pPr>
        <w:numPr>
          <w:ilvl w:val="0"/>
          <w:numId w:val="5"/>
        </w:numPr>
        <w:ind w:right="396" w:hanging="360"/>
      </w:pPr>
      <w:r>
        <w:t xml:space="preserve">Schemes could provide an opportunity for solvent insurers to avoid insurance and reinsurance obligations and return the risk to insureds of ceding companies who purchased </w:t>
      </w:r>
    </w:p>
    <w:p w14:paraId="30D31C6D" w14:textId="77777777" w:rsidR="00CF54CB" w:rsidRDefault="00344004">
      <w:pPr>
        <w:ind w:left="1440" w:right="396" w:firstLine="6"/>
      </w:pPr>
      <w:r>
        <w:t xml:space="preserve">the coverage in good faith. </w:t>
      </w:r>
    </w:p>
    <w:p w14:paraId="2DF65F09" w14:textId="77777777" w:rsidR="00CF54CB" w:rsidRDefault="00344004">
      <w:pPr>
        <w:numPr>
          <w:ilvl w:val="0"/>
          <w:numId w:val="5"/>
        </w:numPr>
        <w:spacing w:after="92"/>
        <w:ind w:right="396" w:hanging="360"/>
      </w:pPr>
      <w:r>
        <w:t xml:space="preserve">Schemes force creditors to trade insurance coverage for payments based on estimations of future claims that are inexact and possibly unfair. </w:t>
      </w:r>
    </w:p>
    <w:p w14:paraId="5FA8A326" w14:textId="77777777" w:rsidR="00CF54CB" w:rsidRDefault="00344004">
      <w:pPr>
        <w:numPr>
          <w:ilvl w:val="0"/>
          <w:numId w:val="5"/>
        </w:numPr>
        <w:ind w:right="396" w:hanging="360"/>
      </w:pPr>
      <w:r>
        <w:t xml:space="preserve">The individuals chosen to adjudicate claims under a scheme may lack expertise in the necessary legal issues. </w:t>
      </w:r>
    </w:p>
    <w:p w14:paraId="6387E290" w14:textId="77777777" w:rsidR="00CF54CB" w:rsidRDefault="00344004">
      <w:pPr>
        <w:numPr>
          <w:ilvl w:val="0"/>
          <w:numId w:val="5"/>
        </w:numPr>
        <w:spacing w:after="36"/>
        <w:ind w:right="396" w:hanging="360"/>
      </w:pPr>
      <w:r>
        <w:t xml:space="preserve">There is no oversight of solicitation by the company of scheme acceptances. Thus, some accepting creditors may have already achieved favorable settlements, while dissenting creditors are left to litigate their claims in an unfavorable forum. </w:t>
      </w:r>
    </w:p>
    <w:p w14:paraId="6F0B8E85" w14:textId="77777777" w:rsidR="00CF54CB" w:rsidRDefault="00344004">
      <w:pPr>
        <w:numPr>
          <w:ilvl w:val="0"/>
          <w:numId w:val="5"/>
        </w:numPr>
        <w:spacing w:after="39"/>
        <w:ind w:right="396" w:hanging="360"/>
      </w:pPr>
      <w:r>
        <w:t xml:space="preserve">Schemes do not allow dissenting policyholders to opt out of the scheme. </w:t>
      </w:r>
    </w:p>
    <w:p w14:paraId="296766D9" w14:textId="77777777" w:rsidR="00CF54CB" w:rsidRDefault="00344004">
      <w:pPr>
        <w:numPr>
          <w:ilvl w:val="0"/>
          <w:numId w:val="5"/>
        </w:numPr>
        <w:spacing w:after="40"/>
        <w:ind w:right="396" w:hanging="360"/>
      </w:pPr>
      <w:r>
        <w:t xml:space="preserve">Schemes do not ensure continuation of coverage. </w:t>
      </w:r>
    </w:p>
    <w:p w14:paraId="7EE16746" w14:textId="77777777" w:rsidR="00CF54CB" w:rsidRDefault="00344004">
      <w:pPr>
        <w:numPr>
          <w:ilvl w:val="0"/>
          <w:numId w:val="5"/>
        </w:numPr>
        <w:spacing w:after="25"/>
        <w:ind w:right="396" w:hanging="360"/>
      </w:pPr>
      <w:r>
        <w:t xml:space="preserve">Schemes do not include a safety net of guaranty association protection. </w:t>
      </w:r>
    </w:p>
    <w:p w14:paraId="2843DD78" w14:textId="77777777" w:rsidR="00CF54CB" w:rsidRDefault="00344004">
      <w:pPr>
        <w:numPr>
          <w:ilvl w:val="0"/>
          <w:numId w:val="5"/>
        </w:numPr>
        <w:ind w:right="396" w:hanging="360"/>
      </w:pPr>
      <w:r>
        <w:t xml:space="preserve">Schemes do not allow a policyholder to seek judicial review of its claims against the insurer. </w:t>
      </w:r>
    </w:p>
    <w:p w14:paraId="4E9413F1" w14:textId="77777777" w:rsidR="00CF54CB" w:rsidRDefault="00344004">
      <w:pPr>
        <w:spacing w:after="46" w:line="259" w:lineRule="auto"/>
        <w:ind w:left="91" w:firstLine="0"/>
        <w:jc w:val="left"/>
      </w:pPr>
      <w:r>
        <w:t xml:space="preserve"> </w:t>
      </w:r>
    </w:p>
    <w:p w14:paraId="21CDEC1B" w14:textId="77777777" w:rsidR="00CF54CB" w:rsidRDefault="00344004" w:rsidP="00B078CA">
      <w:pPr>
        <w:pStyle w:val="Heading2"/>
      </w:pPr>
      <w:r>
        <w:t>E.</w:t>
      </w:r>
      <w:r>
        <w:rPr>
          <w:rFonts w:ascii="Arial" w:eastAsia="Arial" w:hAnsi="Arial" w:cs="Arial"/>
        </w:rPr>
        <w:t xml:space="preserve"> </w:t>
      </w:r>
      <w:r>
        <w:rPr>
          <w:sz w:val="28"/>
          <w:szCs w:val="28"/>
        </w:rPr>
        <w:t>P</w:t>
      </w:r>
      <w:r>
        <w:t xml:space="preserve">ART </w:t>
      </w:r>
      <w:r>
        <w:rPr>
          <w:sz w:val="28"/>
          <w:szCs w:val="28"/>
        </w:rPr>
        <w:t>VII P</w:t>
      </w:r>
      <w:r>
        <w:t xml:space="preserve">ORTFOLIO </w:t>
      </w:r>
      <w:r>
        <w:rPr>
          <w:sz w:val="28"/>
          <w:szCs w:val="28"/>
        </w:rPr>
        <w:t>T</w:t>
      </w:r>
      <w:r>
        <w:t xml:space="preserve">RANSFERS </w:t>
      </w:r>
    </w:p>
    <w:p w14:paraId="73E77C55" w14:textId="77777777" w:rsidR="00CF54CB" w:rsidRDefault="00344004">
      <w:pPr>
        <w:spacing w:after="16" w:line="259" w:lineRule="auto"/>
        <w:ind w:left="91" w:firstLine="0"/>
        <w:jc w:val="left"/>
      </w:pPr>
      <w:r>
        <w:rPr>
          <w:b/>
          <w:sz w:val="23"/>
          <w:szCs w:val="23"/>
        </w:rPr>
        <w:t xml:space="preserve"> </w:t>
      </w:r>
    </w:p>
    <w:p w14:paraId="1299AF62" w14:textId="77777777" w:rsidR="00CF54CB" w:rsidRDefault="00344004">
      <w:pPr>
        <w:spacing w:after="4" w:line="265" w:lineRule="auto"/>
        <w:ind w:left="821" w:right="56" w:hanging="10"/>
        <w:jc w:val="left"/>
      </w:pPr>
      <w:r>
        <w:rPr>
          <w:b/>
        </w:rPr>
        <w:t>1.</w:t>
      </w:r>
      <w:r>
        <w:rPr>
          <w:rFonts w:ascii="Arial" w:eastAsia="Arial" w:hAnsi="Arial" w:cs="Arial"/>
          <w:b/>
        </w:rPr>
        <w:t xml:space="preserve"> </w:t>
      </w:r>
      <w:r>
        <w:rPr>
          <w:b/>
        </w:rPr>
        <w:t>D</w:t>
      </w:r>
      <w:r>
        <w:rPr>
          <w:b/>
          <w:sz w:val="19"/>
          <w:szCs w:val="19"/>
        </w:rPr>
        <w:t xml:space="preserve">ESCRIPTION </w:t>
      </w:r>
    </w:p>
    <w:p w14:paraId="2CEA08A9" w14:textId="77777777" w:rsidR="00CF54CB" w:rsidRDefault="00344004">
      <w:pPr>
        <w:spacing w:after="0" w:line="259" w:lineRule="auto"/>
        <w:ind w:left="91" w:firstLine="0"/>
        <w:jc w:val="left"/>
      </w:pPr>
      <w:r>
        <w:rPr>
          <w:b/>
          <w:sz w:val="23"/>
          <w:szCs w:val="23"/>
        </w:rPr>
        <w:t xml:space="preserve"> </w:t>
      </w:r>
    </w:p>
    <w:p w14:paraId="295B0EDE" w14:textId="77777777" w:rsidR="00CF54CB" w:rsidRDefault="00344004">
      <w:pPr>
        <w:ind w:left="105" w:right="396" w:firstLine="6"/>
      </w:pPr>
      <w:r>
        <w:lastRenderedPageBreak/>
        <w:t xml:space="preserve">Part VII of the Financial Services and Markets Act 2000 (FSMA) allows for a transfer of insurance business under a statutory and court process. The transfer allows a </w:t>
      </w:r>
      <w:r>
        <w:rPr>
          <w:u w:val="single"/>
        </w:rPr>
        <w:t>reinsurer</w:t>
      </w:r>
      <w:r>
        <w:t xml:space="preserve"> to move all or certain of its reinsurance business (assets and liabilities) to another reinsurer without the consent of each and every policyholder but with the sanction of the UK High Court. The main statutory requirements are: 1) policyholder notification; 2) a report by an independent expert; 3) UK High Court approval; and 4) no objection by the FSA or other regulators and interested parties, including policyholders. </w:t>
      </w:r>
    </w:p>
    <w:p w14:paraId="25561B77" w14:textId="77777777" w:rsidR="00CF54CB" w:rsidRDefault="00344004">
      <w:pPr>
        <w:spacing w:after="0" w:line="259" w:lineRule="auto"/>
        <w:ind w:left="91" w:firstLine="0"/>
        <w:jc w:val="left"/>
      </w:pPr>
      <w:r>
        <w:t xml:space="preserve"> </w:t>
      </w:r>
    </w:p>
    <w:p w14:paraId="73685C46" w14:textId="77777777" w:rsidR="00CF54CB" w:rsidRDefault="00344004">
      <w:pPr>
        <w:ind w:left="105" w:right="396" w:firstLine="6"/>
      </w:pPr>
      <w:r>
        <w:t xml:space="preserve">The court is involved in the process with the directions hearing, which is when court will grant leave to proceed. The court is also involved in the hearing to sanction the transfer (or final hearing). The relevant legislation and requirements can be found in VII. Appendix D4. </w:t>
      </w:r>
    </w:p>
    <w:p w14:paraId="05A8E48A" w14:textId="77777777" w:rsidR="00CF54CB" w:rsidRDefault="00344004">
      <w:pPr>
        <w:spacing w:after="0" w:line="259" w:lineRule="auto"/>
        <w:ind w:left="91" w:firstLine="0"/>
        <w:jc w:val="left"/>
      </w:pPr>
      <w:r>
        <w:t xml:space="preserve"> </w:t>
      </w:r>
    </w:p>
    <w:p w14:paraId="3B544665" w14:textId="77777777" w:rsidR="00CF54CB" w:rsidRDefault="00344004">
      <w:pPr>
        <w:ind w:left="105" w:right="396" w:firstLine="6"/>
      </w:pPr>
      <w:r>
        <w:t xml:space="preserve">The transferee must be an insurance company established in a European Economic Area (EEA) state. </w:t>
      </w:r>
    </w:p>
    <w:p w14:paraId="2B1D5660" w14:textId="77777777" w:rsidR="00CF54CB" w:rsidRDefault="00344004">
      <w:pPr>
        <w:spacing w:after="0" w:line="242" w:lineRule="auto"/>
        <w:ind w:left="91" w:right="59" w:firstLine="0"/>
        <w:jc w:val="left"/>
      </w:pPr>
      <w:r>
        <w:t xml:space="preserve">However, the transferor can be authorized in the UK, an EEA branch of a UK firm, a UK branch of an EEA firm, an EEA firm with no UK branch, or a non-EEA that is permitted to carry on business in the UK. </w:t>
      </w:r>
    </w:p>
    <w:p w14:paraId="1F8777DE" w14:textId="77777777" w:rsidR="00CF54CB" w:rsidRDefault="00344004">
      <w:pPr>
        <w:spacing w:after="0" w:line="259" w:lineRule="auto"/>
        <w:ind w:left="91" w:firstLine="0"/>
        <w:jc w:val="left"/>
      </w:pPr>
      <w:r>
        <w:t xml:space="preserve"> </w:t>
      </w:r>
    </w:p>
    <w:p w14:paraId="2B0E5511" w14:textId="77777777" w:rsidR="00CF54CB" w:rsidRDefault="00344004">
      <w:pPr>
        <w:ind w:left="105" w:right="396" w:firstLine="6"/>
      </w:pPr>
      <w:r>
        <w:t xml:space="preserve">Per the FSA Web site, the following are reasons why reinsurance firms undertake Part VII transfers: </w:t>
      </w:r>
    </w:p>
    <w:p w14:paraId="5FE249B6" w14:textId="77777777" w:rsidR="00CF54CB" w:rsidRDefault="00344004">
      <w:pPr>
        <w:numPr>
          <w:ilvl w:val="0"/>
          <w:numId w:val="7"/>
        </w:numPr>
        <w:ind w:right="396" w:hanging="360"/>
      </w:pPr>
      <w:r>
        <w:t xml:space="preserve">Rationalization—combine similar business from two or more subsidiaries, putting all into a single regulated entity. </w:t>
      </w:r>
    </w:p>
    <w:p w14:paraId="0732B179" w14:textId="77777777" w:rsidR="00CF54CB" w:rsidRDefault="00344004">
      <w:pPr>
        <w:numPr>
          <w:ilvl w:val="0"/>
          <w:numId w:val="7"/>
        </w:numPr>
        <w:spacing w:after="30"/>
        <w:ind w:right="396" w:hanging="360"/>
      </w:pPr>
      <w:r>
        <w:t xml:space="preserve">Efficiency—transfer business between third parties, separating old liabilities in run-off from new business, putting each into separate firms. </w:t>
      </w:r>
    </w:p>
    <w:p w14:paraId="3ECF2714" w14:textId="77777777" w:rsidR="00CF54CB" w:rsidRDefault="00344004">
      <w:pPr>
        <w:numPr>
          <w:ilvl w:val="0"/>
          <w:numId w:val="7"/>
        </w:numPr>
        <w:spacing w:after="25"/>
        <w:ind w:right="396" w:hanging="360"/>
      </w:pPr>
      <w:r>
        <w:t xml:space="preserve">Capital reduction—transfer business to a new firm and extract any surplus shareholders’ funds. </w:t>
      </w:r>
    </w:p>
    <w:p w14:paraId="2C1B05FB" w14:textId="77777777" w:rsidR="00CF54CB" w:rsidRDefault="00344004">
      <w:pPr>
        <w:numPr>
          <w:ilvl w:val="0"/>
          <w:numId w:val="7"/>
        </w:numPr>
        <w:ind w:right="396" w:hanging="360"/>
      </w:pPr>
      <w:r>
        <w:t xml:space="preserve">Exit—transfer business such as employers’ liability that cannot be schemed. </w:t>
      </w:r>
    </w:p>
    <w:p w14:paraId="23C12E40" w14:textId="77777777" w:rsidR="00CF54CB" w:rsidRDefault="00344004">
      <w:pPr>
        <w:spacing w:after="0" w:line="259" w:lineRule="auto"/>
        <w:ind w:left="91" w:firstLine="0"/>
        <w:jc w:val="left"/>
      </w:pPr>
      <w:r>
        <w:rPr>
          <w:sz w:val="23"/>
          <w:szCs w:val="23"/>
        </w:rPr>
        <w:t xml:space="preserve"> </w:t>
      </w:r>
    </w:p>
    <w:p w14:paraId="45180C57" w14:textId="77777777" w:rsidR="00CF54CB" w:rsidRDefault="00344004">
      <w:pPr>
        <w:ind w:left="105" w:right="396" w:firstLine="6"/>
      </w:pPr>
      <w:r>
        <w:t xml:space="preserve">The legal effect of a Part VII transfer is a statutory unilateral novation of the affected contracts of insurance or reinsurance, including any rights attaching to those contracts. </w:t>
      </w:r>
    </w:p>
    <w:p w14:paraId="469E3D32" w14:textId="77777777" w:rsidR="00CF54CB" w:rsidRDefault="00344004">
      <w:pPr>
        <w:spacing w:after="0" w:line="259" w:lineRule="auto"/>
        <w:ind w:left="91" w:firstLine="0"/>
        <w:jc w:val="left"/>
      </w:pPr>
      <w:r>
        <w:t xml:space="preserve"> </w:t>
      </w:r>
    </w:p>
    <w:p w14:paraId="3F9E8DF7" w14:textId="77777777" w:rsidR="00CF54CB" w:rsidRDefault="00344004">
      <w:pPr>
        <w:ind w:left="105" w:right="396" w:firstLine="6"/>
      </w:pPr>
      <w:r>
        <w:t xml:space="preserve">The two primary aspects for the protection of affected parties are as follows: 1) the independent expert’s report, which needs only to consider the effect on policyholders; and 2) the court is required to be satisfied that the transfer as a whole is fair as between the interests of different classes of persons affected by the transfer. </w:t>
      </w:r>
    </w:p>
    <w:p w14:paraId="40B91EA9" w14:textId="77777777" w:rsidR="00CF54CB" w:rsidRDefault="00344004">
      <w:pPr>
        <w:spacing w:after="0" w:line="259" w:lineRule="auto"/>
        <w:ind w:left="91" w:firstLine="0"/>
        <w:jc w:val="left"/>
      </w:pPr>
      <w:r>
        <w:t xml:space="preserve"> </w:t>
      </w:r>
    </w:p>
    <w:p w14:paraId="18DA22BF" w14:textId="77777777" w:rsidR="00CF54CB" w:rsidRDefault="00344004">
      <w:pPr>
        <w:ind w:left="105" w:right="840" w:firstLine="6"/>
      </w:pPr>
      <w:r>
        <w:t xml:space="preserve">Per the FSA Web site, the FSA and the court are concerned whether a policyholder, employee, or other interested person or any group of them will be adversely affected by the scheme. This is primarily a matter of actuarial and regulatory judgment involving a comparison of the security and reasonable expectations of policyholders without the scheme with what would be the result if the scheme were implemented. The court will pay close attention to any views expressed by the FSA regarding whether individual policyholders or groups of policyholders may be adversely affected, though this does not necessarily mean that the transfer is to be rejected by the court. </w:t>
      </w:r>
    </w:p>
    <w:p w14:paraId="0373BBB4" w14:textId="77777777" w:rsidR="00CF54CB" w:rsidRDefault="00344004">
      <w:pPr>
        <w:spacing w:after="0" w:line="259" w:lineRule="auto"/>
        <w:ind w:left="91" w:firstLine="0"/>
        <w:jc w:val="left"/>
      </w:pPr>
      <w:r>
        <w:t xml:space="preserve"> </w:t>
      </w:r>
    </w:p>
    <w:p w14:paraId="09F4925B" w14:textId="77777777" w:rsidR="00CF54CB" w:rsidRDefault="00344004">
      <w:pPr>
        <w:ind w:left="105" w:right="396" w:firstLine="6"/>
      </w:pPr>
      <w:r>
        <w:t xml:space="preserve">The key question is whether the transfer as a whole is fair as between the interests of the different classes of persons affected. However, it is not the function of the court to produce what, in its view, is the best possible scheme. With regard to different transfers, the court may deem all fair, but it is the company’s directors’ choice to select the transfer to pursue. Under the same principle, the details of the scheme are not a matter for the court, provided that the scheme as a whole is found to be fair. Thus, the court will not amend the scheme, because individual provisions could be improved upon. </w:t>
      </w:r>
    </w:p>
    <w:p w14:paraId="069F55C0" w14:textId="77777777" w:rsidR="00CF54CB" w:rsidRDefault="00344004">
      <w:pPr>
        <w:spacing w:after="0" w:line="259" w:lineRule="auto"/>
        <w:ind w:left="91" w:firstLine="0"/>
        <w:jc w:val="left"/>
      </w:pPr>
      <w:r>
        <w:t xml:space="preserve"> </w:t>
      </w:r>
    </w:p>
    <w:p w14:paraId="29A94C11" w14:textId="77777777" w:rsidR="00CF54CB" w:rsidRDefault="00344004">
      <w:pPr>
        <w:ind w:left="105" w:right="396" w:firstLine="6"/>
      </w:pPr>
      <w:r>
        <w:lastRenderedPageBreak/>
        <w:t xml:space="preserve">Overall, a loss portfolio transfer is a means of transferring outstanding net or gross legal liability from one insurer to another insurer. It has been viewed as a form of retrospective reinsurance. The transfers must be sanctioned by the court, and are subject to review and opinion by an independent expert that is approved by the FSA. Notice of the proposed transfer is usually required to be sent to all policyholders of the parties unless the court decides otherwise. A detailed report must also be provided setting out all the details and the independent expert’s opinion. The FSA and any party who feels adversely affected byt he transfer can make representation to the court for consideration. </w:t>
      </w:r>
    </w:p>
    <w:p w14:paraId="5ED7ED2F" w14:textId="77777777" w:rsidR="00CF54CB" w:rsidRDefault="00344004">
      <w:pPr>
        <w:spacing w:after="0" w:line="259" w:lineRule="auto"/>
        <w:ind w:left="91" w:firstLine="0"/>
        <w:jc w:val="left"/>
      </w:pPr>
      <w:r>
        <w:t xml:space="preserve"> </w:t>
      </w:r>
    </w:p>
    <w:p w14:paraId="1CB30914" w14:textId="77777777" w:rsidR="00CF54CB" w:rsidRDefault="00344004">
      <w:pPr>
        <w:ind w:left="105" w:right="396" w:firstLine="6"/>
      </w:pPr>
      <w:r>
        <w:t xml:space="preserve">The FSA is also required to assess a number of aspects (e.g., whether policyholders will be worse off moving from one place to another, or if there is any potential risk posed by the transfer). Rating agency ratings or the effect on ratings could be a component as part of the FSA’s considerations, as well as other regulatory bodies. </w:t>
      </w:r>
    </w:p>
    <w:p w14:paraId="1B70186A" w14:textId="77777777" w:rsidR="00CF54CB" w:rsidRDefault="00344004">
      <w:pPr>
        <w:spacing w:after="0" w:line="259" w:lineRule="auto"/>
        <w:ind w:left="91" w:firstLine="0"/>
        <w:jc w:val="left"/>
      </w:pPr>
      <w:r>
        <w:rPr>
          <w:sz w:val="23"/>
          <w:szCs w:val="23"/>
        </w:rPr>
        <w:t xml:space="preserve"> </w:t>
      </w:r>
    </w:p>
    <w:p w14:paraId="36654D4F" w14:textId="77777777" w:rsidR="00CF54CB" w:rsidRDefault="00344004">
      <w:pPr>
        <w:ind w:left="105" w:right="396" w:firstLine="6"/>
      </w:pPr>
      <w:r>
        <w:t xml:space="preserve">There have been over 100 Part 7 transfers, and the majority dealt with internal reorganization within holding groups. Over 50% were performed in the life industry. Very few Part 7 transfers have seen business go from a company to a third party; however, they are becoming increasingly popular. The receiving company’s motives for entering into these arrangements may stem from tax advantages to potential profits based on one’s claims handling experience. </w:t>
      </w:r>
    </w:p>
    <w:p w14:paraId="6753AF61" w14:textId="77777777" w:rsidR="00CF54CB" w:rsidRDefault="00344004">
      <w:pPr>
        <w:spacing w:after="0" w:line="259" w:lineRule="auto"/>
        <w:ind w:left="91" w:firstLine="0"/>
        <w:jc w:val="left"/>
      </w:pPr>
      <w:r>
        <w:t xml:space="preserve"> </w:t>
      </w:r>
    </w:p>
    <w:p w14:paraId="107C1AB8" w14:textId="77777777" w:rsidR="00CF54CB" w:rsidRDefault="00344004">
      <w:pPr>
        <w:spacing w:after="4" w:line="265" w:lineRule="auto"/>
        <w:ind w:left="101" w:right="56" w:hanging="10"/>
        <w:jc w:val="left"/>
      </w:pPr>
      <w:r>
        <w:rPr>
          <w:b/>
        </w:rPr>
        <w:t>C</w:t>
      </w:r>
      <w:r>
        <w:rPr>
          <w:b/>
          <w:sz w:val="19"/>
          <w:szCs w:val="19"/>
        </w:rPr>
        <w:t xml:space="preserve">OMPARISON OF </w:t>
      </w:r>
      <w:r>
        <w:rPr>
          <w:b/>
        </w:rPr>
        <w:t>P</w:t>
      </w:r>
      <w:r>
        <w:rPr>
          <w:b/>
          <w:sz w:val="19"/>
          <w:szCs w:val="19"/>
        </w:rPr>
        <w:t xml:space="preserve">ART </w:t>
      </w:r>
      <w:r>
        <w:rPr>
          <w:b/>
        </w:rPr>
        <w:t>7 T</w:t>
      </w:r>
      <w:r>
        <w:rPr>
          <w:b/>
          <w:sz w:val="19"/>
          <w:szCs w:val="19"/>
        </w:rPr>
        <w:t xml:space="preserve">RANSFERS WITH </w:t>
      </w:r>
      <w:r>
        <w:rPr>
          <w:b/>
        </w:rPr>
        <w:t>U.S. A</w:t>
      </w:r>
      <w:r>
        <w:rPr>
          <w:b/>
          <w:sz w:val="19"/>
          <w:szCs w:val="19"/>
        </w:rPr>
        <w:t xml:space="preserve">LTERNATIVES </w:t>
      </w:r>
      <w:r>
        <w:rPr>
          <w:b/>
          <w:sz w:val="20"/>
          <w:szCs w:val="20"/>
        </w:rPr>
        <w:t>(</w:t>
      </w:r>
      <w:r>
        <w:rPr>
          <w:b/>
          <w:i/>
          <w:sz w:val="20"/>
          <w:szCs w:val="20"/>
        </w:rPr>
        <w:t>B</w:t>
      </w:r>
      <w:r>
        <w:rPr>
          <w:b/>
          <w:i/>
          <w:sz w:val="16"/>
          <w:szCs w:val="16"/>
        </w:rPr>
        <w:t xml:space="preserve">INGHAM </w:t>
      </w:r>
      <w:r>
        <w:rPr>
          <w:b/>
          <w:i/>
          <w:sz w:val="20"/>
          <w:szCs w:val="20"/>
        </w:rPr>
        <w:t>T</w:t>
      </w:r>
      <w:r>
        <w:rPr>
          <w:b/>
          <w:i/>
          <w:sz w:val="16"/>
          <w:szCs w:val="16"/>
        </w:rPr>
        <w:t>ABLES</w:t>
      </w:r>
      <w:r>
        <w:rPr>
          <w:b/>
          <w:sz w:val="20"/>
          <w:szCs w:val="20"/>
        </w:rPr>
        <w:t xml:space="preserve">) </w:t>
      </w:r>
    </w:p>
    <w:p w14:paraId="0419CFB3" w14:textId="77777777" w:rsidR="00CF54CB" w:rsidRDefault="00344004">
      <w:pPr>
        <w:spacing w:after="0" w:line="259" w:lineRule="auto"/>
        <w:ind w:left="91" w:firstLine="0"/>
        <w:jc w:val="left"/>
      </w:pPr>
      <w:r>
        <w:rPr>
          <w:b/>
        </w:rPr>
        <w:t xml:space="preserve"> </w:t>
      </w:r>
    </w:p>
    <w:tbl>
      <w:tblPr>
        <w:tblStyle w:val="a0"/>
        <w:tblW w:w="10294" w:type="dxa"/>
        <w:tblInd w:w="101" w:type="dxa"/>
        <w:tblLayout w:type="fixed"/>
        <w:tblLook w:val="0400" w:firstRow="0" w:lastRow="0" w:firstColumn="0" w:lastColumn="0" w:noHBand="0" w:noVBand="1"/>
      </w:tblPr>
      <w:tblGrid>
        <w:gridCol w:w="2510"/>
        <w:gridCol w:w="1608"/>
        <w:gridCol w:w="2059"/>
        <w:gridCol w:w="2059"/>
        <w:gridCol w:w="2058"/>
      </w:tblGrid>
      <w:tr w:rsidR="00CF54CB" w14:paraId="54195807" w14:textId="77777777">
        <w:trPr>
          <w:trHeight w:val="838"/>
        </w:trPr>
        <w:tc>
          <w:tcPr>
            <w:tcW w:w="2510" w:type="dxa"/>
            <w:tcBorders>
              <w:top w:val="single" w:sz="4" w:space="0" w:color="000000"/>
              <w:left w:val="single" w:sz="4" w:space="0" w:color="000000"/>
              <w:bottom w:val="single" w:sz="4" w:space="0" w:color="000000"/>
              <w:right w:val="single" w:sz="4" w:space="0" w:color="000000"/>
            </w:tcBorders>
            <w:shd w:val="clear" w:color="auto" w:fill="B4C6E7"/>
          </w:tcPr>
          <w:p w14:paraId="6D41CB1C" w14:textId="77777777" w:rsidR="00CF54CB" w:rsidRDefault="00344004">
            <w:pPr>
              <w:spacing w:line="259" w:lineRule="auto"/>
              <w:ind w:left="0" w:firstLine="0"/>
              <w:jc w:val="left"/>
            </w:pPr>
            <w:r>
              <w:rPr>
                <w:sz w:val="22"/>
                <w:szCs w:val="22"/>
              </w:rPr>
              <w:t xml:space="preserve"> </w:t>
            </w:r>
          </w:p>
        </w:tc>
        <w:tc>
          <w:tcPr>
            <w:tcW w:w="1608" w:type="dxa"/>
            <w:tcBorders>
              <w:top w:val="single" w:sz="4" w:space="0" w:color="000000"/>
              <w:left w:val="single" w:sz="4" w:space="0" w:color="000000"/>
              <w:bottom w:val="single" w:sz="4" w:space="0" w:color="000000"/>
              <w:right w:val="single" w:sz="4" w:space="0" w:color="000000"/>
            </w:tcBorders>
            <w:shd w:val="clear" w:color="auto" w:fill="B4C6E7"/>
          </w:tcPr>
          <w:p w14:paraId="1019DD26" w14:textId="77777777" w:rsidR="00CF54CB" w:rsidRDefault="00344004">
            <w:pPr>
              <w:spacing w:line="259" w:lineRule="auto"/>
              <w:ind w:left="1" w:firstLine="0"/>
              <w:jc w:val="left"/>
            </w:pPr>
            <w:r>
              <w:rPr>
                <w:b/>
              </w:rPr>
              <w:t xml:space="preserve">Part 7 </w:t>
            </w:r>
          </w:p>
          <w:p w14:paraId="4B45A48A" w14:textId="77777777" w:rsidR="00CF54CB" w:rsidRDefault="00344004">
            <w:pPr>
              <w:spacing w:line="259" w:lineRule="auto"/>
              <w:ind w:left="1" w:firstLine="0"/>
              <w:jc w:val="left"/>
            </w:pPr>
            <w:r>
              <w:rPr>
                <w:b/>
              </w:rPr>
              <w:t xml:space="preserve">Transfers </w:t>
            </w:r>
          </w:p>
        </w:tc>
        <w:tc>
          <w:tcPr>
            <w:tcW w:w="2059" w:type="dxa"/>
            <w:tcBorders>
              <w:top w:val="single" w:sz="4" w:space="0" w:color="000000"/>
              <w:left w:val="single" w:sz="4" w:space="0" w:color="000000"/>
              <w:bottom w:val="single" w:sz="4" w:space="0" w:color="000000"/>
              <w:right w:val="single" w:sz="4" w:space="0" w:color="000000"/>
            </w:tcBorders>
            <w:shd w:val="clear" w:color="auto" w:fill="B4C6E7"/>
          </w:tcPr>
          <w:p w14:paraId="49C622A4" w14:textId="77777777" w:rsidR="00CF54CB" w:rsidRDefault="00344004">
            <w:pPr>
              <w:spacing w:line="259" w:lineRule="auto"/>
              <w:ind w:left="222" w:firstLine="0"/>
              <w:jc w:val="left"/>
            </w:pPr>
            <w:r>
              <w:rPr>
                <w:b/>
              </w:rPr>
              <w:t xml:space="preserve">Assumption </w:t>
            </w:r>
          </w:p>
          <w:p w14:paraId="512BC59E" w14:textId="77777777" w:rsidR="00CF54CB" w:rsidRDefault="00344004">
            <w:pPr>
              <w:spacing w:line="259" w:lineRule="auto"/>
              <w:ind w:left="198" w:firstLine="0"/>
              <w:jc w:val="left"/>
            </w:pPr>
            <w:r>
              <w:rPr>
                <w:b/>
              </w:rPr>
              <w:t xml:space="preserve">Reinsurance </w:t>
            </w:r>
          </w:p>
          <w:p w14:paraId="174928A6" w14:textId="77777777" w:rsidR="00CF54CB" w:rsidRDefault="00344004">
            <w:pPr>
              <w:spacing w:line="259" w:lineRule="auto"/>
              <w:ind w:left="457" w:firstLine="0"/>
              <w:jc w:val="left"/>
            </w:pPr>
            <w:r>
              <w:rPr>
                <w:b/>
              </w:rPr>
              <w:t xml:space="preserve">Solvent </w:t>
            </w:r>
          </w:p>
        </w:tc>
        <w:tc>
          <w:tcPr>
            <w:tcW w:w="2059" w:type="dxa"/>
            <w:tcBorders>
              <w:top w:val="single" w:sz="4" w:space="0" w:color="000000"/>
              <w:left w:val="single" w:sz="4" w:space="0" w:color="000000"/>
              <w:bottom w:val="single" w:sz="4" w:space="0" w:color="000000"/>
              <w:right w:val="single" w:sz="4" w:space="0" w:color="000000"/>
            </w:tcBorders>
            <w:shd w:val="clear" w:color="auto" w:fill="B4C6E7"/>
          </w:tcPr>
          <w:p w14:paraId="6CA93182" w14:textId="77777777" w:rsidR="00CF54CB" w:rsidRDefault="00344004">
            <w:pPr>
              <w:spacing w:line="259" w:lineRule="auto"/>
              <w:ind w:left="222" w:firstLine="0"/>
              <w:jc w:val="left"/>
            </w:pPr>
            <w:r>
              <w:rPr>
                <w:b/>
              </w:rPr>
              <w:t xml:space="preserve">Assumption </w:t>
            </w:r>
          </w:p>
          <w:p w14:paraId="31DD33D3" w14:textId="77777777" w:rsidR="00CF54CB" w:rsidRDefault="00344004">
            <w:pPr>
              <w:spacing w:line="259" w:lineRule="auto"/>
              <w:ind w:left="198" w:firstLine="0"/>
              <w:jc w:val="left"/>
            </w:pPr>
            <w:r>
              <w:rPr>
                <w:b/>
              </w:rPr>
              <w:t xml:space="preserve">Reinsurance </w:t>
            </w:r>
          </w:p>
          <w:p w14:paraId="0E19F933" w14:textId="77777777" w:rsidR="00CF54CB" w:rsidRDefault="00344004">
            <w:pPr>
              <w:spacing w:line="259" w:lineRule="auto"/>
              <w:ind w:left="361" w:firstLine="0"/>
              <w:jc w:val="left"/>
            </w:pPr>
            <w:r>
              <w:rPr>
                <w:b/>
              </w:rPr>
              <w:t xml:space="preserve">Insolvent </w:t>
            </w:r>
          </w:p>
        </w:tc>
        <w:tc>
          <w:tcPr>
            <w:tcW w:w="2058" w:type="dxa"/>
            <w:tcBorders>
              <w:top w:val="single" w:sz="4" w:space="0" w:color="000000"/>
              <w:left w:val="single" w:sz="4" w:space="0" w:color="000000"/>
              <w:bottom w:val="single" w:sz="4" w:space="0" w:color="000000"/>
              <w:right w:val="single" w:sz="4" w:space="0" w:color="000000"/>
            </w:tcBorders>
            <w:shd w:val="clear" w:color="auto" w:fill="B4C6E7"/>
          </w:tcPr>
          <w:p w14:paraId="1579E150" w14:textId="77777777" w:rsidR="00CF54CB" w:rsidRDefault="00344004">
            <w:pPr>
              <w:spacing w:line="259" w:lineRule="auto"/>
              <w:ind w:left="1" w:firstLine="0"/>
              <w:jc w:val="left"/>
            </w:pPr>
            <w:r>
              <w:rPr>
                <w:b/>
              </w:rPr>
              <w:t xml:space="preserve">Rehabilitation </w:t>
            </w:r>
          </w:p>
          <w:p w14:paraId="7FC56DFC" w14:textId="77777777" w:rsidR="00CF54CB" w:rsidRDefault="00344004">
            <w:pPr>
              <w:spacing w:line="259" w:lineRule="auto"/>
              <w:ind w:left="1" w:firstLine="0"/>
              <w:jc w:val="left"/>
            </w:pPr>
            <w:r>
              <w:rPr>
                <w:b/>
              </w:rPr>
              <w:t xml:space="preserve">Proceedings </w:t>
            </w:r>
          </w:p>
        </w:tc>
      </w:tr>
      <w:tr w:rsidR="00CF54CB" w14:paraId="69EC2D69" w14:textId="77777777">
        <w:trPr>
          <w:trHeight w:val="289"/>
        </w:trPr>
        <w:tc>
          <w:tcPr>
            <w:tcW w:w="2510" w:type="dxa"/>
            <w:tcBorders>
              <w:top w:val="single" w:sz="4" w:space="0" w:color="000000"/>
              <w:left w:val="single" w:sz="4" w:space="0" w:color="000000"/>
              <w:bottom w:val="single" w:sz="4" w:space="0" w:color="000000"/>
              <w:right w:val="single" w:sz="4" w:space="0" w:color="000000"/>
            </w:tcBorders>
          </w:tcPr>
          <w:p w14:paraId="6B52EB91" w14:textId="77777777" w:rsidR="00CF54CB" w:rsidRDefault="00344004">
            <w:pPr>
              <w:spacing w:line="259" w:lineRule="auto"/>
              <w:ind w:left="0" w:firstLine="0"/>
              <w:jc w:val="left"/>
            </w:pPr>
            <w:r>
              <w:rPr>
                <w:b/>
              </w:rPr>
              <w:t xml:space="preserve">Creditor Voting </w:t>
            </w:r>
          </w:p>
        </w:tc>
        <w:tc>
          <w:tcPr>
            <w:tcW w:w="1608" w:type="dxa"/>
            <w:tcBorders>
              <w:top w:val="single" w:sz="4" w:space="0" w:color="000000"/>
              <w:left w:val="single" w:sz="4" w:space="0" w:color="000000"/>
              <w:bottom w:val="single" w:sz="4" w:space="0" w:color="000000"/>
              <w:right w:val="single" w:sz="4" w:space="0" w:color="000000"/>
            </w:tcBorders>
          </w:tcPr>
          <w:p w14:paraId="67241083" w14:textId="77777777" w:rsidR="00CF54CB" w:rsidRDefault="00344004">
            <w:pPr>
              <w:spacing w:line="259" w:lineRule="auto"/>
              <w:ind w:left="1" w:firstLine="0"/>
              <w:jc w:val="left"/>
            </w:pPr>
            <w:r>
              <w:t xml:space="preserve">No </w:t>
            </w:r>
          </w:p>
        </w:tc>
        <w:tc>
          <w:tcPr>
            <w:tcW w:w="2059" w:type="dxa"/>
            <w:tcBorders>
              <w:top w:val="single" w:sz="4" w:space="0" w:color="000000"/>
              <w:left w:val="single" w:sz="4" w:space="0" w:color="000000"/>
              <w:bottom w:val="single" w:sz="4" w:space="0" w:color="000000"/>
              <w:right w:val="single" w:sz="4" w:space="0" w:color="000000"/>
            </w:tcBorders>
          </w:tcPr>
          <w:p w14:paraId="6D9A4EB9" w14:textId="77777777" w:rsidR="00CF54CB" w:rsidRDefault="00344004">
            <w:pPr>
              <w:spacing w:line="259" w:lineRule="auto"/>
              <w:ind w:left="1" w:firstLine="0"/>
              <w:jc w:val="left"/>
            </w:pPr>
            <w:r>
              <w:t xml:space="preserve">Yes </w:t>
            </w:r>
          </w:p>
        </w:tc>
        <w:tc>
          <w:tcPr>
            <w:tcW w:w="2059" w:type="dxa"/>
            <w:tcBorders>
              <w:top w:val="single" w:sz="4" w:space="0" w:color="000000"/>
              <w:left w:val="single" w:sz="4" w:space="0" w:color="000000"/>
              <w:bottom w:val="single" w:sz="4" w:space="0" w:color="000000"/>
              <w:right w:val="single" w:sz="4" w:space="0" w:color="000000"/>
            </w:tcBorders>
          </w:tcPr>
          <w:p w14:paraId="53CB06F1" w14:textId="77777777" w:rsidR="00CF54CB" w:rsidRDefault="00344004">
            <w:pPr>
              <w:spacing w:line="259" w:lineRule="auto"/>
              <w:ind w:left="121" w:firstLine="0"/>
              <w:jc w:val="center"/>
            </w:pPr>
            <w:r>
              <w:t xml:space="preserve">No </w:t>
            </w:r>
          </w:p>
        </w:tc>
        <w:tc>
          <w:tcPr>
            <w:tcW w:w="2058" w:type="dxa"/>
            <w:tcBorders>
              <w:top w:val="single" w:sz="4" w:space="0" w:color="000000"/>
              <w:left w:val="single" w:sz="4" w:space="0" w:color="000000"/>
              <w:bottom w:val="single" w:sz="4" w:space="0" w:color="000000"/>
              <w:right w:val="single" w:sz="4" w:space="0" w:color="000000"/>
            </w:tcBorders>
          </w:tcPr>
          <w:p w14:paraId="2ED62F95" w14:textId="77777777" w:rsidR="00CF54CB" w:rsidRDefault="00344004">
            <w:pPr>
              <w:spacing w:line="259" w:lineRule="auto"/>
              <w:ind w:left="582" w:firstLine="0"/>
              <w:jc w:val="left"/>
            </w:pPr>
            <w:r>
              <w:t xml:space="preserve">No </w:t>
            </w:r>
          </w:p>
        </w:tc>
      </w:tr>
      <w:tr w:rsidR="00CF54CB" w14:paraId="5D5EF826" w14:textId="77777777">
        <w:trPr>
          <w:trHeight w:val="283"/>
        </w:trPr>
        <w:tc>
          <w:tcPr>
            <w:tcW w:w="2510" w:type="dxa"/>
            <w:tcBorders>
              <w:top w:val="single" w:sz="4" w:space="0" w:color="000000"/>
              <w:left w:val="single" w:sz="4" w:space="0" w:color="000000"/>
              <w:bottom w:val="single" w:sz="4" w:space="0" w:color="000000"/>
              <w:right w:val="single" w:sz="4" w:space="0" w:color="000000"/>
            </w:tcBorders>
          </w:tcPr>
          <w:p w14:paraId="2496FD86" w14:textId="77777777" w:rsidR="00CF54CB" w:rsidRDefault="00344004">
            <w:pPr>
              <w:spacing w:line="259" w:lineRule="auto"/>
              <w:ind w:left="0" w:firstLine="0"/>
              <w:jc w:val="left"/>
            </w:pPr>
            <w:r>
              <w:rPr>
                <w:b/>
              </w:rPr>
              <w:t xml:space="preserve">Regulatory Review </w:t>
            </w:r>
          </w:p>
        </w:tc>
        <w:tc>
          <w:tcPr>
            <w:tcW w:w="1608" w:type="dxa"/>
            <w:tcBorders>
              <w:top w:val="single" w:sz="4" w:space="0" w:color="000000"/>
              <w:left w:val="single" w:sz="4" w:space="0" w:color="000000"/>
              <w:bottom w:val="single" w:sz="4" w:space="0" w:color="000000"/>
              <w:right w:val="single" w:sz="4" w:space="0" w:color="000000"/>
            </w:tcBorders>
          </w:tcPr>
          <w:p w14:paraId="4F88B221" w14:textId="77777777" w:rsidR="00CF54CB" w:rsidRDefault="00344004">
            <w:pPr>
              <w:spacing w:line="259" w:lineRule="auto"/>
              <w:ind w:left="1" w:firstLine="0"/>
              <w:jc w:val="left"/>
            </w:pPr>
            <w:r>
              <w:t xml:space="preserve">Yes </w:t>
            </w:r>
          </w:p>
        </w:tc>
        <w:tc>
          <w:tcPr>
            <w:tcW w:w="2059" w:type="dxa"/>
            <w:tcBorders>
              <w:top w:val="single" w:sz="4" w:space="0" w:color="000000"/>
              <w:left w:val="single" w:sz="4" w:space="0" w:color="000000"/>
              <w:bottom w:val="single" w:sz="4" w:space="0" w:color="000000"/>
              <w:right w:val="single" w:sz="4" w:space="0" w:color="000000"/>
            </w:tcBorders>
          </w:tcPr>
          <w:p w14:paraId="4A267B86" w14:textId="77777777" w:rsidR="00CF54CB" w:rsidRDefault="00344004">
            <w:pPr>
              <w:spacing w:line="259" w:lineRule="auto"/>
              <w:ind w:left="1" w:firstLine="0"/>
              <w:jc w:val="left"/>
            </w:pPr>
            <w:r>
              <w:t xml:space="preserve">Yes </w:t>
            </w:r>
          </w:p>
        </w:tc>
        <w:tc>
          <w:tcPr>
            <w:tcW w:w="2059" w:type="dxa"/>
            <w:tcBorders>
              <w:top w:val="single" w:sz="4" w:space="0" w:color="000000"/>
              <w:left w:val="single" w:sz="4" w:space="0" w:color="000000"/>
              <w:bottom w:val="single" w:sz="4" w:space="0" w:color="000000"/>
              <w:right w:val="single" w:sz="4" w:space="0" w:color="000000"/>
            </w:tcBorders>
          </w:tcPr>
          <w:p w14:paraId="415D8DDC" w14:textId="77777777" w:rsidR="00CF54CB" w:rsidRDefault="00344004">
            <w:pPr>
              <w:spacing w:line="259" w:lineRule="auto"/>
              <w:ind w:left="123" w:firstLine="0"/>
              <w:jc w:val="center"/>
            </w:pPr>
            <w:r>
              <w:t xml:space="preserve">Yes </w:t>
            </w:r>
          </w:p>
        </w:tc>
        <w:tc>
          <w:tcPr>
            <w:tcW w:w="2058" w:type="dxa"/>
            <w:tcBorders>
              <w:top w:val="single" w:sz="4" w:space="0" w:color="000000"/>
              <w:left w:val="single" w:sz="4" w:space="0" w:color="000000"/>
              <w:bottom w:val="single" w:sz="4" w:space="0" w:color="000000"/>
              <w:right w:val="single" w:sz="4" w:space="0" w:color="000000"/>
            </w:tcBorders>
          </w:tcPr>
          <w:p w14:paraId="3D180405" w14:textId="77777777" w:rsidR="00CF54CB" w:rsidRDefault="00344004">
            <w:pPr>
              <w:spacing w:line="259" w:lineRule="auto"/>
              <w:ind w:left="544" w:firstLine="0"/>
              <w:jc w:val="left"/>
            </w:pPr>
            <w:r>
              <w:t xml:space="preserve">Yes </w:t>
            </w:r>
          </w:p>
        </w:tc>
      </w:tr>
      <w:tr w:rsidR="00CF54CB" w14:paraId="01387167" w14:textId="77777777">
        <w:trPr>
          <w:trHeight w:val="283"/>
        </w:trPr>
        <w:tc>
          <w:tcPr>
            <w:tcW w:w="2510" w:type="dxa"/>
            <w:tcBorders>
              <w:top w:val="single" w:sz="4" w:space="0" w:color="000000"/>
              <w:left w:val="single" w:sz="4" w:space="0" w:color="000000"/>
              <w:bottom w:val="single" w:sz="4" w:space="0" w:color="000000"/>
              <w:right w:val="single" w:sz="4" w:space="0" w:color="000000"/>
            </w:tcBorders>
          </w:tcPr>
          <w:p w14:paraId="1F62BCD2" w14:textId="77777777" w:rsidR="00CF54CB" w:rsidRDefault="00344004">
            <w:pPr>
              <w:spacing w:line="259" w:lineRule="auto"/>
              <w:ind w:left="0" w:firstLine="0"/>
              <w:jc w:val="left"/>
            </w:pPr>
            <w:r>
              <w:rPr>
                <w:b/>
              </w:rPr>
              <w:t xml:space="preserve">Creditor Input </w:t>
            </w:r>
          </w:p>
        </w:tc>
        <w:tc>
          <w:tcPr>
            <w:tcW w:w="1608" w:type="dxa"/>
            <w:tcBorders>
              <w:top w:val="single" w:sz="4" w:space="0" w:color="000000"/>
              <w:left w:val="single" w:sz="4" w:space="0" w:color="000000"/>
              <w:bottom w:val="single" w:sz="4" w:space="0" w:color="000000"/>
              <w:right w:val="single" w:sz="4" w:space="0" w:color="000000"/>
            </w:tcBorders>
          </w:tcPr>
          <w:p w14:paraId="29F29729" w14:textId="77777777" w:rsidR="00CF54CB" w:rsidRDefault="00344004">
            <w:pPr>
              <w:spacing w:line="259" w:lineRule="auto"/>
              <w:ind w:left="1" w:firstLine="0"/>
              <w:jc w:val="left"/>
            </w:pPr>
            <w:r>
              <w:t xml:space="preserve">Low </w:t>
            </w:r>
          </w:p>
        </w:tc>
        <w:tc>
          <w:tcPr>
            <w:tcW w:w="2059" w:type="dxa"/>
            <w:tcBorders>
              <w:top w:val="single" w:sz="4" w:space="0" w:color="000000"/>
              <w:left w:val="single" w:sz="4" w:space="0" w:color="000000"/>
              <w:bottom w:val="single" w:sz="4" w:space="0" w:color="000000"/>
              <w:right w:val="single" w:sz="4" w:space="0" w:color="000000"/>
            </w:tcBorders>
          </w:tcPr>
          <w:p w14:paraId="5A9DD5B0" w14:textId="77777777" w:rsidR="00CF54CB" w:rsidRDefault="00344004">
            <w:pPr>
              <w:spacing w:line="259" w:lineRule="auto"/>
              <w:ind w:left="1" w:firstLine="0"/>
              <w:jc w:val="left"/>
            </w:pPr>
            <w:r>
              <w:t xml:space="preserve">High </w:t>
            </w:r>
          </w:p>
        </w:tc>
        <w:tc>
          <w:tcPr>
            <w:tcW w:w="2059" w:type="dxa"/>
            <w:tcBorders>
              <w:top w:val="single" w:sz="4" w:space="0" w:color="000000"/>
              <w:left w:val="single" w:sz="4" w:space="0" w:color="000000"/>
              <w:bottom w:val="single" w:sz="4" w:space="0" w:color="000000"/>
              <w:right w:val="single" w:sz="4" w:space="0" w:color="000000"/>
            </w:tcBorders>
          </w:tcPr>
          <w:p w14:paraId="741B99F3" w14:textId="77777777" w:rsidR="00CF54CB" w:rsidRDefault="00344004">
            <w:pPr>
              <w:spacing w:line="259" w:lineRule="auto"/>
              <w:ind w:left="122" w:firstLine="0"/>
              <w:jc w:val="center"/>
            </w:pPr>
            <w:r>
              <w:t xml:space="preserve">Low </w:t>
            </w:r>
          </w:p>
        </w:tc>
        <w:tc>
          <w:tcPr>
            <w:tcW w:w="2058" w:type="dxa"/>
            <w:tcBorders>
              <w:top w:val="single" w:sz="4" w:space="0" w:color="000000"/>
              <w:left w:val="single" w:sz="4" w:space="0" w:color="000000"/>
              <w:bottom w:val="single" w:sz="4" w:space="0" w:color="000000"/>
              <w:right w:val="single" w:sz="4" w:space="0" w:color="000000"/>
            </w:tcBorders>
          </w:tcPr>
          <w:p w14:paraId="61EDF763" w14:textId="77777777" w:rsidR="00CF54CB" w:rsidRDefault="00344004">
            <w:pPr>
              <w:spacing w:line="259" w:lineRule="auto"/>
              <w:ind w:left="323" w:firstLine="0"/>
              <w:jc w:val="left"/>
            </w:pPr>
            <w:r>
              <w:t xml:space="preserve">Medium </w:t>
            </w:r>
          </w:p>
        </w:tc>
      </w:tr>
      <w:tr w:rsidR="00CF54CB" w14:paraId="14797363" w14:textId="77777777">
        <w:trPr>
          <w:trHeight w:val="288"/>
        </w:trPr>
        <w:tc>
          <w:tcPr>
            <w:tcW w:w="2510" w:type="dxa"/>
            <w:tcBorders>
              <w:top w:val="single" w:sz="4" w:space="0" w:color="000000"/>
              <w:left w:val="single" w:sz="4" w:space="0" w:color="000000"/>
              <w:bottom w:val="single" w:sz="4" w:space="0" w:color="000000"/>
              <w:right w:val="single" w:sz="4" w:space="0" w:color="000000"/>
            </w:tcBorders>
          </w:tcPr>
          <w:p w14:paraId="6D632720" w14:textId="77777777" w:rsidR="00CF54CB" w:rsidRDefault="00344004">
            <w:pPr>
              <w:spacing w:line="259" w:lineRule="auto"/>
              <w:ind w:left="0" w:firstLine="0"/>
              <w:jc w:val="left"/>
            </w:pPr>
            <w:r>
              <w:rPr>
                <w:b/>
              </w:rPr>
              <w:t xml:space="preserve">Transparency </w:t>
            </w:r>
          </w:p>
        </w:tc>
        <w:tc>
          <w:tcPr>
            <w:tcW w:w="1608" w:type="dxa"/>
            <w:tcBorders>
              <w:top w:val="single" w:sz="4" w:space="0" w:color="000000"/>
              <w:left w:val="single" w:sz="4" w:space="0" w:color="000000"/>
              <w:bottom w:val="single" w:sz="4" w:space="0" w:color="000000"/>
              <w:right w:val="single" w:sz="4" w:space="0" w:color="000000"/>
            </w:tcBorders>
          </w:tcPr>
          <w:p w14:paraId="0FE0E500" w14:textId="77777777" w:rsidR="00CF54CB" w:rsidRDefault="00344004">
            <w:pPr>
              <w:spacing w:line="259" w:lineRule="auto"/>
              <w:ind w:left="1" w:firstLine="0"/>
              <w:jc w:val="left"/>
            </w:pPr>
            <w:r>
              <w:t xml:space="preserve">Low </w:t>
            </w:r>
          </w:p>
        </w:tc>
        <w:tc>
          <w:tcPr>
            <w:tcW w:w="2059" w:type="dxa"/>
            <w:tcBorders>
              <w:top w:val="single" w:sz="4" w:space="0" w:color="000000"/>
              <w:left w:val="single" w:sz="4" w:space="0" w:color="000000"/>
              <w:bottom w:val="single" w:sz="4" w:space="0" w:color="000000"/>
              <w:right w:val="single" w:sz="4" w:space="0" w:color="000000"/>
            </w:tcBorders>
          </w:tcPr>
          <w:p w14:paraId="41BDDF15" w14:textId="77777777" w:rsidR="00CF54CB" w:rsidRDefault="00344004">
            <w:pPr>
              <w:spacing w:line="259" w:lineRule="auto"/>
              <w:ind w:left="1" w:firstLine="0"/>
              <w:jc w:val="left"/>
            </w:pPr>
            <w:r>
              <w:t xml:space="preserve">High </w:t>
            </w:r>
          </w:p>
        </w:tc>
        <w:tc>
          <w:tcPr>
            <w:tcW w:w="2059" w:type="dxa"/>
            <w:tcBorders>
              <w:top w:val="single" w:sz="4" w:space="0" w:color="000000"/>
              <w:left w:val="single" w:sz="4" w:space="0" w:color="000000"/>
              <w:bottom w:val="single" w:sz="4" w:space="0" w:color="000000"/>
              <w:right w:val="single" w:sz="4" w:space="0" w:color="000000"/>
            </w:tcBorders>
          </w:tcPr>
          <w:p w14:paraId="2C23F74E" w14:textId="77777777" w:rsidR="00CF54CB" w:rsidRDefault="00344004">
            <w:pPr>
              <w:spacing w:line="259" w:lineRule="auto"/>
              <w:ind w:left="122" w:firstLine="0"/>
              <w:jc w:val="center"/>
            </w:pPr>
            <w:r>
              <w:t xml:space="preserve">Low </w:t>
            </w:r>
          </w:p>
        </w:tc>
        <w:tc>
          <w:tcPr>
            <w:tcW w:w="2058" w:type="dxa"/>
            <w:tcBorders>
              <w:top w:val="single" w:sz="4" w:space="0" w:color="000000"/>
              <w:left w:val="single" w:sz="4" w:space="0" w:color="000000"/>
              <w:bottom w:val="single" w:sz="4" w:space="0" w:color="000000"/>
              <w:right w:val="single" w:sz="4" w:space="0" w:color="000000"/>
            </w:tcBorders>
          </w:tcPr>
          <w:p w14:paraId="7AD33A88" w14:textId="77777777" w:rsidR="00CF54CB" w:rsidRDefault="00344004">
            <w:pPr>
              <w:spacing w:line="259" w:lineRule="auto"/>
              <w:ind w:left="323" w:firstLine="0"/>
              <w:jc w:val="left"/>
            </w:pPr>
            <w:r>
              <w:t xml:space="preserve">Medium </w:t>
            </w:r>
          </w:p>
        </w:tc>
      </w:tr>
      <w:tr w:rsidR="00CF54CB" w14:paraId="486BD205" w14:textId="77777777">
        <w:trPr>
          <w:trHeight w:val="283"/>
        </w:trPr>
        <w:tc>
          <w:tcPr>
            <w:tcW w:w="2510" w:type="dxa"/>
            <w:tcBorders>
              <w:top w:val="single" w:sz="4" w:space="0" w:color="000000"/>
              <w:left w:val="single" w:sz="4" w:space="0" w:color="000000"/>
              <w:bottom w:val="single" w:sz="4" w:space="0" w:color="000000"/>
              <w:right w:val="single" w:sz="4" w:space="0" w:color="000000"/>
            </w:tcBorders>
          </w:tcPr>
          <w:p w14:paraId="124C59BC" w14:textId="77777777" w:rsidR="00CF54CB" w:rsidRDefault="00344004">
            <w:pPr>
              <w:spacing w:line="259" w:lineRule="auto"/>
              <w:ind w:left="0" w:firstLine="0"/>
              <w:jc w:val="left"/>
            </w:pPr>
            <w:r>
              <w:rPr>
                <w:b/>
              </w:rPr>
              <w:t xml:space="preserve">Court Review </w:t>
            </w:r>
          </w:p>
        </w:tc>
        <w:tc>
          <w:tcPr>
            <w:tcW w:w="1608" w:type="dxa"/>
            <w:tcBorders>
              <w:top w:val="single" w:sz="4" w:space="0" w:color="000000"/>
              <w:left w:val="single" w:sz="4" w:space="0" w:color="000000"/>
              <w:bottom w:val="single" w:sz="4" w:space="0" w:color="000000"/>
              <w:right w:val="single" w:sz="4" w:space="0" w:color="000000"/>
            </w:tcBorders>
          </w:tcPr>
          <w:p w14:paraId="161B40B0" w14:textId="77777777" w:rsidR="00CF54CB" w:rsidRDefault="00344004">
            <w:pPr>
              <w:spacing w:line="259" w:lineRule="auto"/>
              <w:ind w:left="1" w:firstLine="0"/>
              <w:jc w:val="left"/>
            </w:pPr>
            <w:r>
              <w:t xml:space="preserve">Yes </w:t>
            </w:r>
          </w:p>
        </w:tc>
        <w:tc>
          <w:tcPr>
            <w:tcW w:w="2059" w:type="dxa"/>
            <w:tcBorders>
              <w:top w:val="single" w:sz="4" w:space="0" w:color="000000"/>
              <w:left w:val="single" w:sz="4" w:space="0" w:color="000000"/>
              <w:bottom w:val="single" w:sz="4" w:space="0" w:color="000000"/>
              <w:right w:val="single" w:sz="4" w:space="0" w:color="000000"/>
            </w:tcBorders>
          </w:tcPr>
          <w:p w14:paraId="2E8D6D0A" w14:textId="77777777" w:rsidR="00CF54CB" w:rsidRDefault="00344004">
            <w:pPr>
              <w:spacing w:line="259" w:lineRule="auto"/>
              <w:ind w:left="1" w:firstLine="0"/>
              <w:jc w:val="left"/>
            </w:pPr>
            <w:r>
              <w:t xml:space="preserve">No </w:t>
            </w:r>
          </w:p>
        </w:tc>
        <w:tc>
          <w:tcPr>
            <w:tcW w:w="2059" w:type="dxa"/>
            <w:tcBorders>
              <w:top w:val="single" w:sz="4" w:space="0" w:color="000000"/>
              <w:left w:val="single" w:sz="4" w:space="0" w:color="000000"/>
              <w:bottom w:val="single" w:sz="4" w:space="0" w:color="000000"/>
              <w:right w:val="single" w:sz="4" w:space="0" w:color="000000"/>
            </w:tcBorders>
          </w:tcPr>
          <w:p w14:paraId="029CEEF4" w14:textId="77777777" w:rsidR="00CF54CB" w:rsidRDefault="00344004">
            <w:pPr>
              <w:spacing w:line="259" w:lineRule="auto"/>
              <w:ind w:left="131" w:firstLine="0"/>
              <w:jc w:val="center"/>
            </w:pPr>
            <w:r>
              <w:t xml:space="preserve">No </w:t>
            </w:r>
          </w:p>
        </w:tc>
        <w:tc>
          <w:tcPr>
            <w:tcW w:w="2058" w:type="dxa"/>
            <w:tcBorders>
              <w:top w:val="single" w:sz="4" w:space="0" w:color="000000"/>
              <w:left w:val="single" w:sz="4" w:space="0" w:color="000000"/>
              <w:bottom w:val="single" w:sz="4" w:space="0" w:color="000000"/>
              <w:right w:val="single" w:sz="4" w:space="0" w:color="000000"/>
            </w:tcBorders>
          </w:tcPr>
          <w:p w14:paraId="5987C3B5" w14:textId="77777777" w:rsidR="00CF54CB" w:rsidRDefault="00344004">
            <w:pPr>
              <w:spacing w:line="259" w:lineRule="auto"/>
              <w:ind w:left="544" w:firstLine="0"/>
              <w:jc w:val="left"/>
            </w:pPr>
            <w:r>
              <w:t xml:space="preserve">Yes </w:t>
            </w:r>
          </w:p>
        </w:tc>
      </w:tr>
      <w:tr w:rsidR="00CF54CB" w14:paraId="4F46B681" w14:textId="77777777">
        <w:trPr>
          <w:trHeight w:val="288"/>
        </w:trPr>
        <w:tc>
          <w:tcPr>
            <w:tcW w:w="2510" w:type="dxa"/>
            <w:tcBorders>
              <w:top w:val="single" w:sz="4" w:space="0" w:color="000000"/>
              <w:left w:val="single" w:sz="4" w:space="0" w:color="000000"/>
              <w:bottom w:val="single" w:sz="4" w:space="0" w:color="000000"/>
              <w:right w:val="single" w:sz="4" w:space="0" w:color="000000"/>
            </w:tcBorders>
          </w:tcPr>
          <w:p w14:paraId="6B64DD6F" w14:textId="77777777" w:rsidR="00CF54CB" w:rsidRDefault="00344004">
            <w:pPr>
              <w:spacing w:line="259" w:lineRule="auto"/>
              <w:ind w:left="0" w:firstLine="0"/>
              <w:jc w:val="left"/>
            </w:pPr>
            <w:r>
              <w:rPr>
                <w:b/>
              </w:rPr>
              <w:t xml:space="preserve">Hold-ups &amp; Hold-outs </w:t>
            </w:r>
          </w:p>
        </w:tc>
        <w:tc>
          <w:tcPr>
            <w:tcW w:w="1608" w:type="dxa"/>
            <w:tcBorders>
              <w:top w:val="single" w:sz="4" w:space="0" w:color="000000"/>
              <w:left w:val="single" w:sz="4" w:space="0" w:color="000000"/>
              <w:bottom w:val="single" w:sz="4" w:space="0" w:color="000000"/>
              <w:right w:val="single" w:sz="4" w:space="0" w:color="000000"/>
            </w:tcBorders>
          </w:tcPr>
          <w:p w14:paraId="178FE071" w14:textId="77777777" w:rsidR="00CF54CB" w:rsidRDefault="00344004">
            <w:pPr>
              <w:spacing w:line="259" w:lineRule="auto"/>
              <w:ind w:left="1" w:firstLine="0"/>
              <w:jc w:val="left"/>
            </w:pPr>
            <w:r>
              <w:t xml:space="preserve">No </w:t>
            </w:r>
          </w:p>
        </w:tc>
        <w:tc>
          <w:tcPr>
            <w:tcW w:w="2059" w:type="dxa"/>
            <w:tcBorders>
              <w:top w:val="single" w:sz="4" w:space="0" w:color="000000"/>
              <w:left w:val="single" w:sz="4" w:space="0" w:color="000000"/>
              <w:bottom w:val="single" w:sz="4" w:space="0" w:color="000000"/>
              <w:right w:val="single" w:sz="4" w:space="0" w:color="000000"/>
            </w:tcBorders>
          </w:tcPr>
          <w:p w14:paraId="05A1FEEF" w14:textId="77777777" w:rsidR="00CF54CB" w:rsidRDefault="00344004">
            <w:pPr>
              <w:spacing w:line="259" w:lineRule="auto"/>
              <w:ind w:left="1" w:firstLine="0"/>
              <w:jc w:val="left"/>
            </w:pPr>
            <w:r>
              <w:t xml:space="preserve">Yes </w:t>
            </w:r>
          </w:p>
        </w:tc>
        <w:tc>
          <w:tcPr>
            <w:tcW w:w="2059" w:type="dxa"/>
            <w:tcBorders>
              <w:top w:val="single" w:sz="4" w:space="0" w:color="000000"/>
              <w:left w:val="single" w:sz="4" w:space="0" w:color="000000"/>
              <w:bottom w:val="single" w:sz="4" w:space="0" w:color="000000"/>
              <w:right w:val="single" w:sz="4" w:space="0" w:color="000000"/>
            </w:tcBorders>
          </w:tcPr>
          <w:p w14:paraId="32BDCCEC" w14:textId="77777777" w:rsidR="00CF54CB" w:rsidRDefault="00344004">
            <w:pPr>
              <w:spacing w:line="259" w:lineRule="auto"/>
              <w:ind w:left="121" w:firstLine="0"/>
              <w:jc w:val="center"/>
            </w:pPr>
            <w:r>
              <w:t xml:space="preserve">No </w:t>
            </w:r>
          </w:p>
        </w:tc>
        <w:tc>
          <w:tcPr>
            <w:tcW w:w="2058" w:type="dxa"/>
            <w:tcBorders>
              <w:top w:val="single" w:sz="4" w:space="0" w:color="000000"/>
              <w:left w:val="single" w:sz="4" w:space="0" w:color="000000"/>
              <w:bottom w:val="single" w:sz="4" w:space="0" w:color="000000"/>
              <w:right w:val="single" w:sz="4" w:space="0" w:color="000000"/>
            </w:tcBorders>
          </w:tcPr>
          <w:p w14:paraId="366B591E" w14:textId="77777777" w:rsidR="00CF54CB" w:rsidRDefault="00344004">
            <w:pPr>
              <w:spacing w:line="259" w:lineRule="auto"/>
              <w:ind w:left="582" w:firstLine="0"/>
              <w:jc w:val="left"/>
            </w:pPr>
            <w:r>
              <w:t xml:space="preserve">No </w:t>
            </w:r>
          </w:p>
        </w:tc>
      </w:tr>
    </w:tbl>
    <w:p w14:paraId="66D44E33" w14:textId="77777777" w:rsidR="00CF54CB" w:rsidRDefault="00344004">
      <w:pPr>
        <w:spacing w:after="55" w:line="259" w:lineRule="auto"/>
        <w:ind w:left="91" w:firstLine="0"/>
        <w:jc w:val="left"/>
      </w:pPr>
      <w:r>
        <w:rPr>
          <w:b/>
          <w:sz w:val="20"/>
          <w:szCs w:val="20"/>
        </w:rPr>
        <w:t xml:space="preserve"> </w:t>
      </w:r>
    </w:p>
    <w:p w14:paraId="79C8E479" w14:textId="77777777" w:rsidR="00CF54CB" w:rsidRDefault="00344004">
      <w:pPr>
        <w:spacing w:after="0" w:line="259" w:lineRule="auto"/>
        <w:ind w:left="91" w:firstLine="0"/>
        <w:jc w:val="left"/>
      </w:pPr>
      <w:r>
        <w:rPr>
          <w:b/>
          <w:sz w:val="28"/>
          <w:szCs w:val="28"/>
        </w:rPr>
        <w:t xml:space="preserve"> </w:t>
      </w:r>
    </w:p>
    <w:tbl>
      <w:tblPr>
        <w:tblStyle w:val="a1"/>
        <w:tblW w:w="10294" w:type="dxa"/>
        <w:tblInd w:w="101" w:type="dxa"/>
        <w:tblLayout w:type="fixed"/>
        <w:tblLook w:val="0400" w:firstRow="0" w:lastRow="0" w:firstColumn="0" w:lastColumn="0" w:noHBand="0" w:noVBand="1"/>
      </w:tblPr>
      <w:tblGrid>
        <w:gridCol w:w="2870"/>
        <w:gridCol w:w="3000"/>
        <w:gridCol w:w="2280"/>
        <w:gridCol w:w="2144"/>
      </w:tblGrid>
      <w:tr w:rsidR="00CF54CB" w14:paraId="6083187D" w14:textId="77777777">
        <w:trPr>
          <w:trHeight w:val="559"/>
        </w:trPr>
        <w:tc>
          <w:tcPr>
            <w:tcW w:w="2870" w:type="dxa"/>
            <w:tcBorders>
              <w:top w:val="single" w:sz="4" w:space="0" w:color="000000"/>
              <w:left w:val="single" w:sz="4" w:space="0" w:color="000000"/>
              <w:bottom w:val="single" w:sz="4" w:space="0" w:color="000000"/>
              <w:right w:val="single" w:sz="4" w:space="0" w:color="000000"/>
            </w:tcBorders>
            <w:shd w:val="clear" w:color="auto" w:fill="B4C6E7"/>
          </w:tcPr>
          <w:p w14:paraId="2AF1F004" w14:textId="77777777" w:rsidR="00CF54CB" w:rsidRDefault="00344004">
            <w:pPr>
              <w:spacing w:line="259" w:lineRule="auto"/>
              <w:ind w:left="0" w:firstLine="0"/>
              <w:jc w:val="left"/>
            </w:pPr>
            <w:r>
              <w:rPr>
                <w:sz w:val="22"/>
                <w:szCs w:val="22"/>
              </w:rPr>
              <w:t xml:space="preserve"> </w:t>
            </w:r>
          </w:p>
        </w:tc>
        <w:tc>
          <w:tcPr>
            <w:tcW w:w="3000" w:type="dxa"/>
            <w:tcBorders>
              <w:top w:val="single" w:sz="4" w:space="0" w:color="000000"/>
              <w:left w:val="single" w:sz="4" w:space="0" w:color="000000"/>
              <w:bottom w:val="single" w:sz="4" w:space="0" w:color="000000"/>
              <w:right w:val="single" w:sz="4" w:space="0" w:color="000000"/>
            </w:tcBorders>
            <w:shd w:val="clear" w:color="auto" w:fill="B4C6E7"/>
          </w:tcPr>
          <w:p w14:paraId="1E919F40" w14:textId="77777777" w:rsidR="00CF54CB" w:rsidRDefault="00344004">
            <w:pPr>
              <w:spacing w:line="259" w:lineRule="auto"/>
              <w:ind w:left="116" w:firstLine="0"/>
              <w:jc w:val="left"/>
            </w:pPr>
            <w:r>
              <w:rPr>
                <w:b/>
              </w:rPr>
              <w:t xml:space="preserve">Schemes of Arrangement </w:t>
            </w:r>
          </w:p>
        </w:tc>
        <w:tc>
          <w:tcPr>
            <w:tcW w:w="2280" w:type="dxa"/>
            <w:tcBorders>
              <w:top w:val="single" w:sz="4" w:space="0" w:color="000000"/>
              <w:left w:val="single" w:sz="4" w:space="0" w:color="000000"/>
              <w:bottom w:val="single" w:sz="4" w:space="0" w:color="000000"/>
              <w:right w:val="single" w:sz="4" w:space="0" w:color="000000"/>
            </w:tcBorders>
            <w:shd w:val="clear" w:color="auto" w:fill="B4C6E7"/>
          </w:tcPr>
          <w:p w14:paraId="53970CE7" w14:textId="77777777" w:rsidR="00CF54CB" w:rsidRDefault="00344004">
            <w:pPr>
              <w:spacing w:line="259" w:lineRule="auto"/>
              <w:ind w:left="1" w:firstLine="0"/>
              <w:jc w:val="left"/>
            </w:pPr>
            <w:r>
              <w:rPr>
                <w:b/>
              </w:rPr>
              <w:t xml:space="preserve">Run-off with </w:t>
            </w:r>
          </w:p>
          <w:p w14:paraId="64D6CBAA" w14:textId="77777777" w:rsidR="00CF54CB" w:rsidRDefault="00344004">
            <w:pPr>
              <w:spacing w:line="259" w:lineRule="auto"/>
              <w:ind w:left="1" w:firstLine="0"/>
              <w:jc w:val="left"/>
            </w:pPr>
            <w:r>
              <w:rPr>
                <w:b/>
              </w:rPr>
              <w:t xml:space="preserve">Commutations </w:t>
            </w:r>
          </w:p>
        </w:tc>
        <w:tc>
          <w:tcPr>
            <w:tcW w:w="2144" w:type="dxa"/>
            <w:tcBorders>
              <w:top w:val="single" w:sz="4" w:space="0" w:color="000000"/>
              <w:left w:val="single" w:sz="4" w:space="0" w:color="000000"/>
              <w:bottom w:val="single" w:sz="4" w:space="0" w:color="000000"/>
              <w:right w:val="single" w:sz="4" w:space="0" w:color="000000"/>
            </w:tcBorders>
            <w:shd w:val="clear" w:color="auto" w:fill="B4C6E7"/>
          </w:tcPr>
          <w:p w14:paraId="1F50191E" w14:textId="77777777" w:rsidR="00CF54CB" w:rsidRDefault="00344004">
            <w:pPr>
              <w:spacing w:line="259" w:lineRule="auto"/>
              <w:ind w:left="1" w:firstLine="0"/>
              <w:jc w:val="left"/>
            </w:pPr>
            <w:r>
              <w:rPr>
                <w:b/>
              </w:rPr>
              <w:t xml:space="preserve">Rehabilitation </w:t>
            </w:r>
          </w:p>
          <w:p w14:paraId="5EE05E00" w14:textId="77777777" w:rsidR="00CF54CB" w:rsidRDefault="00344004">
            <w:pPr>
              <w:spacing w:line="259" w:lineRule="auto"/>
              <w:ind w:left="1" w:firstLine="0"/>
              <w:jc w:val="left"/>
            </w:pPr>
            <w:r>
              <w:rPr>
                <w:b/>
              </w:rPr>
              <w:t xml:space="preserve">Proceedings </w:t>
            </w:r>
          </w:p>
        </w:tc>
      </w:tr>
      <w:tr w:rsidR="00CF54CB" w14:paraId="7112AF44" w14:textId="77777777">
        <w:trPr>
          <w:trHeight w:val="284"/>
        </w:trPr>
        <w:tc>
          <w:tcPr>
            <w:tcW w:w="2870" w:type="dxa"/>
            <w:tcBorders>
              <w:top w:val="single" w:sz="4" w:space="0" w:color="000000"/>
              <w:left w:val="single" w:sz="4" w:space="0" w:color="000000"/>
              <w:bottom w:val="single" w:sz="4" w:space="0" w:color="000000"/>
              <w:right w:val="single" w:sz="4" w:space="0" w:color="000000"/>
            </w:tcBorders>
          </w:tcPr>
          <w:p w14:paraId="204F623B" w14:textId="77777777" w:rsidR="00CF54CB" w:rsidRDefault="00344004">
            <w:pPr>
              <w:spacing w:line="259" w:lineRule="auto"/>
              <w:ind w:left="0" w:firstLine="0"/>
              <w:jc w:val="left"/>
            </w:pPr>
            <w:r>
              <w:rPr>
                <w:b/>
              </w:rPr>
              <w:t xml:space="preserve">Who Runs the Case </w:t>
            </w:r>
          </w:p>
        </w:tc>
        <w:tc>
          <w:tcPr>
            <w:tcW w:w="3000" w:type="dxa"/>
            <w:tcBorders>
              <w:top w:val="single" w:sz="4" w:space="0" w:color="000000"/>
              <w:left w:val="single" w:sz="4" w:space="0" w:color="000000"/>
              <w:bottom w:val="single" w:sz="4" w:space="0" w:color="000000"/>
              <w:right w:val="single" w:sz="4" w:space="0" w:color="000000"/>
            </w:tcBorders>
          </w:tcPr>
          <w:p w14:paraId="20783DB6" w14:textId="77777777" w:rsidR="00CF54CB" w:rsidRDefault="00344004">
            <w:pPr>
              <w:spacing w:line="259" w:lineRule="auto"/>
              <w:ind w:left="0" w:right="76" w:firstLine="0"/>
              <w:jc w:val="center"/>
            </w:pPr>
            <w:r>
              <w:t xml:space="preserve">Management </w:t>
            </w:r>
          </w:p>
        </w:tc>
        <w:tc>
          <w:tcPr>
            <w:tcW w:w="2280" w:type="dxa"/>
            <w:tcBorders>
              <w:top w:val="single" w:sz="4" w:space="0" w:color="000000"/>
              <w:left w:val="single" w:sz="4" w:space="0" w:color="000000"/>
              <w:bottom w:val="single" w:sz="4" w:space="0" w:color="000000"/>
              <w:right w:val="single" w:sz="4" w:space="0" w:color="000000"/>
            </w:tcBorders>
          </w:tcPr>
          <w:p w14:paraId="3FE44583" w14:textId="77777777" w:rsidR="00CF54CB" w:rsidRDefault="00344004">
            <w:pPr>
              <w:spacing w:line="259" w:lineRule="auto"/>
              <w:ind w:left="0" w:right="9" w:firstLine="0"/>
              <w:jc w:val="center"/>
            </w:pPr>
            <w:r>
              <w:t xml:space="preserve">Management </w:t>
            </w:r>
          </w:p>
        </w:tc>
        <w:tc>
          <w:tcPr>
            <w:tcW w:w="2144" w:type="dxa"/>
            <w:tcBorders>
              <w:top w:val="single" w:sz="4" w:space="0" w:color="000000"/>
              <w:left w:val="single" w:sz="4" w:space="0" w:color="000000"/>
              <w:bottom w:val="single" w:sz="4" w:space="0" w:color="000000"/>
              <w:right w:val="single" w:sz="4" w:space="0" w:color="000000"/>
            </w:tcBorders>
          </w:tcPr>
          <w:p w14:paraId="334B76A0" w14:textId="77777777" w:rsidR="00CF54CB" w:rsidRDefault="00344004">
            <w:pPr>
              <w:spacing w:line="259" w:lineRule="auto"/>
              <w:ind w:left="0" w:right="4" w:firstLine="0"/>
              <w:jc w:val="center"/>
            </w:pPr>
            <w:r>
              <w:t xml:space="preserve">Regulator </w:t>
            </w:r>
          </w:p>
        </w:tc>
      </w:tr>
      <w:tr w:rsidR="00CF54CB" w14:paraId="39BBD36A" w14:textId="77777777">
        <w:trPr>
          <w:trHeight w:val="283"/>
        </w:trPr>
        <w:tc>
          <w:tcPr>
            <w:tcW w:w="2870" w:type="dxa"/>
            <w:tcBorders>
              <w:top w:val="single" w:sz="4" w:space="0" w:color="000000"/>
              <w:left w:val="single" w:sz="4" w:space="0" w:color="000000"/>
              <w:bottom w:val="single" w:sz="4" w:space="0" w:color="000000"/>
              <w:right w:val="single" w:sz="4" w:space="0" w:color="000000"/>
            </w:tcBorders>
          </w:tcPr>
          <w:p w14:paraId="74DAA70E" w14:textId="77777777" w:rsidR="00CF54CB" w:rsidRDefault="00344004">
            <w:pPr>
              <w:spacing w:line="259" w:lineRule="auto"/>
              <w:ind w:left="0" w:firstLine="0"/>
              <w:jc w:val="left"/>
            </w:pPr>
            <w:r>
              <w:rPr>
                <w:b/>
              </w:rPr>
              <w:t xml:space="preserve">Stay of Proceedings </w:t>
            </w:r>
          </w:p>
        </w:tc>
        <w:tc>
          <w:tcPr>
            <w:tcW w:w="3000" w:type="dxa"/>
            <w:tcBorders>
              <w:top w:val="single" w:sz="4" w:space="0" w:color="000000"/>
              <w:left w:val="single" w:sz="4" w:space="0" w:color="000000"/>
              <w:bottom w:val="single" w:sz="4" w:space="0" w:color="000000"/>
              <w:right w:val="single" w:sz="4" w:space="0" w:color="000000"/>
            </w:tcBorders>
          </w:tcPr>
          <w:p w14:paraId="0347BEE6" w14:textId="77777777" w:rsidR="00CF54CB" w:rsidRDefault="00344004">
            <w:pPr>
              <w:spacing w:line="259" w:lineRule="auto"/>
              <w:ind w:left="0" w:right="78" w:firstLine="0"/>
              <w:jc w:val="center"/>
            </w:pPr>
            <w:r>
              <w:t xml:space="preserve">Yes </w:t>
            </w:r>
          </w:p>
        </w:tc>
        <w:tc>
          <w:tcPr>
            <w:tcW w:w="2280" w:type="dxa"/>
            <w:tcBorders>
              <w:top w:val="single" w:sz="4" w:space="0" w:color="000000"/>
              <w:left w:val="single" w:sz="4" w:space="0" w:color="000000"/>
              <w:bottom w:val="single" w:sz="4" w:space="0" w:color="000000"/>
              <w:right w:val="single" w:sz="4" w:space="0" w:color="000000"/>
            </w:tcBorders>
          </w:tcPr>
          <w:p w14:paraId="727325F0" w14:textId="77777777" w:rsidR="00CF54CB" w:rsidRDefault="00344004">
            <w:pPr>
              <w:spacing w:line="259" w:lineRule="auto"/>
              <w:ind w:left="0" w:right="4" w:firstLine="0"/>
              <w:jc w:val="center"/>
            </w:pPr>
            <w:r>
              <w:t xml:space="preserve">No </w:t>
            </w:r>
          </w:p>
        </w:tc>
        <w:tc>
          <w:tcPr>
            <w:tcW w:w="2144" w:type="dxa"/>
            <w:tcBorders>
              <w:top w:val="single" w:sz="4" w:space="0" w:color="000000"/>
              <w:left w:val="single" w:sz="4" w:space="0" w:color="000000"/>
              <w:bottom w:val="single" w:sz="4" w:space="0" w:color="000000"/>
              <w:right w:val="single" w:sz="4" w:space="0" w:color="000000"/>
            </w:tcBorders>
          </w:tcPr>
          <w:p w14:paraId="468364B8" w14:textId="77777777" w:rsidR="00CF54CB" w:rsidRDefault="00344004">
            <w:pPr>
              <w:spacing w:line="259" w:lineRule="auto"/>
              <w:ind w:left="0" w:firstLine="0"/>
              <w:jc w:val="center"/>
            </w:pPr>
            <w:r>
              <w:t xml:space="preserve">Yes </w:t>
            </w:r>
          </w:p>
        </w:tc>
      </w:tr>
      <w:tr w:rsidR="00CF54CB" w14:paraId="39C39B85" w14:textId="77777777">
        <w:trPr>
          <w:trHeight w:val="288"/>
        </w:trPr>
        <w:tc>
          <w:tcPr>
            <w:tcW w:w="2870" w:type="dxa"/>
            <w:tcBorders>
              <w:top w:val="single" w:sz="4" w:space="0" w:color="000000"/>
              <w:left w:val="single" w:sz="4" w:space="0" w:color="000000"/>
              <w:bottom w:val="single" w:sz="4" w:space="0" w:color="000000"/>
              <w:right w:val="single" w:sz="4" w:space="0" w:color="000000"/>
            </w:tcBorders>
          </w:tcPr>
          <w:p w14:paraId="75AA6AE9" w14:textId="77777777" w:rsidR="00CF54CB" w:rsidRDefault="00344004">
            <w:pPr>
              <w:spacing w:line="259" w:lineRule="auto"/>
              <w:ind w:left="0" w:firstLine="0"/>
              <w:jc w:val="left"/>
            </w:pPr>
            <w:r>
              <w:rPr>
                <w:b/>
              </w:rPr>
              <w:t xml:space="preserve">Hold-ups and Hold-outs </w:t>
            </w:r>
          </w:p>
        </w:tc>
        <w:tc>
          <w:tcPr>
            <w:tcW w:w="3000" w:type="dxa"/>
            <w:tcBorders>
              <w:top w:val="single" w:sz="4" w:space="0" w:color="000000"/>
              <w:left w:val="single" w:sz="4" w:space="0" w:color="000000"/>
              <w:bottom w:val="single" w:sz="4" w:space="0" w:color="000000"/>
              <w:right w:val="single" w:sz="4" w:space="0" w:color="000000"/>
            </w:tcBorders>
          </w:tcPr>
          <w:p w14:paraId="25D471F2" w14:textId="77777777" w:rsidR="00CF54CB" w:rsidRDefault="00344004">
            <w:pPr>
              <w:spacing w:line="259" w:lineRule="auto"/>
              <w:ind w:left="0" w:right="78" w:firstLine="0"/>
              <w:jc w:val="center"/>
            </w:pPr>
            <w:r>
              <w:t xml:space="preserve">Yes </w:t>
            </w:r>
          </w:p>
        </w:tc>
        <w:tc>
          <w:tcPr>
            <w:tcW w:w="2280" w:type="dxa"/>
            <w:tcBorders>
              <w:top w:val="single" w:sz="4" w:space="0" w:color="000000"/>
              <w:left w:val="single" w:sz="4" w:space="0" w:color="000000"/>
              <w:bottom w:val="single" w:sz="4" w:space="0" w:color="000000"/>
              <w:right w:val="single" w:sz="4" w:space="0" w:color="000000"/>
            </w:tcBorders>
          </w:tcPr>
          <w:p w14:paraId="622409C8" w14:textId="77777777" w:rsidR="00CF54CB" w:rsidRDefault="00344004">
            <w:pPr>
              <w:spacing w:line="259" w:lineRule="auto"/>
              <w:ind w:left="0" w:right="11" w:firstLine="0"/>
              <w:jc w:val="center"/>
            </w:pPr>
            <w:r>
              <w:t xml:space="preserve">Yes </w:t>
            </w:r>
          </w:p>
        </w:tc>
        <w:tc>
          <w:tcPr>
            <w:tcW w:w="2144" w:type="dxa"/>
            <w:tcBorders>
              <w:top w:val="single" w:sz="4" w:space="0" w:color="000000"/>
              <w:left w:val="single" w:sz="4" w:space="0" w:color="000000"/>
              <w:bottom w:val="single" w:sz="4" w:space="0" w:color="000000"/>
              <w:right w:val="single" w:sz="4" w:space="0" w:color="000000"/>
            </w:tcBorders>
          </w:tcPr>
          <w:p w14:paraId="1B9838B1" w14:textId="77777777" w:rsidR="00CF54CB" w:rsidRDefault="00344004">
            <w:pPr>
              <w:spacing w:line="259" w:lineRule="auto"/>
              <w:ind w:left="0" w:right="2" w:firstLine="0"/>
              <w:jc w:val="center"/>
            </w:pPr>
            <w:r>
              <w:t xml:space="preserve">No </w:t>
            </w:r>
          </w:p>
        </w:tc>
      </w:tr>
      <w:tr w:rsidR="00CF54CB" w14:paraId="56A80812" w14:textId="77777777">
        <w:trPr>
          <w:trHeight w:val="283"/>
        </w:trPr>
        <w:tc>
          <w:tcPr>
            <w:tcW w:w="2870" w:type="dxa"/>
            <w:tcBorders>
              <w:top w:val="single" w:sz="4" w:space="0" w:color="000000"/>
              <w:left w:val="single" w:sz="4" w:space="0" w:color="000000"/>
              <w:bottom w:val="single" w:sz="4" w:space="0" w:color="000000"/>
              <w:right w:val="single" w:sz="4" w:space="0" w:color="000000"/>
            </w:tcBorders>
          </w:tcPr>
          <w:p w14:paraId="20320028" w14:textId="77777777" w:rsidR="00CF54CB" w:rsidRDefault="00344004">
            <w:pPr>
              <w:spacing w:line="259" w:lineRule="auto"/>
              <w:ind w:left="0" w:firstLine="0"/>
              <w:jc w:val="left"/>
            </w:pPr>
            <w:r>
              <w:rPr>
                <w:b/>
              </w:rPr>
              <w:t xml:space="preserve">Creditor Votes </w:t>
            </w:r>
          </w:p>
        </w:tc>
        <w:tc>
          <w:tcPr>
            <w:tcW w:w="3000" w:type="dxa"/>
            <w:tcBorders>
              <w:top w:val="single" w:sz="4" w:space="0" w:color="000000"/>
              <w:left w:val="single" w:sz="4" w:space="0" w:color="000000"/>
              <w:bottom w:val="single" w:sz="4" w:space="0" w:color="000000"/>
              <w:right w:val="single" w:sz="4" w:space="0" w:color="000000"/>
            </w:tcBorders>
          </w:tcPr>
          <w:p w14:paraId="393CB2E8" w14:textId="77777777" w:rsidR="00CF54CB" w:rsidRDefault="00344004">
            <w:pPr>
              <w:spacing w:line="259" w:lineRule="auto"/>
              <w:ind w:left="0" w:right="78" w:firstLine="0"/>
              <w:jc w:val="center"/>
            </w:pPr>
            <w:r>
              <w:t xml:space="preserve">Yes </w:t>
            </w:r>
          </w:p>
        </w:tc>
        <w:tc>
          <w:tcPr>
            <w:tcW w:w="2280" w:type="dxa"/>
            <w:tcBorders>
              <w:top w:val="single" w:sz="4" w:space="0" w:color="000000"/>
              <w:left w:val="single" w:sz="4" w:space="0" w:color="000000"/>
              <w:bottom w:val="single" w:sz="4" w:space="0" w:color="000000"/>
              <w:right w:val="single" w:sz="4" w:space="0" w:color="000000"/>
            </w:tcBorders>
          </w:tcPr>
          <w:p w14:paraId="68A846D8" w14:textId="77777777" w:rsidR="00CF54CB" w:rsidRDefault="00344004">
            <w:pPr>
              <w:spacing w:line="259" w:lineRule="auto"/>
              <w:ind w:left="0" w:right="11" w:firstLine="0"/>
              <w:jc w:val="center"/>
            </w:pPr>
            <w:r>
              <w:t xml:space="preserve">Yes </w:t>
            </w:r>
          </w:p>
        </w:tc>
        <w:tc>
          <w:tcPr>
            <w:tcW w:w="2144" w:type="dxa"/>
            <w:tcBorders>
              <w:top w:val="single" w:sz="4" w:space="0" w:color="000000"/>
              <w:left w:val="single" w:sz="4" w:space="0" w:color="000000"/>
              <w:bottom w:val="single" w:sz="4" w:space="0" w:color="000000"/>
              <w:right w:val="single" w:sz="4" w:space="0" w:color="000000"/>
            </w:tcBorders>
          </w:tcPr>
          <w:p w14:paraId="1AB2C122" w14:textId="77777777" w:rsidR="00CF54CB" w:rsidRDefault="00344004">
            <w:pPr>
              <w:spacing w:line="259" w:lineRule="auto"/>
              <w:ind w:left="0" w:right="2" w:firstLine="0"/>
              <w:jc w:val="center"/>
            </w:pPr>
            <w:r>
              <w:t xml:space="preserve">No </w:t>
            </w:r>
          </w:p>
        </w:tc>
      </w:tr>
      <w:tr w:rsidR="00CF54CB" w14:paraId="68752D41" w14:textId="77777777">
        <w:trPr>
          <w:trHeight w:val="288"/>
        </w:trPr>
        <w:tc>
          <w:tcPr>
            <w:tcW w:w="2870" w:type="dxa"/>
            <w:tcBorders>
              <w:top w:val="single" w:sz="4" w:space="0" w:color="000000"/>
              <w:left w:val="single" w:sz="4" w:space="0" w:color="000000"/>
              <w:bottom w:val="single" w:sz="4" w:space="0" w:color="000000"/>
              <w:right w:val="single" w:sz="4" w:space="0" w:color="000000"/>
            </w:tcBorders>
          </w:tcPr>
          <w:p w14:paraId="074A88C3" w14:textId="77777777" w:rsidR="00CF54CB" w:rsidRDefault="00344004">
            <w:pPr>
              <w:spacing w:line="259" w:lineRule="auto"/>
              <w:ind w:left="0" w:firstLine="0"/>
              <w:jc w:val="left"/>
            </w:pPr>
            <w:r>
              <w:rPr>
                <w:b/>
              </w:rPr>
              <w:t xml:space="preserve">Regulatory Involvement </w:t>
            </w:r>
          </w:p>
        </w:tc>
        <w:tc>
          <w:tcPr>
            <w:tcW w:w="3000" w:type="dxa"/>
            <w:tcBorders>
              <w:top w:val="single" w:sz="4" w:space="0" w:color="000000"/>
              <w:left w:val="single" w:sz="4" w:space="0" w:color="000000"/>
              <w:bottom w:val="single" w:sz="4" w:space="0" w:color="000000"/>
              <w:right w:val="single" w:sz="4" w:space="0" w:color="000000"/>
            </w:tcBorders>
          </w:tcPr>
          <w:p w14:paraId="516D5BBC" w14:textId="77777777" w:rsidR="00CF54CB" w:rsidRDefault="00344004">
            <w:pPr>
              <w:spacing w:line="259" w:lineRule="auto"/>
              <w:ind w:left="0" w:right="75" w:firstLine="0"/>
              <w:jc w:val="center"/>
            </w:pPr>
            <w:r>
              <w:t xml:space="preserve">Review </w:t>
            </w:r>
          </w:p>
        </w:tc>
        <w:tc>
          <w:tcPr>
            <w:tcW w:w="2280" w:type="dxa"/>
            <w:tcBorders>
              <w:top w:val="single" w:sz="4" w:space="0" w:color="000000"/>
              <w:left w:val="single" w:sz="4" w:space="0" w:color="000000"/>
              <w:bottom w:val="single" w:sz="4" w:space="0" w:color="000000"/>
              <w:right w:val="single" w:sz="4" w:space="0" w:color="000000"/>
            </w:tcBorders>
          </w:tcPr>
          <w:p w14:paraId="6B650C4B" w14:textId="77777777" w:rsidR="00CF54CB" w:rsidRDefault="00344004">
            <w:pPr>
              <w:spacing w:line="259" w:lineRule="auto"/>
              <w:ind w:left="83" w:firstLine="0"/>
              <w:jc w:val="left"/>
            </w:pPr>
            <w:r>
              <w:t xml:space="preserve">Ongoing Monitoring </w:t>
            </w:r>
          </w:p>
        </w:tc>
        <w:tc>
          <w:tcPr>
            <w:tcW w:w="2144" w:type="dxa"/>
            <w:tcBorders>
              <w:top w:val="single" w:sz="4" w:space="0" w:color="000000"/>
              <w:left w:val="single" w:sz="4" w:space="0" w:color="000000"/>
              <w:bottom w:val="single" w:sz="4" w:space="0" w:color="000000"/>
              <w:right w:val="single" w:sz="4" w:space="0" w:color="000000"/>
            </w:tcBorders>
          </w:tcPr>
          <w:p w14:paraId="1E9580A6" w14:textId="77777777" w:rsidR="00CF54CB" w:rsidRDefault="00344004">
            <w:pPr>
              <w:spacing w:line="259" w:lineRule="auto"/>
              <w:ind w:left="0" w:right="3" w:firstLine="0"/>
              <w:jc w:val="center"/>
            </w:pPr>
            <w:r>
              <w:t xml:space="preserve">Control </w:t>
            </w:r>
          </w:p>
        </w:tc>
      </w:tr>
      <w:tr w:rsidR="00CF54CB" w14:paraId="5C4D6B3D" w14:textId="77777777">
        <w:trPr>
          <w:trHeight w:val="283"/>
        </w:trPr>
        <w:tc>
          <w:tcPr>
            <w:tcW w:w="2870" w:type="dxa"/>
            <w:tcBorders>
              <w:top w:val="single" w:sz="4" w:space="0" w:color="000000"/>
              <w:left w:val="single" w:sz="4" w:space="0" w:color="000000"/>
              <w:bottom w:val="single" w:sz="4" w:space="0" w:color="000000"/>
              <w:right w:val="single" w:sz="4" w:space="0" w:color="000000"/>
            </w:tcBorders>
          </w:tcPr>
          <w:p w14:paraId="7256055B" w14:textId="77777777" w:rsidR="00CF54CB" w:rsidRDefault="00344004">
            <w:pPr>
              <w:spacing w:line="259" w:lineRule="auto"/>
              <w:ind w:left="0" w:firstLine="0"/>
              <w:jc w:val="left"/>
            </w:pPr>
            <w:r>
              <w:rPr>
                <w:b/>
              </w:rPr>
              <w:t xml:space="preserve">Claims Adjudication </w:t>
            </w:r>
          </w:p>
        </w:tc>
        <w:tc>
          <w:tcPr>
            <w:tcW w:w="3000" w:type="dxa"/>
            <w:tcBorders>
              <w:top w:val="single" w:sz="4" w:space="0" w:color="000000"/>
              <w:left w:val="single" w:sz="4" w:space="0" w:color="000000"/>
              <w:bottom w:val="single" w:sz="4" w:space="0" w:color="000000"/>
              <w:right w:val="single" w:sz="4" w:space="0" w:color="000000"/>
            </w:tcBorders>
          </w:tcPr>
          <w:p w14:paraId="69185FBA" w14:textId="77777777" w:rsidR="00CF54CB" w:rsidRDefault="00344004">
            <w:pPr>
              <w:spacing w:line="259" w:lineRule="auto"/>
              <w:ind w:left="246" w:firstLine="0"/>
              <w:jc w:val="left"/>
            </w:pPr>
            <w:r>
              <w:t xml:space="preserve">Management Appointee </w:t>
            </w:r>
          </w:p>
        </w:tc>
        <w:tc>
          <w:tcPr>
            <w:tcW w:w="2280" w:type="dxa"/>
            <w:tcBorders>
              <w:top w:val="single" w:sz="4" w:space="0" w:color="000000"/>
              <w:left w:val="single" w:sz="4" w:space="0" w:color="000000"/>
              <w:bottom w:val="single" w:sz="4" w:space="0" w:color="000000"/>
              <w:right w:val="single" w:sz="4" w:space="0" w:color="000000"/>
            </w:tcBorders>
          </w:tcPr>
          <w:p w14:paraId="671D6385" w14:textId="77777777" w:rsidR="00CF54CB" w:rsidRDefault="00344004">
            <w:pPr>
              <w:spacing w:line="259" w:lineRule="auto"/>
              <w:ind w:left="0" w:right="1" w:firstLine="0"/>
              <w:jc w:val="center"/>
            </w:pPr>
            <w:r>
              <w:t xml:space="preserve">Variety of Courts </w:t>
            </w:r>
          </w:p>
        </w:tc>
        <w:tc>
          <w:tcPr>
            <w:tcW w:w="2144" w:type="dxa"/>
            <w:tcBorders>
              <w:top w:val="single" w:sz="4" w:space="0" w:color="000000"/>
              <w:left w:val="single" w:sz="4" w:space="0" w:color="000000"/>
              <w:bottom w:val="single" w:sz="4" w:space="0" w:color="000000"/>
              <w:right w:val="single" w:sz="4" w:space="0" w:color="000000"/>
            </w:tcBorders>
          </w:tcPr>
          <w:p w14:paraId="6D7FD64E" w14:textId="77777777" w:rsidR="00CF54CB" w:rsidRDefault="00344004">
            <w:pPr>
              <w:spacing w:line="259" w:lineRule="auto"/>
              <w:ind w:left="83" w:firstLine="0"/>
              <w:jc w:val="left"/>
            </w:pPr>
            <w:r>
              <w:t xml:space="preserve">Receivership Court </w:t>
            </w:r>
          </w:p>
        </w:tc>
      </w:tr>
    </w:tbl>
    <w:p w14:paraId="2117FB92" w14:textId="77777777" w:rsidR="00CF54CB" w:rsidRDefault="00344004">
      <w:pPr>
        <w:spacing w:after="0" w:line="259" w:lineRule="auto"/>
        <w:ind w:left="91" w:firstLine="0"/>
        <w:jc w:val="left"/>
      </w:pPr>
      <w:r>
        <w:rPr>
          <w:b/>
        </w:rPr>
        <w:t xml:space="preserve"> </w:t>
      </w:r>
    </w:p>
    <w:p w14:paraId="301AE5E8" w14:textId="77777777" w:rsidR="00CF54CB" w:rsidRDefault="00344004">
      <w:pPr>
        <w:spacing w:after="309"/>
        <w:ind w:left="105" w:right="396" w:firstLine="6"/>
      </w:pPr>
      <w:r>
        <w:t xml:space="preserve">The foregoing tables compare schemes of arrangement and Part 7 transfers with analogous mechanisms available under U.S. law. While it appears that the mechanisms are similar in many respects, in practice </w:t>
      </w:r>
      <w:r>
        <w:lastRenderedPageBreak/>
        <w:t xml:space="preserve">they have proven to be quite different. Under UK schemes of arrangement, policyholders have been forced to accept payouts based on estimations of their claims so that equity holders can recapture the capital of the company. Under UK Part 7 transfers, policyholders have been forced to accept the credit of another insurer in order to permit the insurer from whom they bought the policy to exit business and recapture its capital. Current U.S. practice, with the possible exception of the Rhode Island statute, would not enable these results. Policyholders are only required to accept payment based on estimation in the U.S. where the company is insolvent and shareholders will not receive a return of their capital. Also, under current U.S. practice, policy transfers to a new insurer are not made involuntarily except where there is an insolvency of the transferor. While UK regimes certainly have safeguards in the form of voting (in the case of schemes) and court review (in the case of schemes and Part 7 transfers), the ultimate risk is left on the policyholder. </w:t>
      </w:r>
    </w:p>
    <w:p w14:paraId="12F2D544" w14:textId="77777777" w:rsidR="00CF54CB" w:rsidRDefault="00344004">
      <w:pPr>
        <w:spacing w:after="289" w:line="265" w:lineRule="auto"/>
        <w:ind w:left="821" w:right="56" w:hanging="10"/>
        <w:jc w:val="left"/>
      </w:pPr>
      <w:r>
        <w:rPr>
          <w:b/>
        </w:rPr>
        <w:t>2.</w:t>
      </w:r>
      <w:r>
        <w:rPr>
          <w:rFonts w:ascii="Arial" w:eastAsia="Arial" w:hAnsi="Arial" w:cs="Arial"/>
          <w:b/>
        </w:rPr>
        <w:t xml:space="preserve"> </w:t>
      </w:r>
      <w:r>
        <w:rPr>
          <w:b/>
        </w:rPr>
        <w:t>A</w:t>
      </w:r>
      <w:r>
        <w:rPr>
          <w:b/>
          <w:sz w:val="19"/>
          <w:szCs w:val="19"/>
        </w:rPr>
        <w:t>DVANTAGES</w:t>
      </w:r>
      <w:r>
        <w:rPr>
          <w:b/>
        </w:rPr>
        <w:t>/D</w:t>
      </w:r>
      <w:r>
        <w:rPr>
          <w:b/>
          <w:sz w:val="19"/>
          <w:szCs w:val="19"/>
        </w:rPr>
        <w:t xml:space="preserve">ISADVANTAGES </w:t>
      </w:r>
    </w:p>
    <w:p w14:paraId="08EC5F55" w14:textId="77777777" w:rsidR="00CF54CB" w:rsidRDefault="00344004">
      <w:pPr>
        <w:spacing w:after="4" w:line="265" w:lineRule="auto"/>
        <w:ind w:left="1541" w:right="56" w:hanging="10"/>
        <w:jc w:val="left"/>
      </w:pPr>
      <w:r>
        <w:rPr>
          <w:b/>
        </w:rPr>
        <w:t>A</w:t>
      </w:r>
      <w:r>
        <w:rPr>
          <w:b/>
          <w:sz w:val="19"/>
          <w:szCs w:val="19"/>
        </w:rPr>
        <w:t xml:space="preserve">DVANTAGES </w:t>
      </w:r>
    </w:p>
    <w:p w14:paraId="6F11FA3F" w14:textId="77777777" w:rsidR="00CF54CB" w:rsidRDefault="00344004">
      <w:pPr>
        <w:numPr>
          <w:ilvl w:val="0"/>
          <w:numId w:val="9"/>
        </w:numPr>
        <w:ind w:right="396" w:hanging="360"/>
      </w:pPr>
      <w:r>
        <w:t xml:space="preserve">Permits more efficient management of transferred books of business, allows dedicated capital and focused solutions to be applied to run-off liabilities, and promotes efficient use of capital for ongoing business. </w:t>
      </w:r>
    </w:p>
    <w:p w14:paraId="1FBA2FD6" w14:textId="77777777" w:rsidR="00CF54CB" w:rsidRDefault="00344004">
      <w:pPr>
        <w:numPr>
          <w:ilvl w:val="0"/>
          <w:numId w:val="9"/>
        </w:numPr>
        <w:ind w:right="396" w:hanging="360"/>
      </w:pPr>
      <w:r>
        <w:t xml:space="preserve">Options can be explored to strengthen policyholder protections and reach regulator approval, such as altering deductibles, strengthening reserves, obtaining reinsurance, and other arrangements to share the risk. </w:t>
      </w:r>
    </w:p>
    <w:p w14:paraId="44C9DC6A" w14:textId="77777777" w:rsidR="00CF54CB" w:rsidRDefault="00344004">
      <w:pPr>
        <w:numPr>
          <w:ilvl w:val="0"/>
          <w:numId w:val="9"/>
        </w:numPr>
        <w:ind w:right="396" w:hanging="360"/>
      </w:pPr>
      <w:r>
        <w:t xml:space="preserve">Might attract new capital to insurance businesses insofar as it can be invested directly in run-off liabilities, and strengthens ongoing companies by permitting the separation of those liabilities. </w:t>
      </w:r>
    </w:p>
    <w:p w14:paraId="0F19A6C7" w14:textId="77777777" w:rsidR="00CF54CB" w:rsidRDefault="00344004">
      <w:pPr>
        <w:numPr>
          <w:ilvl w:val="0"/>
          <w:numId w:val="9"/>
        </w:numPr>
        <w:spacing w:after="95"/>
        <w:ind w:right="396" w:hanging="360"/>
      </w:pPr>
      <w:r>
        <w:t xml:space="preserve">Can reduce risk of exposure. </w:t>
      </w:r>
    </w:p>
    <w:p w14:paraId="661FD2B8" w14:textId="77777777" w:rsidR="00CF54CB" w:rsidRDefault="00344004">
      <w:pPr>
        <w:numPr>
          <w:ilvl w:val="0"/>
          <w:numId w:val="9"/>
        </w:numPr>
        <w:spacing w:after="37"/>
        <w:ind w:right="396" w:hanging="360"/>
      </w:pPr>
      <w:r>
        <w:t xml:space="preserve">A recent amended UK rule introduces a simpler alternative where no court sanction is required for pure reinsurance business transfers if all the policyholders affected by the transfer consent to the proposal. </w:t>
      </w:r>
    </w:p>
    <w:p w14:paraId="6DE3C00C" w14:textId="77777777" w:rsidR="00CF54CB" w:rsidRDefault="00344004">
      <w:pPr>
        <w:numPr>
          <w:ilvl w:val="0"/>
          <w:numId w:val="9"/>
        </w:numPr>
        <w:ind w:right="396" w:hanging="360"/>
      </w:pPr>
      <w:r>
        <w:t xml:space="preserve">Substantial regulatory oversight is required. </w:t>
      </w:r>
    </w:p>
    <w:p w14:paraId="554B7914" w14:textId="77777777" w:rsidR="00CF54CB" w:rsidRDefault="00344004">
      <w:pPr>
        <w:spacing w:after="3" w:line="259" w:lineRule="auto"/>
        <w:ind w:left="91" w:firstLine="0"/>
        <w:jc w:val="left"/>
      </w:pPr>
      <w:r>
        <w:t xml:space="preserve"> </w:t>
      </w:r>
    </w:p>
    <w:p w14:paraId="4B70E3AF" w14:textId="77777777" w:rsidR="00CF54CB" w:rsidRDefault="00344004">
      <w:pPr>
        <w:spacing w:after="4" w:line="265" w:lineRule="auto"/>
        <w:ind w:left="1541" w:right="56" w:hanging="10"/>
        <w:jc w:val="left"/>
      </w:pPr>
      <w:r>
        <w:rPr>
          <w:b/>
        </w:rPr>
        <w:t>D</w:t>
      </w:r>
      <w:r>
        <w:rPr>
          <w:b/>
          <w:sz w:val="19"/>
          <w:szCs w:val="19"/>
        </w:rPr>
        <w:t xml:space="preserve">ISADVANTAGES </w:t>
      </w:r>
    </w:p>
    <w:p w14:paraId="44DB8E3C" w14:textId="77777777" w:rsidR="00CF54CB" w:rsidRDefault="00344004">
      <w:pPr>
        <w:numPr>
          <w:ilvl w:val="0"/>
          <w:numId w:val="9"/>
        </w:numPr>
        <w:ind w:right="396" w:hanging="360"/>
      </w:pPr>
      <w:r>
        <w:t xml:space="preserve">Could transfer obligations from the entity the creditor dealt with: to one that is completely unknown; to one with whom the creditor would have never willingly chosen to deal; from a differing country subject to different regulation; and to a less secure debtor. </w:t>
      </w:r>
    </w:p>
    <w:p w14:paraId="35EC6F96" w14:textId="77777777" w:rsidR="00CF54CB" w:rsidRDefault="00344004">
      <w:pPr>
        <w:numPr>
          <w:ilvl w:val="0"/>
          <w:numId w:val="9"/>
        </w:numPr>
        <w:spacing w:after="31"/>
        <w:ind w:right="396" w:hanging="360"/>
      </w:pPr>
      <w:r>
        <w:t xml:space="preserve">A Part VII-like transfer to an alien reinsurer from a U.S. domestic reinsurer may cause the primary insurer to lose its credit for reinsurance. </w:t>
      </w:r>
    </w:p>
    <w:p w14:paraId="4A819486" w14:textId="77777777" w:rsidR="00CF54CB" w:rsidRDefault="00344004">
      <w:pPr>
        <w:numPr>
          <w:ilvl w:val="0"/>
          <w:numId w:val="9"/>
        </w:numPr>
        <w:ind w:right="396" w:hanging="360"/>
      </w:pPr>
      <w:r>
        <w:t xml:space="preserve">Very difficult to quantify trapped capital in these scenarios. </w:t>
      </w:r>
    </w:p>
    <w:p w14:paraId="682BBA02" w14:textId="77777777" w:rsidR="00CF54CB" w:rsidRDefault="00344004">
      <w:pPr>
        <w:numPr>
          <w:ilvl w:val="0"/>
          <w:numId w:val="9"/>
        </w:numPr>
        <w:spacing w:after="36"/>
        <w:ind w:right="396" w:hanging="360"/>
      </w:pPr>
      <w:r>
        <w:t xml:space="preserve">Problems could arise for a ceding company, if the Part VII transfer goes to a reinsurer with a lower rating, because the rating agency could lower the ceding company’s rating. </w:t>
      </w:r>
    </w:p>
    <w:p w14:paraId="708BDD0E" w14:textId="77777777" w:rsidR="00CF54CB" w:rsidRDefault="00344004">
      <w:pPr>
        <w:numPr>
          <w:ilvl w:val="0"/>
          <w:numId w:val="9"/>
        </w:numPr>
        <w:spacing w:after="34"/>
        <w:ind w:right="396" w:hanging="360"/>
      </w:pPr>
      <w:r>
        <w:t xml:space="preserve">Could present unique accounting and reporting anomalies on both a statutory and GAAP basis. </w:t>
      </w:r>
    </w:p>
    <w:p w14:paraId="40AC455E" w14:textId="77777777" w:rsidR="00CF54CB" w:rsidRDefault="00344004">
      <w:pPr>
        <w:numPr>
          <w:ilvl w:val="0"/>
          <w:numId w:val="9"/>
        </w:numPr>
        <w:ind w:right="396" w:hanging="360"/>
      </w:pPr>
      <w:r>
        <w:t xml:space="preserve">The regulator is not required to publicly explain its decision-making process. </w:t>
      </w:r>
    </w:p>
    <w:p w14:paraId="2BEDF48D" w14:textId="77777777" w:rsidR="00CF54CB" w:rsidRDefault="00344004">
      <w:pPr>
        <w:spacing w:after="0" w:line="259" w:lineRule="auto"/>
        <w:ind w:left="91" w:firstLine="0"/>
        <w:jc w:val="left"/>
      </w:pPr>
      <w:r>
        <w:t xml:space="preserve"> </w:t>
      </w:r>
    </w:p>
    <w:p w14:paraId="62CB910C" w14:textId="77777777" w:rsidR="00CF54CB" w:rsidRDefault="00344004">
      <w:pPr>
        <w:spacing w:after="0" w:line="259" w:lineRule="auto"/>
        <w:ind w:left="91" w:firstLine="0"/>
        <w:jc w:val="left"/>
      </w:pPr>
      <w:r>
        <w:t xml:space="preserve"> </w:t>
      </w:r>
    </w:p>
    <w:p w14:paraId="368872AB" w14:textId="77777777" w:rsidR="00CF54CB" w:rsidRDefault="00344004">
      <w:pPr>
        <w:spacing w:after="13" w:line="259" w:lineRule="auto"/>
        <w:ind w:left="86" w:hanging="10"/>
        <w:jc w:val="left"/>
      </w:pPr>
      <w:r>
        <w:rPr>
          <w:b/>
          <w:sz w:val="32"/>
          <w:szCs w:val="32"/>
        </w:rPr>
        <w:t>IV. O</w:t>
      </w:r>
      <w:r>
        <w:rPr>
          <w:b/>
          <w:sz w:val="26"/>
          <w:szCs w:val="26"/>
        </w:rPr>
        <w:t xml:space="preserve">BSERVATIONS AND </w:t>
      </w:r>
      <w:r>
        <w:rPr>
          <w:b/>
          <w:sz w:val="32"/>
          <w:szCs w:val="32"/>
        </w:rPr>
        <w:t>C</w:t>
      </w:r>
      <w:r>
        <w:rPr>
          <w:b/>
          <w:sz w:val="26"/>
          <w:szCs w:val="26"/>
        </w:rPr>
        <w:t xml:space="preserve">ONSIDERATIONS </w:t>
      </w:r>
      <w:r>
        <w:rPr>
          <w:b/>
          <w:sz w:val="32"/>
          <w:szCs w:val="32"/>
        </w:rPr>
        <w:t>B</w:t>
      </w:r>
      <w:r>
        <w:rPr>
          <w:b/>
          <w:sz w:val="26"/>
          <w:szCs w:val="26"/>
        </w:rPr>
        <w:t xml:space="preserve">EFORE </w:t>
      </w:r>
      <w:r>
        <w:rPr>
          <w:b/>
          <w:sz w:val="32"/>
          <w:szCs w:val="32"/>
        </w:rPr>
        <w:t>U</w:t>
      </w:r>
      <w:r>
        <w:rPr>
          <w:b/>
          <w:sz w:val="26"/>
          <w:szCs w:val="26"/>
        </w:rPr>
        <w:t xml:space="preserve">SING </w:t>
      </w:r>
      <w:r>
        <w:rPr>
          <w:b/>
          <w:sz w:val="32"/>
          <w:szCs w:val="32"/>
        </w:rPr>
        <w:t>A</w:t>
      </w:r>
      <w:r>
        <w:rPr>
          <w:b/>
          <w:sz w:val="26"/>
          <w:szCs w:val="26"/>
        </w:rPr>
        <w:t>LTERNATIVE</w:t>
      </w:r>
      <w:r>
        <w:rPr>
          <w:b/>
          <w:sz w:val="32"/>
          <w:szCs w:val="32"/>
        </w:rPr>
        <w:t xml:space="preserve"> </w:t>
      </w:r>
    </w:p>
    <w:p w14:paraId="2BA3E6E2" w14:textId="77777777" w:rsidR="00CF54CB" w:rsidRDefault="00344004">
      <w:pPr>
        <w:tabs>
          <w:tab w:val="center" w:pos="1747"/>
          <w:tab w:val="center" w:pos="10171"/>
        </w:tabs>
        <w:spacing w:after="0" w:line="259" w:lineRule="auto"/>
        <w:ind w:left="0" w:firstLine="0"/>
        <w:jc w:val="left"/>
      </w:pPr>
      <w:r>
        <w:rPr>
          <w:b/>
          <w:sz w:val="26"/>
          <w:szCs w:val="26"/>
          <w:u w:val="single"/>
        </w:rPr>
        <w:lastRenderedPageBreak/>
        <w:t xml:space="preserve"> </w:t>
      </w:r>
      <w:r>
        <w:rPr>
          <w:b/>
          <w:sz w:val="26"/>
          <w:szCs w:val="26"/>
          <w:u w:val="single"/>
        </w:rPr>
        <w:tab/>
      </w:r>
      <w:r>
        <w:rPr>
          <w:b/>
          <w:sz w:val="32"/>
          <w:szCs w:val="32"/>
          <w:u w:val="single"/>
        </w:rPr>
        <w:t>M</w:t>
      </w:r>
      <w:r>
        <w:rPr>
          <w:b/>
          <w:sz w:val="26"/>
          <w:szCs w:val="26"/>
          <w:u w:val="single"/>
        </w:rPr>
        <w:t xml:space="preserve">ECHANISMS </w:t>
      </w:r>
      <w:r>
        <w:rPr>
          <w:b/>
          <w:sz w:val="26"/>
          <w:szCs w:val="26"/>
          <w:u w:val="single"/>
        </w:rPr>
        <w:tab/>
      </w:r>
      <w:r>
        <w:rPr>
          <w:b/>
          <w:sz w:val="32"/>
          <w:szCs w:val="32"/>
        </w:rPr>
        <w:t xml:space="preserve"> </w:t>
      </w:r>
    </w:p>
    <w:p w14:paraId="49DD40FF" w14:textId="77777777" w:rsidR="00CF54CB" w:rsidRDefault="00344004">
      <w:pPr>
        <w:spacing w:after="207" w:line="259" w:lineRule="auto"/>
        <w:ind w:left="91" w:firstLine="0"/>
        <w:jc w:val="left"/>
      </w:pPr>
      <w:r>
        <w:rPr>
          <w:b/>
          <w:sz w:val="18"/>
          <w:szCs w:val="18"/>
        </w:rPr>
        <w:t xml:space="preserve"> </w:t>
      </w:r>
    </w:p>
    <w:p w14:paraId="481348C2" w14:textId="77777777" w:rsidR="00CF54CB" w:rsidRDefault="00344004">
      <w:pPr>
        <w:numPr>
          <w:ilvl w:val="0"/>
          <w:numId w:val="11"/>
        </w:numPr>
        <w:spacing w:after="0" w:line="259" w:lineRule="auto"/>
        <w:ind w:hanging="360"/>
        <w:jc w:val="left"/>
      </w:pPr>
      <w:r>
        <w:rPr>
          <w:b/>
          <w:sz w:val="28"/>
          <w:szCs w:val="28"/>
        </w:rPr>
        <w:t>E</w:t>
      </w:r>
      <w:r>
        <w:rPr>
          <w:b/>
          <w:sz w:val="22"/>
          <w:szCs w:val="22"/>
        </w:rPr>
        <w:t xml:space="preserve">XISTING </w:t>
      </w:r>
      <w:r>
        <w:rPr>
          <w:b/>
          <w:sz w:val="28"/>
          <w:szCs w:val="28"/>
        </w:rPr>
        <w:t>S</w:t>
      </w:r>
      <w:r>
        <w:rPr>
          <w:b/>
          <w:sz w:val="22"/>
          <w:szCs w:val="22"/>
        </w:rPr>
        <w:t xml:space="preserve">TATUTORY </w:t>
      </w:r>
      <w:r>
        <w:rPr>
          <w:b/>
          <w:sz w:val="28"/>
          <w:szCs w:val="28"/>
        </w:rPr>
        <w:t>A</w:t>
      </w:r>
      <w:r>
        <w:rPr>
          <w:b/>
          <w:sz w:val="22"/>
          <w:szCs w:val="22"/>
        </w:rPr>
        <w:t xml:space="preserve">UTHORITY AND </w:t>
      </w:r>
      <w:r>
        <w:rPr>
          <w:b/>
          <w:sz w:val="28"/>
          <w:szCs w:val="28"/>
        </w:rPr>
        <w:t>R</w:t>
      </w:r>
      <w:r>
        <w:rPr>
          <w:b/>
          <w:sz w:val="22"/>
          <w:szCs w:val="22"/>
        </w:rPr>
        <w:t xml:space="preserve">EQUIREMENTS </w:t>
      </w:r>
    </w:p>
    <w:p w14:paraId="26DB1751" w14:textId="77777777" w:rsidR="00CF54CB" w:rsidRDefault="00344004">
      <w:pPr>
        <w:spacing w:after="18" w:line="259" w:lineRule="auto"/>
        <w:ind w:left="91" w:firstLine="0"/>
        <w:jc w:val="left"/>
      </w:pPr>
      <w:r>
        <w:rPr>
          <w:b/>
          <w:sz w:val="23"/>
          <w:szCs w:val="23"/>
        </w:rPr>
        <w:t xml:space="preserve"> </w:t>
      </w:r>
    </w:p>
    <w:p w14:paraId="3E1A33ED" w14:textId="77777777" w:rsidR="00CF54CB" w:rsidRDefault="00344004">
      <w:pPr>
        <w:numPr>
          <w:ilvl w:val="1"/>
          <w:numId w:val="11"/>
        </w:numPr>
        <w:spacing w:after="4" w:line="265" w:lineRule="auto"/>
        <w:ind w:right="56" w:hanging="360"/>
        <w:jc w:val="left"/>
      </w:pPr>
      <w:r>
        <w:rPr>
          <w:b/>
        </w:rPr>
        <w:t>S</w:t>
      </w:r>
      <w:r>
        <w:rPr>
          <w:b/>
          <w:sz w:val="19"/>
          <w:szCs w:val="19"/>
        </w:rPr>
        <w:t xml:space="preserve">TATE </w:t>
      </w:r>
      <w:r>
        <w:rPr>
          <w:b/>
        </w:rPr>
        <w:t>R</w:t>
      </w:r>
      <w:r>
        <w:rPr>
          <w:b/>
          <w:sz w:val="19"/>
          <w:szCs w:val="19"/>
        </w:rPr>
        <w:t>ECEIVERSHIP</w:t>
      </w:r>
      <w:r>
        <w:rPr>
          <w:b/>
        </w:rPr>
        <w:t>/G</w:t>
      </w:r>
      <w:r>
        <w:rPr>
          <w:b/>
          <w:sz w:val="19"/>
          <w:szCs w:val="19"/>
        </w:rPr>
        <w:t xml:space="preserve">UARANTY </w:t>
      </w:r>
      <w:r>
        <w:rPr>
          <w:b/>
        </w:rPr>
        <w:t>F</w:t>
      </w:r>
      <w:r>
        <w:rPr>
          <w:b/>
          <w:sz w:val="19"/>
          <w:szCs w:val="19"/>
        </w:rPr>
        <w:t xml:space="preserve">UND </w:t>
      </w:r>
      <w:r>
        <w:rPr>
          <w:b/>
        </w:rPr>
        <w:t>L</w:t>
      </w:r>
      <w:r>
        <w:rPr>
          <w:b/>
          <w:sz w:val="19"/>
          <w:szCs w:val="19"/>
        </w:rPr>
        <w:t xml:space="preserve">AWS </w:t>
      </w:r>
    </w:p>
    <w:p w14:paraId="0E46D91A" w14:textId="77777777" w:rsidR="00CF54CB" w:rsidRDefault="00344004">
      <w:pPr>
        <w:spacing w:after="0" w:line="259" w:lineRule="auto"/>
        <w:ind w:left="91" w:firstLine="0"/>
        <w:jc w:val="left"/>
      </w:pPr>
      <w:r>
        <w:rPr>
          <w:b/>
          <w:sz w:val="23"/>
          <w:szCs w:val="23"/>
        </w:rPr>
        <w:t xml:space="preserve"> </w:t>
      </w:r>
    </w:p>
    <w:p w14:paraId="4F03714B" w14:textId="77777777" w:rsidR="00CF54CB" w:rsidRDefault="00344004">
      <w:pPr>
        <w:ind w:left="105" w:right="396" w:firstLine="6"/>
      </w:pPr>
      <w:r>
        <w:t xml:space="preserve">Delinquency proceedings (receiverships) are instituted against an insurance company by an insurance department for the purpose of conserving, rehabilitating, or liquidating an insurance company. All require a court order, and the domiciliary state court will take jurisdiction over matters involving the resulting receivership estate. The court’s role is to ensure transparency and due process and to be an independent arbiter of any disputes that may arise. The nature, timing, and extent of regulatory action in any given troubled insurer situation depend on the circumstances of the particular situation. </w:t>
      </w:r>
    </w:p>
    <w:p w14:paraId="521E2296" w14:textId="77777777" w:rsidR="00CF54CB" w:rsidRDefault="00344004">
      <w:pPr>
        <w:spacing w:after="0" w:line="259" w:lineRule="auto"/>
        <w:ind w:left="91" w:firstLine="0"/>
        <w:jc w:val="left"/>
      </w:pPr>
      <w:r>
        <w:rPr>
          <w:sz w:val="23"/>
          <w:szCs w:val="23"/>
        </w:rPr>
        <w:t xml:space="preserve"> </w:t>
      </w:r>
    </w:p>
    <w:p w14:paraId="6921B440" w14:textId="77777777" w:rsidR="00CF54CB" w:rsidRDefault="00344004">
      <w:pPr>
        <w:ind w:left="105" w:right="396" w:firstLine="6"/>
      </w:pPr>
      <w:r>
        <w:t xml:space="preserve">The U.S. Constitution in Article I, Section 10 states that “No state shall … pass any … law impairing the obligation of contracts.” However, during certain delinquency proceedings, states may, on rare exceptions, impair contracts, but only where there is a legitimate public purpose behind the law. </w:t>
      </w:r>
    </w:p>
    <w:p w14:paraId="4D0CDA55" w14:textId="77777777" w:rsidR="00CF54CB" w:rsidRDefault="00344004">
      <w:pPr>
        <w:spacing w:after="0" w:line="259" w:lineRule="auto"/>
        <w:ind w:left="91" w:firstLine="0"/>
        <w:jc w:val="left"/>
      </w:pPr>
      <w:r>
        <w:t xml:space="preserve"> </w:t>
      </w:r>
    </w:p>
    <w:p w14:paraId="0120DBFB" w14:textId="77777777" w:rsidR="00CF54CB" w:rsidRDefault="00344004">
      <w:pPr>
        <w:ind w:left="105" w:right="396" w:firstLine="6"/>
      </w:pPr>
      <w:r>
        <w:t xml:space="preserve">It should be noted that the language in the rehabilitation statutes for most states is very broad and provides that anything that will restructure, revitalize, or reform the insurer can be proposed in a plan. </w:t>
      </w:r>
    </w:p>
    <w:p w14:paraId="64A3CB47" w14:textId="77777777" w:rsidR="00CF54CB" w:rsidRDefault="00344004">
      <w:pPr>
        <w:spacing w:after="13" w:line="259" w:lineRule="auto"/>
        <w:ind w:left="91" w:firstLine="0"/>
        <w:jc w:val="left"/>
      </w:pPr>
      <w:r>
        <w:t xml:space="preserve"> </w:t>
      </w:r>
    </w:p>
    <w:p w14:paraId="7ABA4B3E" w14:textId="77777777" w:rsidR="00CF54CB" w:rsidRDefault="00344004">
      <w:pPr>
        <w:numPr>
          <w:ilvl w:val="1"/>
          <w:numId w:val="11"/>
        </w:numPr>
        <w:spacing w:after="4" w:line="265" w:lineRule="auto"/>
        <w:ind w:right="56" w:hanging="360"/>
        <w:jc w:val="left"/>
      </w:pPr>
      <w:r>
        <w:rPr>
          <w:b/>
        </w:rPr>
        <w:t>P</w:t>
      </w:r>
      <w:r>
        <w:rPr>
          <w:b/>
          <w:sz w:val="19"/>
          <w:szCs w:val="19"/>
        </w:rPr>
        <w:t xml:space="preserve">RIORITY </w:t>
      </w:r>
      <w:r>
        <w:rPr>
          <w:b/>
        </w:rPr>
        <w:t>D</w:t>
      </w:r>
      <w:r>
        <w:rPr>
          <w:b/>
          <w:sz w:val="19"/>
          <w:szCs w:val="19"/>
        </w:rPr>
        <w:t xml:space="preserve">ISTRIBUTION </w:t>
      </w:r>
      <w:r>
        <w:rPr>
          <w:b/>
        </w:rPr>
        <w:t>S</w:t>
      </w:r>
      <w:r>
        <w:rPr>
          <w:b/>
          <w:sz w:val="19"/>
          <w:szCs w:val="19"/>
        </w:rPr>
        <w:t>TATUTES</w:t>
      </w:r>
      <w:r>
        <w:rPr>
          <w:b/>
        </w:rPr>
        <w:t>/P</w:t>
      </w:r>
      <w:r>
        <w:rPr>
          <w:b/>
          <w:sz w:val="19"/>
          <w:szCs w:val="19"/>
        </w:rPr>
        <w:t xml:space="preserve">REFERENTIAL </w:t>
      </w:r>
      <w:r>
        <w:rPr>
          <w:b/>
        </w:rPr>
        <w:t>T</w:t>
      </w:r>
      <w:r>
        <w:rPr>
          <w:b/>
          <w:sz w:val="19"/>
          <w:szCs w:val="19"/>
        </w:rPr>
        <w:t xml:space="preserve">REATMENT </w:t>
      </w:r>
    </w:p>
    <w:p w14:paraId="57E576C5" w14:textId="77777777" w:rsidR="00CF54CB" w:rsidRDefault="00344004">
      <w:pPr>
        <w:spacing w:after="0" w:line="259" w:lineRule="auto"/>
        <w:ind w:left="91" w:firstLine="0"/>
        <w:jc w:val="left"/>
      </w:pPr>
      <w:r>
        <w:rPr>
          <w:b/>
          <w:sz w:val="23"/>
          <w:szCs w:val="23"/>
        </w:rPr>
        <w:t xml:space="preserve"> </w:t>
      </w:r>
    </w:p>
    <w:p w14:paraId="190A371D" w14:textId="77777777" w:rsidR="00CF54CB" w:rsidRDefault="00344004">
      <w:pPr>
        <w:ind w:left="105" w:right="396" w:firstLine="6"/>
      </w:pPr>
      <w:r>
        <w:t xml:space="preserve">One of the key consumer protections in the existing state delinquency proceedings are the priority distribution statutes that require payment of policyholder-level claims before the payment of any other claimants, including non-policy claims of the United States government, claims of other insurers and reinsurers, and general creditors. These same priority distribution statutes also require members of the same class or group of creditors to be treated similarly. The priority distribution statutes ensure that the needs of consumers, who might not be sophisticated in insurance matters, are placed ahead of non- policyholder level claimants and that everyone with the same level or type of claim is treated the same. </w:t>
      </w:r>
    </w:p>
    <w:p w14:paraId="37F11B51" w14:textId="77777777" w:rsidR="00CF54CB" w:rsidRDefault="00344004">
      <w:pPr>
        <w:spacing w:after="0" w:line="259" w:lineRule="auto"/>
        <w:ind w:left="91" w:firstLine="0"/>
        <w:jc w:val="left"/>
      </w:pPr>
      <w:r>
        <w:t xml:space="preserve"> </w:t>
      </w:r>
    </w:p>
    <w:p w14:paraId="37B1CCB7" w14:textId="77777777" w:rsidR="00CF54CB" w:rsidRDefault="00344004">
      <w:pPr>
        <w:ind w:left="105" w:right="396" w:firstLine="6"/>
      </w:pPr>
      <w:r>
        <w:t xml:space="preserve">If assets are not sufficient to cover the remaining claims and administrative costs of an insurer using one of the alternative mechanisms, then all claims paid prior to that point have been given a preference at the expense of the claims to be paid in the future. As a result, the receiver could be statutorily required to attempt to recover these preferential payments. </w:t>
      </w:r>
    </w:p>
    <w:p w14:paraId="3B075D9A" w14:textId="77777777" w:rsidR="00CF54CB" w:rsidRDefault="00344004">
      <w:pPr>
        <w:spacing w:after="63" w:line="259" w:lineRule="auto"/>
        <w:ind w:left="91" w:firstLine="0"/>
        <w:jc w:val="left"/>
      </w:pPr>
      <w:r>
        <w:t xml:space="preserve"> </w:t>
      </w:r>
    </w:p>
    <w:p w14:paraId="249E9D9C" w14:textId="77777777" w:rsidR="00CF54CB" w:rsidRDefault="00344004">
      <w:pPr>
        <w:numPr>
          <w:ilvl w:val="0"/>
          <w:numId w:val="11"/>
        </w:numPr>
        <w:spacing w:after="0" w:line="259" w:lineRule="auto"/>
        <w:ind w:hanging="360"/>
        <w:jc w:val="left"/>
      </w:pPr>
      <w:r>
        <w:rPr>
          <w:b/>
          <w:sz w:val="28"/>
          <w:szCs w:val="28"/>
        </w:rPr>
        <w:t>C</w:t>
      </w:r>
      <w:r>
        <w:rPr>
          <w:b/>
          <w:sz w:val="22"/>
          <w:szCs w:val="22"/>
        </w:rPr>
        <w:t xml:space="preserve">ONSUMER </w:t>
      </w:r>
      <w:r>
        <w:rPr>
          <w:b/>
          <w:sz w:val="28"/>
          <w:szCs w:val="28"/>
        </w:rPr>
        <w:t>P</w:t>
      </w:r>
      <w:r>
        <w:rPr>
          <w:b/>
          <w:sz w:val="22"/>
          <w:szCs w:val="22"/>
        </w:rPr>
        <w:t xml:space="preserve">ROTECTIONS AND </w:t>
      </w:r>
      <w:r>
        <w:rPr>
          <w:b/>
          <w:sz w:val="28"/>
          <w:szCs w:val="28"/>
        </w:rPr>
        <w:t>P</w:t>
      </w:r>
      <w:r>
        <w:rPr>
          <w:b/>
          <w:sz w:val="22"/>
          <w:szCs w:val="22"/>
        </w:rPr>
        <w:t xml:space="preserve">UBLIC </w:t>
      </w:r>
      <w:r>
        <w:rPr>
          <w:b/>
          <w:sz w:val="28"/>
          <w:szCs w:val="28"/>
        </w:rPr>
        <w:t>P</w:t>
      </w:r>
      <w:r>
        <w:rPr>
          <w:b/>
          <w:sz w:val="22"/>
          <w:szCs w:val="22"/>
        </w:rPr>
        <w:t xml:space="preserve">OLICY </w:t>
      </w:r>
      <w:r>
        <w:rPr>
          <w:b/>
          <w:sz w:val="28"/>
          <w:szCs w:val="28"/>
        </w:rPr>
        <w:t>C</w:t>
      </w:r>
      <w:r>
        <w:rPr>
          <w:b/>
          <w:sz w:val="22"/>
          <w:szCs w:val="22"/>
        </w:rPr>
        <w:t xml:space="preserve">ONSIDERATIONS </w:t>
      </w:r>
    </w:p>
    <w:p w14:paraId="74113A24" w14:textId="77777777" w:rsidR="00CF54CB" w:rsidRDefault="00344004">
      <w:pPr>
        <w:spacing w:after="0" w:line="259" w:lineRule="auto"/>
        <w:ind w:left="91" w:firstLine="0"/>
        <w:jc w:val="left"/>
      </w:pPr>
      <w:r>
        <w:rPr>
          <w:b/>
          <w:sz w:val="23"/>
          <w:szCs w:val="23"/>
        </w:rPr>
        <w:t xml:space="preserve"> </w:t>
      </w:r>
    </w:p>
    <w:p w14:paraId="53F07A6D" w14:textId="77777777" w:rsidR="00CF54CB" w:rsidRDefault="00344004">
      <w:pPr>
        <w:ind w:left="105" w:right="396" w:firstLine="6"/>
      </w:pPr>
      <w:r>
        <w:t xml:space="preserve">In order to ensure some baseline of protections for policyholders and consumers, there are certain core principles that regulators should strive to maintain with any alternative mechanism for troubled insurers. The first among these, a requirement that the company honor its contractual obligations to policyholders, is considered the primary and overriding principle. This first principle translates into no impairment of policy benefits and claims without the express, informed, voluntary consent of the policyholder. The others are corollary principles, all supporting that primary goal of honoring contractual obligations to </w:t>
      </w:r>
      <w:r>
        <w:lastRenderedPageBreak/>
        <w:t xml:space="preserve">policyholders. Any alternative mechanism for run-off or restructuring of a troubled insurance company’s obligations should strive to establish parameters consistent with these principles. </w:t>
      </w:r>
    </w:p>
    <w:p w14:paraId="4B959179" w14:textId="77777777" w:rsidR="00CF54CB" w:rsidRDefault="00344004">
      <w:pPr>
        <w:spacing w:after="0" w:line="259" w:lineRule="auto"/>
        <w:ind w:left="91" w:firstLine="0"/>
        <w:jc w:val="left"/>
      </w:pPr>
      <w:r>
        <w:rPr>
          <w:u w:val="single"/>
        </w:rPr>
        <w:t>Core Principles</w:t>
      </w:r>
      <w:r>
        <w:t xml:space="preserve">: </w:t>
      </w:r>
    </w:p>
    <w:p w14:paraId="43FA9BAF" w14:textId="77777777" w:rsidR="00CF54CB" w:rsidRDefault="00344004">
      <w:pPr>
        <w:spacing w:after="0" w:line="259" w:lineRule="auto"/>
        <w:ind w:left="91" w:firstLine="0"/>
        <w:jc w:val="left"/>
      </w:pPr>
      <w:r>
        <w:t xml:space="preserve"> </w:t>
      </w:r>
    </w:p>
    <w:p w14:paraId="0033626B" w14:textId="77777777" w:rsidR="00CF54CB" w:rsidRDefault="00344004">
      <w:pPr>
        <w:numPr>
          <w:ilvl w:val="0"/>
          <w:numId w:val="12"/>
        </w:numPr>
        <w:ind w:right="317" w:hanging="360"/>
      </w:pPr>
      <w:r>
        <w:rPr>
          <w:u w:val="single"/>
        </w:rPr>
        <w:t>Honor Contractual Obligations to Policyholders</w:t>
      </w:r>
      <w:r>
        <w:t xml:space="preserve">. Alternative mechanisms should not be a way for an insurance company to sidestep its contractual obligations to policyholders. There should be no involuntary restructuring of policies or impairment of policy benefits or claims permitted outside of receivership. This would preclude any changes to policies, or reductions to policy claims or benefits, without the express, informed, voluntary consent of individual policyholders. Accordingly, there should be no cram-down approval of a mechanism by majority vote over the objection of policyholders; no involuntary transfer of risk back to policyholders through forced commutation of claims or otherwise; and no cancellation, termination, or non-renewal of coverage, except as permitted under the express terms of the policy. In short, every policyholder should be entitled to continue coverage and to receive all policy benefits for the full term of their policy. </w:t>
      </w:r>
    </w:p>
    <w:p w14:paraId="4E534E2E" w14:textId="77777777" w:rsidR="00CF54CB" w:rsidRDefault="00344004">
      <w:pPr>
        <w:spacing w:after="0" w:line="259" w:lineRule="auto"/>
        <w:ind w:left="91" w:firstLine="0"/>
        <w:jc w:val="left"/>
      </w:pPr>
      <w:r>
        <w:t xml:space="preserve"> </w:t>
      </w:r>
    </w:p>
    <w:p w14:paraId="6CEB1419" w14:textId="77777777" w:rsidR="00CF54CB" w:rsidRDefault="00344004">
      <w:pPr>
        <w:numPr>
          <w:ilvl w:val="0"/>
          <w:numId w:val="12"/>
        </w:numPr>
        <w:ind w:right="317" w:hanging="360"/>
      </w:pPr>
      <w:r>
        <w:rPr>
          <w:u w:val="single"/>
        </w:rPr>
        <w:t>Meaningful Notice and Information Sharing</w:t>
      </w:r>
      <w:r>
        <w:t xml:space="preserve">. This contemplates accurate, consistent, and timely notice and disclosures to all policyholders, creditors, and guaranty associations of meaningful information (including financial information, status plans, and any proposed assumption reinsurance or other significant transactions) at inception and on an established schedule thereafter. Disclosures should also identify creditors (at least below the policy level) in order to permit some meaningful, organized discussion among creditors. </w:t>
      </w:r>
    </w:p>
    <w:p w14:paraId="116F060F" w14:textId="77777777" w:rsidR="00CF54CB" w:rsidRDefault="00344004">
      <w:pPr>
        <w:spacing w:after="0" w:line="259" w:lineRule="auto"/>
        <w:ind w:left="91" w:firstLine="0"/>
        <w:jc w:val="left"/>
      </w:pPr>
      <w:r>
        <w:t xml:space="preserve"> </w:t>
      </w:r>
    </w:p>
    <w:p w14:paraId="6B483467" w14:textId="77777777" w:rsidR="00CF54CB" w:rsidRDefault="00344004">
      <w:pPr>
        <w:numPr>
          <w:ilvl w:val="0"/>
          <w:numId w:val="12"/>
        </w:numPr>
        <w:ind w:right="317" w:hanging="360"/>
      </w:pPr>
      <w:r>
        <w:rPr>
          <w:u w:val="single"/>
        </w:rPr>
        <w:t>Adherence to Priority Scheme</w:t>
      </w:r>
      <w:r>
        <w:t xml:space="preserve">. Alternative mechanisms should require adherence to statutory liquidation priority schemes. They should not provide a mechanism for circumventing the distribution priority to benefit the company, its shareholders, employees, other stakeholders, or specific groups of policyholders at the expense of other classes of policyholders. Controls on preferences and the outflow of assets are needed, and will require regular ongoing review. The company and/or equity shareholders should not be permitted to retain assets unless all claims having priority, as measured under state liquidation laws, have been satisfied in full. </w:t>
      </w:r>
    </w:p>
    <w:p w14:paraId="4C0F5425" w14:textId="77777777" w:rsidR="00CF54CB" w:rsidRDefault="00344004">
      <w:pPr>
        <w:spacing w:after="0" w:line="259" w:lineRule="auto"/>
        <w:ind w:left="91" w:firstLine="0"/>
        <w:jc w:val="left"/>
      </w:pPr>
      <w:r>
        <w:rPr>
          <w:sz w:val="23"/>
          <w:szCs w:val="23"/>
        </w:rPr>
        <w:t xml:space="preserve"> </w:t>
      </w:r>
    </w:p>
    <w:p w14:paraId="031BEBAF" w14:textId="77777777" w:rsidR="00CF54CB" w:rsidRDefault="00344004">
      <w:pPr>
        <w:numPr>
          <w:ilvl w:val="0"/>
          <w:numId w:val="12"/>
        </w:numPr>
        <w:ind w:right="317" w:hanging="360"/>
      </w:pPr>
      <w:r>
        <w:rPr>
          <w:u w:val="single"/>
        </w:rPr>
        <w:t>Coherent, Comprehensive Financial Planning</w:t>
      </w:r>
      <w:r>
        <w:t xml:space="preserve">. Any alternative mechanism should be based on a fully developed and comprehensive financial plan that includes complete and meaningful financial data, and projections based on reasonable and realistic financial assumptions. There should be full disclosure and transparency in financial planning, monitoring, and reporting as a condition to approval of any such plan and throughout implementation. In addition, any such mechanism should provide a global solution addressing all in-force policies and pending policy claims. There should be no ring-fencing or piecemeal disposition of assets and liabilities that may result in unequal treatment of policyholder claims, and give rise to preference and priority concerns. Moreover, the fairness and reasonableness of any mechanism cannot be reasonably assessed on a transaction-by-transaction basis without consideration of the overall impact on other policyholders and creditors. </w:t>
      </w:r>
    </w:p>
    <w:p w14:paraId="612D3CB0" w14:textId="77777777" w:rsidR="00CF54CB" w:rsidRDefault="00344004">
      <w:pPr>
        <w:spacing w:after="0" w:line="259" w:lineRule="auto"/>
        <w:ind w:left="91" w:firstLine="0"/>
        <w:jc w:val="left"/>
      </w:pPr>
      <w:r>
        <w:t xml:space="preserve"> </w:t>
      </w:r>
    </w:p>
    <w:p w14:paraId="1F7E1AE9" w14:textId="77777777" w:rsidR="00CF54CB" w:rsidRDefault="00344004">
      <w:pPr>
        <w:numPr>
          <w:ilvl w:val="0"/>
          <w:numId w:val="12"/>
        </w:numPr>
        <w:ind w:right="317" w:hanging="360"/>
      </w:pPr>
      <w:r>
        <w:rPr>
          <w:u w:val="single"/>
        </w:rPr>
        <w:t>Procedural Safeguards</w:t>
      </w:r>
      <w:r>
        <w:t xml:space="preserve">. Any alternative mechanism should provide substantive procedural safeguards, including clear standards for disclosure, reporting, and external review; appropriate and timely notice; access to information and the opportunity for informed participation for all stakeholders; court and/or regulatory approval for all significant actions to be taken; and meaningful compliance monitoring and reporting. </w:t>
      </w:r>
    </w:p>
    <w:p w14:paraId="43DB277F" w14:textId="77777777" w:rsidR="00CF54CB" w:rsidRDefault="00344004">
      <w:pPr>
        <w:spacing w:after="0" w:line="259" w:lineRule="auto"/>
        <w:ind w:left="91" w:firstLine="0"/>
        <w:jc w:val="left"/>
      </w:pPr>
      <w:r>
        <w:lastRenderedPageBreak/>
        <w:t xml:space="preserve"> </w:t>
      </w:r>
    </w:p>
    <w:p w14:paraId="49871E95" w14:textId="77777777" w:rsidR="00CF54CB" w:rsidRDefault="00344004">
      <w:pPr>
        <w:numPr>
          <w:ilvl w:val="0"/>
          <w:numId w:val="13"/>
        </w:numPr>
        <w:spacing w:after="47" w:line="259" w:lineRule="auto"/>
        <w:ind w:hanging="720"/>
        <w:jc w:val="left"/>
      </w:pPr>
      <w:r>
        <w:rPr>
          <w:b/>
          <w:sz w:val="32"/>
          <w:szCs w:val="32"/>
        </w:rPr>
        <w:t>O</w:t>
      </w:r>
      <w:r>
        <w:rPr>
          <w:b/>
          <w:sz w:val="26"/>
          <w:szCs w:val="26"/>
        </w:rPr>
        <w:t xml:space="preserve">BSERVATIONS AND </w:t>
      </w:r>
      <w:r>
        <w:rPr>
          <w:b/>
          <w:sz w:val="32"/>
          <w:szCs w:val="32"/>
        </w:rPr>
        <w:t>C</w:t>
      </w:r>
      <w:r>
        <w:rPr>
          <w:b/>
          <w:sz w:val="26"/>
          <w:szCs w:val="26"/>
        </w:rPr>
        <w:t xml:space="preserve">ONSIDERATIONS </w:t>
      </w:r>
      <w:r>
        <w:rPr>
          <w:b/>
          <w:sz w:val="32"/>
          <w:szCs w:val="32"/>
        </w:rPr>
        <w:t>W</w:t>
      </w:r>
      <w:r>
        <w:rPr>
          <w:b/>
          <w:sz w:val="26"/>
          <w:szCs w:val="26"/>
        </w:rPr>
        <w:t xml:space="preserve">HEN </w:t>
      </w:r>
      <w:r>
        <w:rPr>
          <w:b/>
          <w:sz w:val="32"/>
          <w:szCs w:val="32"/>
        </w:rPr>
        <w:t>U</w:t>
      </w:r>
      <w:r>
        <w:rPr>
          <w:b/>
          <w:sz w:val="26"/>
          <w:szCs w:val="26"/>
        </w:rPr>
        <w:t xml:space="preserve">SING </w:t>
      </w:r>
      <w:r>
        <w:rPr>
          <w:b/>
          <w:sz w:val="32"/>
          <w:szCs w:val="32"/>
        </w:rPr>
        <w:t>A</w:t>
      </w:r>
      <w:r>
        <w:rPr>
          <w:b/>
          <w:sz w:val="26"/>
          <w:szCs w:val="26"/>
        </w:rPr>
        <w:t>LTERNATIVE</w:t>
      </w:r>
      <w:r>
        <w:rPr>
          <w:b/>
          <w:sz w:val="32"/>
          <w:szCs w:val="32"/>
        </w:rPr>
        <w:t xml:space="preserve"> </w:t>
      </w:r>
      <w:r>
        <w:rPr>
          <w:b/>
          <w:sz w:val="32"/>
          <w:szCs w:val="32"/>
          <w:u w:val="single"/>
        </w:rPr>
        <w:t xml:space="preserve">  </w:t>
      </w:r>
      <w:r>
        <w:rPr>
          <w:b/>
          <w:sz w:val="32"/>
          <w:szCs w:val="32"/>
          <w:u w:val="single"/>
        </w:rPr>
        <w:tab/>
        <w:t>M</w:t>
      </w:r>
      <w:r>
        <w:rPr>
          <w:b/>
          <w:sz w:val="26"/>
          <w:szCs w:val="26"/>
          <w:u w:val="single"/>
        </w:rPr>
        <w:t xml:space="preserve">ECHANISMS </w:t>
      </w:r>
      <w:r>
        <w:rPr>
          <w:b/>
          <w:sz w:val="26"/>
          <w:szCs w:val="26"/>
          <w:u w:val="single"/>
        </w:rPr>
        <w:tab/>
      </w:r>
      <w:r>
        <w:rPr>
          <w:b/>
          <w:sz w:val="32"/>
          <w:szCs w:val="32"/>
        </w:rPr>
        <w:t xml:space="preserve"> </w:t>
      </w:r>
    </w:p>
    <w:p w14:paraId="5FAD2619" w14:textId="77777777" w:rsidR="00CF54CB" w:rsidRDefault="00344004">
      <w:pPr>
        <w:spacing w:after="203" w:line="259" w:lineRule="auto"/>
        <w:ind w:left="91" w:firstLine="0"/>
        <w:jc w:val="left"/>
      </w:pPr>
      <w:r>
        <w:rPr>
          <w:b/>
          <w:sz w:val="18"/>
          <w:szCs w:val="18"/>
        </w:rPr>
        <w:t xml:space="preserve"> </w:t>
      </w:r>
    </w:p>
    <w:p w14:paraId="109B8379" w14:textId="77777777" w:rsidR="00CF54CB" w:rsidRDefault="00344004">
      <w:pPr>
        <w:numPr>
          <w:ilvl w:val="1"/>
          <w:numId w:val="13"/>
        </w:numPr>
        <w:spacing w:after="0" w:line="259" w:lineRule="auto"/>
        <w:ind w:hanging="360"/>
        <w:jc w:val="left"/>
      </w:pPr>
      <w:r>
        <w:rPr>
          <w:b/>
          <w:sz w:val="28"/>
          <w:szCs w:val="28"/>
        </w:rPr>
        <w:t>E</w:t>
      </w:r>
      <w:r>
        <w:rPr>
          <w:b/>
          <w:sz w:val="22"/>
          <w:szCs w:val="22"/>
        </w:rPr>
        <w:t xml:space="preserve">XISTING </w:t>
      </w:r>
      <w:r>
        <w:rPr>
          <w:b/>
          <w:sz w:val="28"/>
          <w:szCs w:val="28"/>
        </w:rPr>
        <w:t>S</w:t>
      </w:r>
      <w:r>
        <w:rPr>
          <w:b/>
          <w:sz w:val="22"/>
          <w:szCs w:val="22"/>
        </w:rPr>
        <w:t xml:space="preserve">TATUTORY </w:t>
      </w:r>
      <w:r>
        <w:rPr>
          <w:b/>
          <w:sz w:val="28"/>
          <w:szCs w:val="28"/>
        </w:rPr>
        <w:t>A</w:t>
      </w:r>
      <w:r>
        <w:rPr>
          <w:b/>
          <w:sz w:val="22"/>
          <w:szCs w:val="22"/>
        </w:rPr>
        <w:t xml:space="preserve">UTHORITY AND </w:t>
      </w:r>
      <w:r>
        <w:rPr>
          <w:b/>
          <w:sz w:val="28"/>
          <w:szCs w:val="28"/>
        </w:rPr>
        <w:t>R</w:t>
      </w:r>
      <w:r>
        <w:rPr>
          <w:b/>
          <w:sz w:val="22"/>
          <w:szCs w:val="22"/>
        </w:rPr>
        <w:t xml:space="preserve">EQUIREMENTS </w:t>
      </w:r>
    </w:p>
    <w:p w14:paraId="390F6C22" w14:textId="77777777" w:rsidR="00CF54CB" w:rsidRDefault="00344004">
      <w:pPr>
        <w:spacing w:after="18" w:line="259" w:lineRule="auto"/>
        <w:ind w:left="91" w:firstLine="0"/>
        <w:jc w:val="left"/>
      </w:pPr>
      <w:r>
        <w:rPr>
          <w:b/>
          <w:sz w:val="23"/>
          <w:szCs w:val="23"/>
        </w:rPr>
        <w:t xml:space="preserve"> </w:t>
      </w:r>
    </w:p>
    <w:p w14:paraId="1FB43084" w14:textId="77777777" w:rsidR="00CF54CB" w:rsidRDefault="00344004">
      <w:pPr>
        <w:numPr>
          <w:ilvl w:val="2"/>
          <w:numId w:val="13"/>
        </w:numPr>
        <w:spacing w:after="4" w:line="265" w:lineRule="auto"/>
        <w:ind w:right="56" w:hanging="360"/>
        <w:jc w:val="left"/>
      </w:pPr>
      <w:r>
        <w:rPr>
          <w:b/>
        </w:rPr>
        <w:t>U</w:t>
      </w:r>
      <w:r>
        <w:rPr>
          <w:b/>
          <w:sz w:val="19"/>
          <w:szCs w:val="19"/>
        </w:rPr>
        <w:t xml:space="preserve">SE OF </w:t>
      </w:r>
      <w:r>
        <w:rPr>
          <w:b/>
        </w:rPr>
        <w:t>P</w:t>
      </w:r>
      <w:r>
        <w:rPr>
          <w:b/>
          <w:sz w:val="19"/>
          <w:szCs w:val="19"/>
        </w:rPr>
        <w:t xml:space="preserve">ERMITTED </w:t>
      </w:r>
      <w:r>
        <w:rPr>
          <w:b/>
        </w:rPr>
        <w:t>P</w:t>
      </w:r>
      <w:r>
        <w:rPr>
          <w:b/>
          <w:sz w:val="19"/>
          <w:szCs w:val="19"/>
        </w:rPr>
        <w:t xml:space="preserve">RACTICES </w:t>
      </w:r>
    </w:p>
    <w:p w14:paraId="5EB5FB76" w14:textId="77777777" w:rsidR="00CF54CB" w:rsidRDefault="00344004">
      <w:pPr>
        <w:spacing w:after="0" w:line="259" w:lineRule="auto"/>
        <w:ind w:left="91" w:firstLine="0"/>
        <w:jc w:val="left"/>
      </w:pPr>
      <w:r>
        <w:rPr>
          <w:b/>
          <w:sz w:val="23"/>
          <w:szCs w:val="23"/>
        </w:rPr>
        <w:t xml:space="preserve"> </w:t>
      </w:r>
    </w:p>
    <w:p w14:paraId="067CD0F6" w14:textId="77777777" w:rsidR="00CF54CB" w:rsidRDefault="00344004">
      <w:pPr>
        <w:ind w:left="105" w:right="493" w:firstLine="6"/>
      </w:pPr>
      <w:r>
        <w:t xml:space="preserve">There have been situations where an insurer would be able to maintain operations for 20 years, but to date, since liabilities barely exceed assets based on NAIC accounting practices and procedures, the insurer is nearly or technically insolvent. A carefully thought-out permitted practice could allow a troubled insurer time to dramatically restructure in order to provide better results for consumers in terms of timely claims payments. </w:t>
      </w:r>
    </w:p>
    <w:p w14:paraId="7D6920D7" w14:textId="77777777" w:rsidR="00CF54CB" w:rsidRDefault="00344004">
      <w:pPr>
        <w:spacing w:after="13" w:line="259" w:lineRule="auto"/>
        <w:ind w:left="91" w:firstLine="0"/>
        <w:jc w:val="left"/>
      </w:pPr>
      <w:r>
        <w:t xml:space="preserve"> </w:t>
      </w:r>
    </w:p>
    <w:p w14:paraId="451DD024" w14:textId="77777777" w:rsidR="00CF54CB" w:rsidRDefault="00344004">
      <w:pPr>
        <w:numPr>
          <w:ilvl w:val="2"/>
          <w:numId w:val="13"/>
        </w:numPr>
        <w:spacing w:after="4" w:line="265" w:lineRule="auto"/>
        <w:ind w:right="56" w:hanging="360"/>
        <w:jc w:val="left"/>
      </w:pPr>
      <w:r>
        <w:rPr>
          <w:b/>
        </w:rPr>
        <w:t>M</w:t>
      </w:r>
      <w:r>
        <w:rPr>
          <w:b/>
          <w:sz w:val="19"/>
          <w:szCs w:val="19"/>
        </w:rPr>
        <w:t xml:space="preserve">ODIFICATIONS TO </w:t>
      </w:r>
      <w:r>
        <w:rPr>
          <w:b/>
        </w:rPr>
        <w:t>E</w:t>
      </w:r>
      <w:r>
        <w:rPr>
          <w:b/>
          <w:sz w:val="19"/>
          <w:szCs w:val="19"/>
        </w:rPr>
        <w:t xml:space="preserve">XISTING </w:t>
      </w:r>
      <w:r>
        <w:rPr>
          <w:b/>
        </w:rPr>
        <w:t>S</w:t>
      </w:r>
      <w:r>
        <w:rPr>
          <w:b/>
          <w:sz w:val="19"/>
          <w:szCs w:val="19"/>
        </w:rPr>
        <w:t xml:space="preserve">TATUTORY </w:t>
      </w:r>
      <w:r>
        <w:rPr>
          <w:b/>
        </w:rPr>
        <w:t>A</w:t>
      </w:r>
      <w:r>
        <w:rPr>
          <w:b/>
          <w:sz w:val="19"/>
          <w:szCs w:val="19"/>
        </w:rPr>
        <w:t xml:space="preserve">UTHORITY </w:t>
      </w:r>
    </w:p>
    <w:p w14:paraId="23C6CE9F" w14:textId="77777777" w:rsidR="00CF54CB" w:rsidRDefault="00344004">
      <w:pPr>
        <w:spacing w:after="0" w:line="259" w:lineRule="auto"/>
        <w:ind w:left="91" w:firstLine="0"/>
        <w:jc w:val="left"/>
      </w:pPr>
      <w:r>
        <w:rPr>
          <w:b/>
          <w:sz w:val="23"/>
          <w:szCs w:val="23"/>
        </w:rPr>
        <w:t xml:space="preserve"> </w:t>
      </w:r>
    </w:p>
    <w:p w14:paraId="1CF15F90" w14:textId="77777777" w:rsidR="00CF54CB" w:rsidRDefault="00344004">
      <w:pPr>
        <w:spacing w:after="79"/>
        <w:ind w:left="105" w:right="396" w:firstLine="6"/>
      </w:pPr>
      <w:r>
        <w:t xml:space="preserve">In some circumstances, state insurance regulators may want to consider modifying laws and regulations to provide for a more favorable environment for certain alternative mechanisms. For example, the Illinois Division of Insurance strongly supported the General Assembly’s adoption of 215 ILCS 5/204 in the Illinois Insurance Code’s provision on Prohibited and Voidable Transfers and Liens to protect transfers made during the Division’s supervision of a solvent run-off. The language reads as follows: </w:t>
      </w:r>
    </w:p>
    <w:p w14:paraId="72EBDAD2" w14:textId="77777777" w:rsidR="00CF54CB" w:rsidRDefault="00344004">
      <w:pPr>
        <w:spacing w:after="0" w:line="259" w:lineRule="auto"/>
        <w:ind w:left="91" w:firstLine="0"/>
        <w:jc w:val="left"/>
      </w:pPr>
      <w:r>
        <w:rPr>
          <w:sz w:val="32"/>
          <w:szCs w:val="32"/>
        </w:rPr>
        <w:t xml:space="preserve"> </w:t>
      </w:r>
    </w:p>
    <w:p w14:paraId="5D369D61" w14:textId="77777777" w:rsidR="00CF54CB" w:rsidRDefault="00344004">
      <w:pPr>
        <w:spacing w:after="189"/>
        <w:ind w:left="811" w:right="396" w:firstLine="7"/>
      </w:pPr>
      <w:r>
        <w:t xml:space="preserve">m) The Director as rehabilitator, liquidator, or conservator may not avoid a transfer under this Section to the extent that the transfer was: *** </w:t>
      </w:r>
    </w:p>
    <w:p w14:paraId="13406C15" w14:textId="77777777" w:rsidR="00CF54CB" w:rsidRDefault="00344004">
      <w:pPr>
        <w:spacing w:after="84"/>
        <w:ind w:left="811" w:right="396" w:firstLine="7"/>
      </w:pPr>
      <w:r>
        <w:t xml:space="preserve">(C) In the case of a transfer by a company where the Director has determined that an event described in Section 35A-25 [215 ILCS 5/35A-25] or 35A-30 [215 ILCS 5/35A- 30] has occurred, specifically approved by the Director in writing pursuant to this subsection, whether or not the company is in receivership under this Article. Upon approval by the Director, such a transfer cannot later be found to constitute a prohibited or voidable transfer based solely upon a deviation from the statutory payment priorities established by law for any subsequent receivership. </w:t>
      </w:r>
    </w:p>
    <w:p w14:paraId="297F0CF0" w14:textId="77777777" w:rsidR="00CF54CB" w:rsidRDefault="00344004">
      <w:pPr>
        <w:spacing w:after="0" w:line="259" w:lineRule="auto"/>
        <w:ind w:left="91" w:firstLine="0"/>
        <w:jc w:val="left"/>
      </w:pPr>
      <w:r>
        <w:rPr>
          <w:sz w:val="32"/>
          <w:szCs w:val="32"/>
        </w:rPr>
        <w:t xml:space="preserve"> </w:t>
      </w:r>
    </w:p>
    <w:p w14:paraId="0A202C95" w14:textId="77777777" w:rsidR="00CF54CB" w:rsidRDefault="00344004">
      <w:pPr>
        <w:numPr>
          <w:ilvl w:val="1"/>
          <w:numId w:val="13"/>
        </w:numPr>
        <w:spacing w:after="0" w:line="259" w:lineRule="auto"/>
        <w:ind w:hanging="360"/>
        <w:jc w:val="left"/>
      </w:pPr>
      <w:r>
        <w:rPr>
          <w:b/>
          <w:sz w:val="28"/>
          <w:szCs w:val="28"/>
        </w:rPr>
        <w:t>S</w:t>
      </w:r>
      <w:r>
        <w:rPr>
          <w:b/>
          <w:sz w:val="22"/>
          <w:szCs w:val="22"/>
        </w:rPr>
        <w:t xml:space="preserve">URVEILLANCE </w:t>
      </w:r>
      <w:r>
        <w:rPr>
          <w:b/>
          <w:sz w:val="28"/>
          <w:szCs w:val="28"/>
        </w:rPr>
        <w:t>M</w:t>
      </w:r>
      <w:r>
        <w:rPr>
          <w:b/>
          <w:sz w:val="22"/>
          <w:szCs w:val="22"/>
        </w:rPr>
        <w:t xml:space="preserve">ONITORING BY </w:t>
      </w:r>
      <w:r>
        <w:rPr>
          <w:b/>
          <w:sz w:val="28"/>
          <w:szCs w:val="28"/>
        </w:rPr>
        <w:t>S</w:t>
      </w:r>
      <w:r>
        <w:rPr>
          <w:b/>
          <w:sz w:val="22"/>
          <w:szCs w:val="22"/>
        </w:rPr>
        <w:t xml:space="preserve">TATE </w:t>
      </w:r>
      <w:r>
        <w:rPr>
          <w:b/>
          <w:sz w:val="28"/>
          <w:szCs w:val="28"/>
        </w:rPr>
        <w:t>I</w:t>
      </w:r>
      <w:r>
        <w:rPr>
          <w:b/>
          <w:sz w:val="22"/>
          <w:szCs w:val="22"/>
        </w:rPr>
        <w:t xml:space="preserve">NSURANCE </w:t>
      </w:r>
      <w:r>
        <w:rPr>
          <w:b/>
          <w:sz w:val="28"/>
          <w:szCs w:val="28"/>
        </w:rPr>
        <w:t>R</w:t>
      </w:r>
      <w:r>
        <w:rPr>
          <w:b/>
          <w:sz w:val="22"/>
          <w:szCs w:val="22"/>
        </w:rPr>
        <w:t xml:space="preserve">EGULATOR </w:t>
      </w:r>
    </w:p>
    <w:p w14:paraId="0F5AF7FE" w14:textId="77777777" w:rsidR="00CF54CB" w:rsidRDefault="00344004">
      <w:pPr>
        <w:spacing w:after="0" w:line="259" w:lineRule="auto"/>
        <w:ind w:left="91" w:firstLine="0"/>
        <w:jc w:val="left"/>
      </w:pPr>
      <w:r>
        <w:rPr>
          <w:b/>
          <w:sz w:val="23"/>
          <w:szCs w:val="23"/>
        </w:rPr>
        <w:t xml:space="preserve"> </w:t>
      </w:r>
    </w:p>
    <w:p w14:paraId="2FE89707" w14:textId="77777777" w:rsidR="00CF54CB" w:rsidRDefault="00344004">
      <w:pPr>
        <w:ind w:left="105" w:right="396" w:firstLine="6"/>
      </w:pPr>
      <w:r>
        <w:t xml:space="preserve">State insurance regulators need to consider whether the state has appropriate expertise on staff or whether the state needs to hire outside consultants of particular functions, such as claims assessment, reserves, reinsurance, etc. Please refer to the </w:t>
      </w:r>
      <w:r>
        <w:rPr>
          <w:i/>
        </w:rPr>
        <w:t xml:space="preserve">Troubled Insurance Company Handbook </w:t>
      </w:r>
      <w:r>
        <w:t xml:space="preserve">for a description of competency and skills of personnel assigned to conduct surveillance on troubled insurers. </w:t>
      </w:r>
    </w:p>
    <w:p w14:paraId="08F6B386" w14:textId="77777777" w:rsidR="00CF54CB" w:rsidRDefault="00344004">
      <w:pPr>
        <w:spacing w:after="12" w:line="259" w:lineRule="auto"/>
        <w:ind w:left="91" w:firstLine="0"/>
        <w:jc w:val="left"/>
      </w:pPr>
      <w:r>
        <w:t xml:space="preserve"> </w:t>
      </w:r>
    </w:p>
    <w:p w14:paraId="7B51D632" w14:textId="77777777" w:rsidR="00CF54CB" w:rsidRDefault="00344004">
      <w:pPr>
        <w:numPr>
          <w:ilvl w:val="2"/>
          <w:numId w:val="13"/>
        </w:numPr>
        <w:spacing w:after="4" w:line="259" w:lineRule="auto"/>
        <w:ind w:right="56" w:hanging="360"/>
        <w:jc w:val="left"/>
      </w:pPr>
      <w:r>
        <w:rPr>
          <w:b/>
        </w:rPr>
        <w:t>S</w:t>
      </w:r>
      <w:r>
        <w:rPr>
          <w:b/>
          <w:sz w:val="19"/>
          <w:szCs w:val="19"/>
        </w:rPr>
        <w:t xml:space="preserve">UPERVISION </w:t>
      </w:r>
      <w:r>
        <w:rPr>
          <w:b/>
        </w:rPr>
        <w:t>O</w:t>
      </w:r>
      <w:r>
        <w:rPr>
          <w:b/>
          <w:sz w:val="19"/>
          <w:szCs w:val="19"/>
        </w:rPr>
        <w:t>RDERS</w:t>
      </w:r>
      <w:r>
        <w:rPr>
          <w:b/>
        </w:rPr>
        <w:t>/C</w:t>
      </w:r>
      <w:r>
        <w:rPr>
          <w:b/>
          <w:sz w:val="19"/>
          <w:szCs w:val="19"/>
        </w:rPr>
        <w:t xml:space="preserve">ONSENT </w:t>
      </w:r>
      <w:r>
        <w:rPr>
          <w:b/>
        </w:rPr>
        <w:t>A</w:t>
      </w:r>
      <w:r>
        <w:rPr>
          <w:b/>
          <w:sz w:val="19"/>
          <w:szCs w:val="19"/>
        </w:rPr>
        <w:t>GREEMENTS</w:t>
      </w:r>
      <w:r>
        <w:rPr>
          <w:b/>
        </w:rPr>
        <w:t>/L</w:t>
      </w:r>
      <w:r>
        <w:rPr>
          <w:b/>
          <w:sz w:val="19"/>
          <w:szCs w:val="19"/>
        </w:rPr>
        <w:t xml:space="preserve">ETTER OF </w:t>
      </w:r>
      <w:r>
        <w:rPr>
          <w:b/>
        </w:rPr>
        <w:t>U</w:t>
      </w:r>
      <w:r>
        <w:rPr>
          <w:b/>
          <w:sz w:val="19"/>
          <w:szCs w:val="19"/>
        </w:rPr>
        <w:t xml:space="preserve">NDERSTANDING </w:t>
      </w:r>
    </w:p>
    <w:p w14:paraId="0D93370D" w14:textId="77777777" w:rsidR="00CF54CB" w:rsidRDefault="00344004">
      <w:pPr>
        <w:spacing w:after="0" w:line="259" w:lineRule="auto"/>
        <w:ind w:left="91" w:firstLine="0"/>
        <w:jc w:val="left"/>
      </w:pPr>
      <w:r>
        <w:rPr>
          <w:b/>
          <w:sz w:val="23"/>
          <w:szCs w:val="23"/>
        </w:rPr>
        <w:t xml:space="preserve"> </w:t>
      </w:r>
    </w:p>
    <w:p w14:paraId="63B39D00" w14:textId="77777777" w:rsidR="00CF54CB" w:rsidRDefault="00344004">
      <w:pPr>
        <w:ind w:left="105" w:right="396" w:firstLine="6"/>
      </w:pPr>
      <w:r>
        <w:t xml:space="preserve">Regulators may want to consider various methods to articulate the regulator’s expectations with an alternative mechanism, as well as the possible recourse that may occur with the insurer as a result of certain actions or behaviors. Such communication methods can be informal, such as a letter of </w:t>
      </w:r>
      <w:r>
        <w:lastRenderedPageBreak/>
        <w:t xml:space="preserve">understanding with the insurer, or formal, such as voluntary consent agreement or a confidential supervision order. </w:t>
      </w:r>
    </w:p>
    <w:p w14:paraId="7C9AFA70" w14:textId="77777777" w:rsidR="00CF54CB" w:rsidRDefault="00344004">
      <w:pPr>
        <w:spacing w:after="0" w:line="259" w:lineRule="auto"/>
        <w:ind w:left="91" w:firstLine="0"/>
        <w:jc w:val="left"/>
      </w:pPr>
      <w:r>
        <w:t xml:space="preserve"> </w:t>
      </w:r>
    </w:p>
    <w:p w14:paraId="60869B0A" w14:textId="77777777" w:rsidR="00CF54CB" w:rsidRDefault="00344004">
      <w:pPr>
        <w:ind w:left="105" w:right="396" w:firstLine="6"/>
      </w:pPr>
      <w:r>
        <w:t xml:space="preserve">If a supervision order is taken under the commissioner’s administrative provisions, the insurer’s management will generally remain in place subject to restrictions in the supervision order and the direction of the supervisor. The supervision can be voluntary or involuntary and confidential or public. Confidential supervisions are becoming more infrequent, as disclosures of such regulatory actions have become more necessary under federal law for insurers within publicly traded groups. Some states may require court approval, as well. </w:t>
      </w:r>
    </w:p>
    <w:p w14:paraId="26F6AE51" w14:textId="77777777" w:rsidR="00CF54CB" w:rsidRDefault="00344004">
      <w:pPr>
        <w:spacing w:after="16" w:line="259" w:lineRule="auto"/>
        <w:ind w:left="91" w:firstLine="0"/>
        <w:jc w:val="left"/>
      </w:pPr>
      <w:r>
        <w:t xml:space="preserve"> </w:t>
      </w:r>
    </w:p>
    <w:p w14:paraId="608A318A" w14:textId="77777777" w:rsidR="00CF54CB" w:rsidRDefault="00344004">
      <w:pPr>
        <w:numPr>
          <w:ilvl w:val="2"/>
          <w:numId w:val="13"/>
        </w:numPr>
        <w:spacing w:after="4" w:line="265" w:lineRule="auto"/>
        <w:ind w:right="56" w:hanging="360"/>
        <w:jc w:val="left"/>
      </w:pPr>
      <w:r>
        <w:rPr>
          <w:b/>
        </w:rPr>
        <w:t>F</w:t>
      </w:r>
      <w:r>
        <w:rPr>
          <w:b/>
          <w:sz w:val="19"/>
          <w:szCs w:val="19"/>
        </w:rPr>
        <w:t xml:space="preserve">INANCIAL </w:t>
      </w:r>
      <w:r>
        <w:rPr>
          <w:b/>
        </w:rPr>
        <w:t>R</w:t>
      </w:r>
      <w:r>
        <w:rPr>
          <w:b/>
          <w:sz w:val="19"/>
          <w:szCs w:val="19"/>
        </w:rPr>
        <w:t>EPORTING</w:t>
      </w:r>
      <w:r>
        <w:rPr>
          <w:b/>
        </w:rPr>
        <w:t>/A</w:t>
      </w:r>
      <w:r>
        <w:rPr>
          <w:b/>
          <w:sz w:val="19"/>
          <w:szCs w:val="19"/>
        </w:rPr>
        <w:t>NALYSIS</w:t>
      </w:r>
      <w:r>
        <w:rPr>
          <w:b/>
        </w:rPr>
        <w:t>/E</w:t>
      </w:r>
      <w:r>
        <w:rPr>
          <w:b/>
          <w:sz w:val="19"/>
          <w:szCs w:val="19"/>
        </w:rPr>
        <w:t xml:space="preserve">XAMINATION </w:t>
      </w:r>
    </w:p>
    <w:p w14:paraId="309B6C5A" w14:textId="77777777" w:rsidR="00CF54CB" w:rsidRDefault="00344004">
      <w:pPr>
        <w:spacing w:after="0" w:line="259" w:lineRule="auto"/>
        <w:ind w:left="91" w:firstLine="0"/>
        <w:jc w:val="left"/>
      </w:pPr>
      <w:r>
        <w:rPr>
          <w:b/>
          <w:sz w:val="23"/>
          <w:szCs w:val="23"/>
        </w:rPr>
        <w:t xml:space="preserve"> </w:t>
      </w:r>
    </w:p>
    <w:p w14:paraId="55987DC7" w14:textId="77777777" w:rsidR="00CF54CB" w:rsidRDefault="00344004">
      <w:pPr>
        <w:ind w:left="105" w:right="396" w:firstLine="6"/>
      </w:pPr>
      <w:r>
        <w:t xml:space="preserve">All active insurers that are not in liquidation proceedings should be filing quarterly financial statements to the NAIC Financial Data Repository to provide regulators, policyholders, creditors, and claimants meaningful information. Enhanced monitoring, such as monthly financial statements and claims/exposure reports, should also be considered. </w:t>
      </w:r>
    </w:p>
    <w:p w14:paraId="561E2743" w14:textId="77777777" w:rsidR="00CF54CB" w:rsidRDefault="00344004">
      <w:pPr>
        <w:spacing w:after="0" w:line="259" w:lineRule="auto"/>
        <w:ind w:left="91" w:firstLine="0"/>
        <w:jc w:val="left"/>
      </w:pPr>
      <w:r>
        <w:t xml:space="preserve"> </w:t>
      </w:r>
    </w:p>
    <w:p w14:paraId="5DD52BBA" w14:textId="77777777" w:rsidR="00CF54CB" w:rsidRDefault="00344004">
      <w:pPr>
        <w:ind w:left="105" w:right="396" w:firstLine="6"/>
      </w:pPr>
      <w:r>
        <w:t xml:space="preserve">All states should conduct analysis and examination practices in compliance with Part B of the Financial Regulation Standards and Accreditation Program. </w:t>
      </w:r>
    </w:p>
    <w:p w14:paraId="55FB581C" w14:textId="77777777" w:rsidR="00CF54CB" w:rsidRDefault="00344004">
      <w:pPr>
        <w:spacing w:after="16" w:line="259" w:lineRule="auto"/>
        <w:ind w:left="91" w:firstLine="0"/>
        <w:jc w:val="left"/>
      </w:pPr>
      <w:r>
        <w:t xml:space="preserve"> </w:t>
      </w:r>
    </w:p>
    <w:p w14:paraId="26700656" w14:textId="77777777" w:rsidR="00CF54CB" w:rsidRDefault="00344004">
      <w:pPr>
        <w:numPr>
          <w:ilvl w:val="2"/>
          <w:numId w:val="13"/>
        </w:numPr>
        <w:spacing w:after="4" w:line="265" w:lineRule="auto"/>
        <w:ind w:right="56" w:hanging="360"/>
        <w:jc w:val="left"/>
      </w:pPr>
      <w:r>
        <w:rPr>
          <w:b/>
        </w:rPr>
        <w:t>C</w:t>
      </w:r>
      <w:r>
        <w:rPr>
          <w:b/>
          <w:sz w:val="19"/>
          <w:szCs w:val="19"/>
        </w:rPr>
        <w:t xml:space="preserve">OMMUNICATIONS </w:t>
      </w:r>
    </w:p>
    <w:p w14:paraId="32AFD4C1" w14:textId="77777777" w:rsidR="00CF54CB" w:rsidRDefault="00344004">
      <w:pPr>
        <w:spacing w:after="0" w:line="259" w:lineRule="auto"/>
        <w:ind w:left="91" w:firstLine="0"/>
        <w:jc w:val="left"/>
      </w:pPr>
      <w:r>
        <w:rPr>
          <w:b/>
          <w:sz w:val="23"/>
          <w:szCs w:val="23"/>
        </w:rPr>
        <w:t xml:space="preserve"> </w:t>
      </w:r>
    </w:p>
    <w:p w14:paraId="1E81BCD8" w14:textId="77777777" w:rsidR="00CF54CB" w:rsidRDefault="00344004">
      <w:pPr>
        <w:ind w:left="105" w:right="396" w:firstLine="6"/>
      </w:pPr>
      <w:r>
        <w:t xml:space="preserve">As a result of utilizing various alternative mechanisms, regulators should attempt to coordinate the situation and supervisory plan with other affected insurance departments/jurisdictions, other regulatory agencies, and guaranty associations. Coordination may be useful to avoid actions that may be counterproductive. Interdepartmental and intradepartmental communication is also important to ensure that key departmental officials possess all relevant information to permit decisions to be made on a timely basis. </w:t>
      </w:r>
    </w:p>
    <w:p w14:paraId="72365DF1" w14:textId="77777777" w:rsidR="00CF54CB" w:rsidRDefault="00344004">
      <w:pPr>
        <w:spacing w:after="74" w:line="259" w:lineRule="auto"/>
        <w:ind w:left="91" w:firstLine="0"/>
        <w:jc w:val="left"/>
      </w:pPr>
      <w:r>
        <w:rPr>
          <w:sz w:val="22"/>
          <w:szCs w:val="22"/>
        </w:rPr>
        <w:t xml:space="preserve"> </w:t>
      </w:r>
    </w:p>
    <w:p w14:paraId="2ABEDE96" w14:textId="77777777" w:rsidR="00CF54CB" w:rsidRDefault="00344004">
      <w:pPr>
        <w:numPr>
          <w:ilvl w:val="1"/>
          <w:numId w:val="13"/>
        </w:numPr>
        <w:spacing w:after="11" w:line="259" w:lineRule="auto"/>
        <w:ind w:hanging="360"/>
        <w:jc w:val="left"/>
      </w:pPr>
      <w:r>
        <w:rPr>
          <w:b/>
          <w:sz w:val="28"/>
          <w:szCs w:val="28"/>
        </w:rPr>
        <w:t>B</w:t>
      </w:r>
      <w:r>
        <w:rPr>
          <w:b/>
          <w:sz w:val="22"/>
          <w:szCs w:val="22"/>
        </w:rPr>
        <w:t>ENEFITS</w:t>
      </w:r>
      <w:r>
        <w:rPr>
          <w:b/>
          <w:sz w:val="28"/>
          <w:szCs w:val="28"/>
        </w:rPr>
        <w:t>, R</w:t>
      </w:r>
      <w:r>
        <w:rPr>
          <w:b/>
          <w:sz w:val="22"/>
          <w:szCs w:val="22"/>
        </w:rPr>
        <w:t xml:space="preserve">ISKS AND </w:t>
      </w:r>
      <w:r>
        <w:rPr>
          <w:b/>
          <w:sz w:val="28"/>
          <w:szCs w:val="28"/>
        </w:rPr>
        <w:t>C</w:t>
      </w:r>
      <w:r>
        <w:rPr>
          <w:b/>
          <w:sz w:val="22"/>
          <w:szCs w:val="22"/>
        </w:rPr>
        <w:t>ONTROLS</w:t>
      </w:r>
      <w:r>
        <w:rPr>
          <w:b/>
          <w:sz w:val="28"/>
          <w:szCs w:val="28"/>
        </w:rPr>
        <w:t>: F</w:t>
      </w:r>
      <w:r>
        <w:rPr>
          <w:b/>
          <w:sz w:val="22"/>
          <w:szCs w:val="22"/>
        </w:rPr>
        <w:t xml:space="preserve">OR </w:t>
      </w:r>
      <w:r>
        <w:rPr>
          <w:b/>
          <w:sz w:val="28"/>
          <w:szCs w:val="28"/>
        </w:rPr>
        <w:t>U.S. C</w:t>
      </w:r>
      <w:r>
        <w:rPr>
          <w:b/>
          <w:sz w:val="22"/>
          <w:szCs w:val="22"/>
        </w:rPr>
        <w:t>LAIMANTS</w:t>
      </w:r>
      <w:r>
        <w:rPr>
          <w:b/>
          <w:sz w:val="28"/>
          <w:szCs w:val="28"/>
        </w:rPr>
        <w:t>/P</w:t>
      </w:r>
      <w:r>
        <w:rPr>
          <w:b/>
          <w:sz w:val="22"/>
          <w:szCs w:val="22"/>
        </w:rPr>
        <w:t xml:space="preserve">OLICYHOLDERS </w:t>
      </w:r>
    </w:p>
    <w:p w14:paraId="776DFA07" w14:textId="77777777" w:rsidR="00CF54CB" w:rsidRDefault="00344004">
      <w:pPr>
        <w:spacing w:after="0" w:line="259" w:lineRule="auto"/>
        <w:ind w:left="1181" w:hanging="10"/>
        <w:jc w:val="left"/>
      </w:pPr>
      <w:r>
        <w:rPr>
          <w:b/>
          <w:sz w:val="28"/>
          <w:szCs w:val="28"/>
        </w:rPr>
        <w:t>W</w:t>
      </w:r>
      <w:r>
        <w:rPr>
          <w:b/>
          <w:sz w:val="22"/>
          <w:szCs w:val="22"/>
        </w:rPr>
        <w:t xml:space="preserve">HEN </w:t>
      </w:r>
      <w:r>
        <w:rPr>
          <w:b/>
          <w:sz w:val="28"/>
          <w:szCs w:val="28"/>
        </w:rPr>
        <w:t>A N</w:t>
      </w:r>
      <w:r>
        <w:rPr>
          <w:b/>
          <w:sz w:val="22"/>
          <w:szCs w:val="22"/>
        </w:rPr>
        <w:t>ON</w:t>
      </w:r>
      <w:r>
        <w:rPr>
          <w:b/>
          <w:sz w:val="28"/>
          <w:szCs w:val="28"/>
        </w:rPr>
        <w:t>-U.S. I</w:t>
      </w:r>
      <w:r>
        <w:rPr>
          <w:b/>
          <w:sz w:val="22"/>
          <w:szCs w:val="22"/>
        </w:rPr>
        <w:t xml:space="preserve">NSURER OR </w:t>
      </w:r>
      <w:r>
        <w:rPr>
          <w:b/>
          <w:sz w:val="28"/>
          <w:szCs w:val="28"/>
        </w:rPr>
        <w:t>R</w:t>
      </w:r>
      <w:r>
        <w:rPr>
          <w:b/>
          <w:sz w:val="22"/>
          <w:szCs w:val="22"/>
        </w:rPr>
        <w:t xml:space="preserve">EINSURER </w:t>
      </w:r>
      <w:r>
        <w:rPr>
          <w:b/>
          <w:sz w:val="28"/>
          <w:szCs w:val="28"/>
        </w:rPr>
        <w:t>R</w:t>
      </w:r>
      <w:r>
        <w:rPr>
          <w:b/>
          <w:sz w:val="22"/>
          <w:szCs w:val="22"/>
        </w:rPr>
        <w:t xml:space="preserve">ESTRUCTURES </w:t>
      </w:r>
    </w:p>
    <w:p w14:paraId="511DE111" w14:textId="77777777" w:rsidR="00CF54CB" w:rsidRDefault="00344004">
      <w:pPr>
        <w:spacing w:after="16" w:line="259" w:lineRule="auto"/>
        <w:ind w:left="91" w:firstLine="0"/>
        <w:jc w:val="left"/>
      </w:pPr>
      <w:r>
        <w:rPr>
          <w:b/>
        </w:rPr>
        <w:t xml:space="preserve"> </w:t>
      </w:r>
    </w:p>
    <w:p w14:paraId="02503334" w14:textId="77777777" w:rsidR="00CF54CB" w:rsidRDefault="00344004">
      <w:pPr>
        <w:numPr>
          <w:ilvl w:val="2"/>
          <w:numId w:val="13"/>
        </w:numPr>
        <w:spacing w:after="4" w:line="265" w:lineRule="auto"/>
        <w:ind w:right="56" w:hanging="360"/>
        <w:jc w:val="left"/>
      </w:pPr>
      <w:r>
        <w:rPr>
          <w:b/>
        </w:rPr>
        <w:t>I</w:t>
      </w:r>
      <w:r>
        <w:rPr>
          <w:b/>
          <w:sz w:val="19"/>
          <w:szCs w:val="19"/>
        </w:rPr>
        <w:t xml:space="preserve">NTRODUCTION </w:t>
      </w:r>
    </w:p>
    <w:p w14:paraId="59C90630" w14:textId="77777777" w:rsidR="00CF54CB" w:rsidRDefault="00344004">
      <w:pPr>
        <w:spacing w:after="0" w:line="259" w:lineRule="auto"/>
        <w:ind w:left="91" w:firstLine="0"/>
        <w:jc w:val="left"/>
      </w:pPr>
      <w:r>
        <w:rPr>
          <w:b/>
          <w:sz w:val="23"/>
          <w:szCs w:val="23"/>
        </w:rPr>
        <w:t xml:space="preserve"> </w:t>
      </w:r>
    </w:p>
    <w:p w14:paraId="0FFF5767" w14:textId="77777777" w:rsidR="00CF54CB" w:rsidRDefault="00344004">
      <w:pPr>
        <w:ind w:left="105" w:right="396" w:firstLine="6"/>
      </w:pPr>
      <w:r>
        <w:t xml:space="preserve">This section considers the impact upon U.S. policyholders and creditors of the restructuring of non-U.S. insurers and reinsurers. It will not consider the impact upon U.S. policyholders and creditors of the restructuring of the U.S. branch of a non-U.S. insurer, because that will be governed largely by familiar U.S. laws and procedures. However, it should be noted that the extent to which the U.S. branch may realize economic support from its non-U.S. parent and/or affiliates is likely to be governed primarily by the laws of the jurisdiction(s) in which the latter are domiciled. </w:t>
      </w:r>
    </w:p>
    <w:p w14:paraId="51C8CD7A" w14:textId="77777777" w:rsidR="00CF54CB" w:rsidRDefault="00344004">
      <w:pPr>
        <w:spacing w:after="0" w:line="259" w:lineRule="auto"/>
        <w:ind w:left="91" w:firstLine="0"/>
        <w:jc w:val="left"/>
      </w:pPr>
      <w:r>
        <w:t xml:space="preserve"> </w:t>
      </w:r>
    </w:p>
    <w:p w14:paraId="1F7FB0F7" w14:textId="77777777" w:rsidR="00CF54CB" w:rsidRDefault="00344004">
      <w:pPr>
        <w:ind w:left="105" w:right="396" w:firstLine="6"/>
      </w:pPr>
      <w:r>
        <w:t xml:space="preserve">What this section examines is the possible impact on U.S. policyholders and creditors of the restructuring of a non-U.S. insurer or reinsurer outside the U.S. The restructuring of a non-U.S. insurer or reinsurer may be governed simultaneously by the laws of several jurisdictions. For example, as Solvency II becomes the norm in the European Union, an insurer or reinsurer doing business in many member jurisdictions may be </w:t>
      </w:r>
      <w:r>
        <w:lastRenderedPageBreak/>
        <w:t xml:space="preserve">subject to their various laws to varying degrees. However, the jurisdiction in which the parent is domiciled (or the group supervisor, if different) may be particularly influential even over the fate of subsidiaries in other jurisdictions. The continued evolution of group supervision as an integral part of Solvency II is likely to enhance the influence of the parent’s domicile. Less predictable will be the management of the restructuring of insurers doing business simultaneously in EU and non-EU jurisdictions. There remains a wide disparity in the core principles underlying insurance regulatory systems throughout the world—some attributable to the pace of economic development, others to fundamental cultural differences, and still others to specific national public policies. </w:t>
      </w:r>
    </w:p>
    <w:p w14:paraId="00B4BFF0" w14:textId="77777777" w:rsidR="00CF54CB" w:rsidRDefault="00344004">
      <w:pPr>
        <w:spacing w:after="0" w:line="259" w:lineRule="auto"/>
        <w:ind w:left="91" w:firstLine="0"/>
        <w:jc w:val="left"/>
      </w:pPr>
      <w:r>
        <w:t xml:space="preserve"> </w:t>
      </w:r>
    </w:p>
    <w:p w14:paraId="31340340" w14:textId="77777777" w:rsidR="00CF54CB" w:rsidRDefault="00344004">
      <w:pPr>
        <w:ind w:left="105" w:right="396" w:firstLine="6"/>
      </w:pPr>
      <w:r>
        <w:t xml:space="preserve">This section endeavors to identify the key considerations that should be evaluated from the perspective of U.S. policyholders and creditors when their non-U.S. insurer or reinsurer is restructured. It seeks also to provide a sampling of illustrations of how those considerations might evolve in specific circumstances. Pre-purchase evaluation of how these considerations are addressed in a particular jurisdiction may enable the astute policyholder to avoid purchasing coverage that is apparently reliable but for which there is little effective protection upon restructuring. </w:t>
      </w:r>
    </w:p>
    <w:p w14:paraId="336D7669" w14:textId="77777777" w:rsidR="00CF54CB" w:rsidRDefault="00344004">
      <w:pPr>
        <w:spacing w:after="11" w:line="259" w:lineRule="auto"/>
        <w:ind w:left="91" w:firstLine="0"/>
        <w:jc w:val="left"/>
      </w:pPr>
      <w:r>
        <w:t xml:space="preserve"> </w:t>
      </w:r>
    </w:p>
    <w:p w14:paraId="0964560E" w14:textId="77777777" w:rsidR="00CF54CB" w:rsidRDefault="00344004">
      <w:pPr>
        <w:numPr>
          <w:ilvl w:val="2"/>
          <w:numId w:val="13"/>
        </w:numPr>
        <w:spacing w:after="4" w:line="265" w:lineRule="auto"/>
        <w:ind w:right="56" w:hanging="360"/>
        <w:jc w:val="left"/>
      </w:pPr>
      <w:r>
        <w:rPr>
          <w:b/>
        </w:rPr>
        <w:t>P</w:t>
      </w:r>
      <w:r>
        <w:rPr>
          <w:b/>
          <w:sz w:val="19"/>
          <w:szCs w:val="19"/>
        </w:rPr>
        <w:t xml:space="preserve">OTENTIAL </w:t>
      </w:r>
      <w:r>
        <w:rPr>
          <w:b/>
        </w:rPr>
        <w:t>A</w:t>
      </w:r>
      <w:r>
        <w:rPr>
          <w:b/>
          <w:sz w:val="19"/>
          <w:szCs w:val="19"/>
        </w:rPr>
        <w:t xml:space="preserve">DVANTAGES </w:t>
      </w:r>
      <w:r>
        <w:rPr>
          <w:b/>
        </w:rPr>
        <w:t>A</w:t>
      </w:r>
      <w:r>
        <w:rPr>
          <w:b/>
          <w:sz w:val="19"/>
          <w:szCs w:val="19"/>
        </w:rPr>
        <w:t xml:space="preserve">ND </w:t>
      </w:r>
      <w:r>
        <w:rPr>
          <w:b/>
        </w:rPr>
        <w:t>R</w:t>
      </w:r>
      <w:r>
        <w:rPr>
          <w:b/>
          <w:sz w:val="19"/>
          <w:szCs w:val="19"/>
        </w:rPr>
        <w:t xml:space="preserve">ISKS </w:t>
      </w:r>
      <w:r>
        <w:rPr>
          <w:b/>
        </w:rPr>
        <w:t>O</w:t>
      </w:r>
      <w:r>
        <w:rPr>
          <w:b/>
          <w:sz w:val="19"/>
          <w:szCs w:val="19"/>
        </w:rPr>
        <w:t xml:space="preserve">F </w:t>
      </w:r>
      <w:r>
        <w:rPr>
          <w:b/>
        </w:rPr>
        <w:t>R</w:t>
      </w:r>
      <w:r>
        <w:rPr>
          <w:b/>
          <w:sz w:val="19"/>
          <w:szCs w:val="19"/>
        </w:rPr>
        <w:t xml:space="preserve">ESTRUCTURING </w:t>
      </w:r>
      <w:r>
        <w:rPr>
          <w:b/>
        </w:rPr>
        <w:t>M</w:t>
      </w:r>
      <w:r>
        <w:rPr>
          <w:b/>
          <w:sz w:val="19"/>
          <w:szCs w:val="19"/>
        </w:rPr>
        <w:t xml:space="preserve">ECHANISMS </w:t>
      </w:r>
    </w:p>
    <w:p w14:paraId="6945FFE2" w14:textId="77777777" w:rsidR="00CF54CB" w:rsidRDefault="00344004">
      <w:pPr>
        <w:spacing w:after="0" w:line="259" w:lineRule="auto"/>
        <w:ind w:left="91" w:firstLine="0"/>
        <w:jc w:val="left"/>
      </w:pPr>
      <w:r>
        <w:rPr>
          <w:b/>
          <w:sz w:val="23"/>
          <w:szCs w:val="23"/>
        </w:rPr>
        <w:t xml:space="preserve"> </w:t>
      </w:r>
    </w:p>
    <w:p w14:paraId="3D766A6A" w14:textId="77777777" w:rsidR="00CF54CB" w:rsidRDefault="00344004">
      <w:pPr>
        <w:ind w:left="105" w:right="396" w:firstLine="6"/>
      </w:pPr>
      <w:r>
        <w:t xml:space="preserve">In many non-U.S. jurisdictions, mechanisms are available for the restructuring of insurers and reinsurers short of formal rehabilitation or liquidation proceedings. A distinction should be drawn between restructuring in the face of potential insolvency (the focus of this paper) and restructuring as a business strategy not in response to immediate solvency concerns. In the latter case, there is little justification for compromising policyholder interests, and regulatory schemes typically do not permit that result. It is in the face of a potential insolvency that restructuring can present a meaningful dilemma. </w:t>
      </w:r>
    </w:p>
    <w:p w14:paraId="02DD367C" w14:textId="77777777" w:rsidR="00CF54CB" w:rsidRDefault="00344004">
      <w:pPr>
        <w:spacing w:after="0" w:line="259" w:lineRule="auto"/>
        <w:ind w:left="91" w:firstLine="0"/>
        <w:jc w:val="left"/>
      </w:pPr>
      <w:r>
        <w:rPr>
          <w:sz w:val="23"/>
          <w:szCs w:val="23"/>
        </w:rPr>
        <w:t xml:space="preserve"> </w:t>
      </w:r>
    </w:p>
    <w:p w14:paraId="7B7FDB94" w14:textId="77777777" w:rsidR="00CF54CB" w:rsidRDefault="00344004">
      <w:pPr>
        <w:ind w:left="105" w:right="396" w:firstLine="6"/>
      </w:pPr>
      <w:r>
        <w:t xml:space="preserve">On the one hand, restructuring mechanisms can be advantageous when compared to rehabilitation or liquidation proceedings in three key respects: </w:t>
      </w:r>
    </w:p>
    <w:p w14:paraId="7317C73C" w14:textId="77777777" w:rsidR="00CF54CB" w:rsidRDefault="00344004">
      <w:pPr>
        <w:spacing w:after="0" w:line="259" w:lineRule="auto"/>
        <w:ind w:left="91" w:firstLine="0"/>
        <w:jc w:val="left"/>
      </w:pPr>
      <w:r>
        <w:t xml:space="preserve"> </w:t>
      </w:r>
    </w:p>
    <w:p w14:paraId="72432D20" w14:textId="77777777" w:rsidR="00CF54CB" w:rsidRDefault="00344004">
      <w:pPr>
        <w:numPr>
          <w:ilvl w:val="3"/>
          <w:numId w:val="13"/>
        </w:numPr>
        <w:ind w:right="699" w:hanging="365"/>
        <w:jc w:val="left"/>
      </w:pPr>
      <w:r>
        <w:t xml:space="preserve">Such mechanisms typically offer at least a realistic prospect of a faster resolution of the underlying financial challenge. </w:t>
      </w:r>
    </w:p>
    <w:p w14:paraId="162706DC" w14:textId="77777777" w:rsidR="00CF54CB" w:rsidRDefault="00344004">
      <w:pPr>
        <w:spacing w:after="0" w:line="259" w:lineRule="auto"/>
        <w:ind w:left="91" w:firstLine="0"/>
        <w:jc w:val="left"/>
      </w:pPr>
      <w:r>
        <w:t xml:space="preserve"> </w:t>
      </w:r>
    </w:p>
    <w:p w14:paraId="723EDE7D" w14:textId="77777777" w:rsidR="00CF54CB" w:rsidRDefault="00344004">
      <w:pPr>
        <w:numPr>
          <w:ilvl w:val="3"/>
          <w:numId w:val="13"/>
        </w:numPr>
        <w:ind w:right="699" w:hanging="365"/>
        <w:jc w:val="left"/>
      </w:pPr>
      <w:r>
        <w:t xml:space="preserve">Often, these mechanisms are cheaper and therefore consume fewer scarce resources in the implementation of the process itself. </w:t>
      </w:r>
    </w:p>
    <w:p w14:paraId="70EA66EE" w14:textId="77777777" w:rsidR="00CF54CB" w:rsidRDefault="00344004">
      <w:pPr>
        <w:spacing w:after="0" w:line="259" w:lineRule="auto"/>
        <w:ind w:left="91" w:firstLine="0"/>
        <w:jc w:val="left"/>
      </w:pPr>
      <w:r>
        <w:t xml:space="preserve"> </w:t>
      </w:r>
    </w:p>
    <w:p w14:paraId="6B7BACAC" w14:textId="77777777" w:rsidR="00CF54CB" w:rsidRDefault="00344004">
      <w:pPr>
        <w:numPr>
          <w:ilvl w:val="3"/>
          <w:numId w:val="13"/>
        </w:numPr>
        <w:ind w:right="699" w:hanging="365"/>
        <w:jc w:val="left"/>
      </w:pPr>
      <w:r>
        <w:t xml:space="preserve">Often these mechanisms serve to preserve coverage that might otherwise have to be terminated in the context of formal proceedings. </w:t>
      </w:r>
    </w:p>
    <w:p w14:paraId="029C3833" w14:textId="77777777" w:rsidR="00CF54CB" w:rsidRDefault="00344004">
      <w:pPr>
        <w:spacing w:after="0" w:line="259" w:lineRule="auto"/>
        <w:ind w:left="91" w:firstLine="0"/>
        <w:jc w:val="left"/>
      </w:pPr>
      <w:r>
        <w:t xml:space="preserve"> </w:t>
      </w:r>
    </w:p>
    <w:p w14:paraId="3E24BDCA" w14:textId="77777777" w:rsidR="00CF54CB" w:rsidRDefault="00344004">
      <w:pPr>
        <w:ind w:left="105" w:right="396" w:firstLine="6"/>
      </w:pPr>
      <w:r>
        <w:t xml:space="preserve">On the other hand, there can be some serious draw-backs in these alternative schemes. The next subsection considers key factors in more detail. However, the principal concerns that may arise in the context of these alternatives include: </w:t>
      </w:r>
    </w:p>
    <w:p w14:paraId="2291D03E" w14:textId="77777777" w:rsidR="00CF54CB" w:rsidRDefault="00344004">
      <w:pPr>
        <w:spacing w:after="0" w:line="259" w:lineRule="auto"/>
        <w:ind w:left="91" w:firstLine="0"/>
        <w:jc w:val="left"/>
      </w:pPr>
      <w:r>
        <w:t xml:space="preserve"> </w:t>
      </w:r>
    </w:p>
    <w:p w14:paraId="4EEEAD8B" w14:textId="77777777" w:rsidR="00CF54CB" w:rsidRDefault="00344004">
      <w:pPr>
        <w:numPr>
          <w:ilvl w:val="3"/>
          <w:numId w:val="29"/>
        </w:numPr>
        <w:ind w:right="396" w:hanging="360"/>
      </w:pPr>
      <w:r>
        <w:t xml:space="preserve">Reduced regulatory and judicial oversight resulting in diminished policyholder protection. </w:t>
      </w:r>
    </w:p>
    <w:p w14:paraId="3584913A" w14:textId="77777777" w:rsidR="00CF54CB" w:rsidRDefault="00344004">
      <w:pPr>
        <w:spacing w:after="0" w:line="259" w:lineRule="auto"/>
        <w:ind w:left="91" w:firstLine="0"/>
        <w:jc w:val="left"/>
      </w:pPr>
      <w:r>
        <w:t xml:space="preserve"> </w:t>
      </w:r>
    </w:p>
    <w:p w14:paraId="39C42ED8" w14:textId="77777777" w:rsidR="00CF54CB" w:rsidRDefault="00344004">
      <w:pPr>
        <w:numPr>
          <w:ilvl w:val="3"/>
          <w:numId w:val="29"/>
        </w:numPr>
        <w:ind w:right="396" w:hanging="360"/>
      </w:pPr>
      <w:r>
        <w:t xml:space="preserve">Greater likelihood that policyholder interests will be compromised for the sake of other constituencies, such as owners, managers, and other creditors. </w:t>
      </w:r>
    </w:p>
    <w:p w14:paraId="3645E6F7" w14:textId="77777777" w:rsidR="00CF54CB" w:rsidRDefault="00344004">
      <w:pPr>
        <w:spacing w:after="0" w:line="259" w:lineRule="auto"/>
        <w:ind w:left="91" w:firstLine="0"/>
        <w:jc w:val="left"/>
      </w:pPr>
      <w:r>
        <w:lastRenderedPageBreak/>
        <w:t xml:space="preserve"> </w:t>
      </w:r>
    </w:p>
    <w:p w14:paraId="32BA6B0C" w14:textId="77777777" w:rsidR="00CF54CB" w:rsidRDefault="00344004">
      <w:pPr>
        <w:numPr>
          <w:ilvl w:val="3"/>
          <w:numId w:val="29"/>
        </w:numPr>
        <w:ind w:right="396" w:hanging="360"/>
      </w:pPr>
      <w:r>
        <w:t xml:space="preserve">The probability that policyholders will have less influence in the process and a diminished ability to protect themselves from potentially adverse outcomes. </w:t>
      </w:r>
    </w:p>
    <w:p w14:paraId="34A9729E" w14:textId="77777777" w:rsidR="00CF54CB" w:rsidRDefault="00344004">
      <w:pPr>
        <w:spacing w:after="10" w:line="259" w:lineRule="auto"/>
        <w:ind w:left="91" w:firstLine="0"/>
        <w:jc w:val="left"/>
      </w:pPr>
      <w:r>
        <w:t xml:space="preserve"> </w:t>
      </w:r>
    </w:p>
    <w:p w14:paraId="639EE745" w14:textId="77777777" w:rsidR="00CF54CB" w:rsidRDefault="00344004">
      <w:pPr>
        <w:numPr>
          <w:ilvl w:val="2"/>
          <w:numId w:val="13"/>
        </w:numPr>
        <w:spacing w:after="4" w:line="265" w:lineRule="auto"/>
        <w:ind w:right="56" w:hanging="360"/>
        <w:jc w:val="left"/>
      </w:pPr>
      <w:r>
        <w:rPr>
          <w:b/>
        </w:rPr>
        <w:t>K</w:t>
      </w:r>
      <w:r>
        <w:rPr>
          <w:b/>
          <w:sz w:val="19"/>
          <w:szCs w:val="19"/>
        </w:rPr>
        <w:t xml:space="preserve">EY </w:t>
      </w:r>
      <w:r>
        <w:rPr>
          <w:b/>
        </w:rPr>
        <w:t>C</w:t>
      </w:r>
      <w:r>
        <w:rPr>
          <w:b/>
          <w:sz w:val="19"/>
          <w:szCs w:val="19"/>
        </w:rPr>
        <w:t xml:space="preserve">ONSIDERATIONS </w:t>
      </w:r>
    </w:p>
    <w:p w14:paraId="621B3408" w14:textId="77777777" w:rsidR="00CF54CB" w:rsidRDefault="00344004">
      <w:pPr>
        <w:spacing w:after="0" w:line="259" w:lineRule="auto"/>
        <w:ind w:left="91" w:firstLine="0"/>
        <w:jc w:val="left"/>
      </w:pPr>
      <w:r>
        <w:rPr>
          <w:b/>
          <w:sz w:val="23"/>
          <w:szCs w:val="23"/>
        </w:rPr>
        <w:t xml:space="preserve"> </w:t>
      </w:r>
    </w:p>
    <w:p w14:paraId="48A7FB4F" w14:textId="77777777" w:rsidR="00CF54CB" w:rsidRDefault="00344004">
      <w:pPr>
        <w:ind w:left="105" w:right="396" w:firstLine="6"/>
      </w:pPr>
      <w:r>
        <w:t xml:space="preserve">In the U.S., state insurance regulators are accustomed to the fundamental principle that the interests of policyholders (used here as including insureds), especially consumers, should take precedence over those of unsecured non-policyholder creditors. This principle is not mandated in non-insurer bankruptcies in the U.S. and may not have the same importance in non-U.S. jurisdictions. It is helpful to identify the likely principal interests of policyholders (including insureds), as they may be affected in insurer restructuring. </w:t>
      </w:r>
    </w:p>
    <w:p w14:paraId="6F60EED2" w14:textId="77777777" w:rsidR="00CF54CB" w:rsidRDefault="00344004">
      <w:pPr>
        <w:spacing w:after="0" w:line="259" w:lineRule="auto"/>
        <w:ind w:left="91" w:firstLine="0"/>
        <w:jc w:val="left"/>
      </w:pPr>
      <w:r>
        <w:t xml:space="preserve"> </w:t>
      </w:r>
    </w:p>
    <w:p w14:paraId="74B6E86B" w14:textId="77777777" w:rsidR="00CF54CB" w:rsidRDefault="00344004">
      <w:pPr>
        <w:ind w:left="105" w:right="396" w:firstLine="6"/>
      </w:pPr>
      <w:r>
        <w:t xml:space="preserve">In addition, this subsection will identify key considerations for reinsureds and creditors when a non-U.S. reinsurer restructures. The treatment of reinsureds is the primary consideration; however, a proper restructuring plan will keep tax authorities and other creditors informed as well. While the nature of the reinsured/reinsurer (sometimes referred to as cedent/assuming company) relationship invokes many of the same key considerations—because typically reinsureds are sophisticated business entities rather than individual consumers—slight differences may arise. </w:t>
      </w:r>
    </w:p>
    <w:p w14:paraId="27FF5413" w14:textId="77777777" w:rsidR="00CF54CB" w:rsidRDefault="00344004">
      <w:pPr>
        <w:spacing w:after="14" w:line="259" w:lineRule="auto"/>
        <w:ind w:left="91" w:firstLine="0"/>
        <w:jc w:val="left"/>
      </w:pPr>
      <w:r>
        <w:rPr>
          <w:sz w:val="23"/>
          <w:szCs w:val="23"/>
        </w:rPr>
        <w:t xml:space="preserve"> </w:t>
      </w:r>
    </w:p>
    <w:p w14:paraId="0949127B" w14:textId="77777777" w:rsidR="00CF54CB" w:rsidRDefault="00344004">
      <w:pPr>
        <w:numPr>
          <w:ilvl w:val="3"/>
          <w:numId w:val="13"/>
        </w:numPr>
        <w:spacing w:after="3" w:line="266" w:lineRule="auto"/>
        <w:ind w:right="699" w:hanging="365"/>
        <w:jc w:val="left"/>
      </w:pPr>
      <w:r>
        <w:t>R</w:t>
      </w:r>
      <w:r>
        <w:rPr>
          <w:sz w:val="19"/>
          <w:szCs w:val="19"/>
        </w:rPr>
        <w:t xml:space="preserve">IGHT OF </w:t>
      </w:r>
      <w:r>
        <w:t>P</w:t>
      </w:r>
      <w:r>
        <w:rPr>
          <w:sz w:val="19"/>
          <w:szCs w:val="19"/>
        </w:rPr>
        <w:t xml:space="preserve">AYMENT </w:t>
      </w:r>
    </w:p>
    <w:p w14:paraId="5356A74A" w14:textId="77777777" w:rsidR="00CF54CB" w:rsidRDefault="00344004">
      <w:pPr>
        <w:spacing w:after="0" w:line="259" w:lineRule="auto"/>
        <w:ind w:left="91" w:firstLine="0"/>
        <w:jc w:val="left"/>
      </w:pPr>
      <w:r>
        <w:t xml:space="preserve"> </w:t>
      </w:r>
    </w:p>
    <w:p w14:paraId="3E5C9AF9" w14:textId="77777777" w:rsidR="00CF54CB" w:rsidRDefault="00344004">
      <w:pPr>
        <w:ind w:left="105" w:right="396" w:firstLine="6"/>
      </w:pPr>
      <w:r>
        <w:t xml:space="preserve">Not surprisingly, the principal interest of policyholders is likely to be assurance that claims (perhaps including those for return of unearned premium) will be paid promptly and in full. With the arguable exception of continuation of coverage, it is likely that policyholders’ other interests (discussed below) are derivative of and ancillary to payment concerns. </w:t>
      </w:r>
    </w:p>
    <w:p w14:paraId="01B21B2D" w14:textId="77777777" w:rsidR="00CF54CB" w:rsidRDefault="00344004">
      <w:pPr>
        <w:spacing w:after="0" w:line="259" w:lineRule="auto"/>
        <w:ind w:left="91" w:firstLine="0"/>
        <w:jc w:val="left"/>
      </w:pPr>
      <w:r>
        <w:t xml:space="preserve"> </w:t>
      </w:r>
    </w:p>
    <w:p w14:paraId="28C94339" w14:textId="77777777" w:rsidR="00CF54CB" w:rsidRDefault="00344004">
      <w:pPr>
        <w:ind w:left="105" w:right="396" w:firstLine="6"/>
      </w:pPr>
      <w:r>
        <w:t xml:space="preserve">The ability to obtain full payment of claims may turn on many factors, only some of which may be attributable to the nature of the proceeding. For example, the debtor’s financial condition will always be a key consideration, regardless of the nature of the proceeding. The nature of the claim will also be an important consideration. For example, policyholders making claims based on IBNR must rely on actuarial estimates, which can vary widely. Such policyholders face a risk that any payment under a restructuring plan would be insufficient to meet future liabilities. This section does not address such considerations, which—however important—are unrelated to the nature of the proceeding or the regulatory or supervisory scheme under which it operates. </w:t>
      </w:r>
    </w:p>
    <w:p w14:paraId="4C24AC30" w14:textId="77777777" w:rsidR="00CF54CB" w:rsidRDefault="00344004">
      <w:pPr>
        <w:spacing w:after="16" w:line="259" w:lineRule="auto"/>
        <w:ind w:left="91" w:firstLine="0"/>
        <w:jc w:val="left"/>
      </w:pPr>
      <w:r>
        <w:rPr>
          <w:sz w:val="23"/>
          <w:szCs w:val="23"/>
        </w:rPr>
        <w:t xml:space="preserve"> </w:t>
      </w:r>
    </w:p>
    <w:p w14:paraId="35EE8D0C" w14:textId="77777777" w:rsidR="00CF54CB" w:rsidRDefault="00344004">
      <w:pPr>
        <w:numPr>
          <w:ilvl w:val="3"/>
          <w:numId w:val="13"/>
        </w:numPr>
        <w:spacing w:after="3" w:line="266" w:lineRule="auto"/>
        <w:ind w:right="699" w:hanging="365"/>
        <w:jc w:val="left"/>
      </w:pPr>
      <w:r>
        <w:t>C</w:t>
      </w:r>
      <w:r>
        <w:rPr>
          <w:sz w:val="19"/>
          <w:szCs w:val="19"/>
        </w:rPr>
        <w:t xml:space="preserve">ONTINUATION OF </w:t>
      </w:r>
      <w:r>
        <w:t>C</w:t>
      </w:r>
      <w:r>
        <w:rPr>
          <w:sz w:val="19"/>
          <w:szCs w:val="19"/>
        </w:rPr>
        <w:t xml:space="preserve">OVERAGE </w:t>
      </w:r>
    </w:p>
    <w:p w14:paraId="1BA5D682" w14:textId="77777777" w:rsidR="00CF54CB" w:rsidRDefault="00344004">
      <w:pPr>
        <w:spacing w:after="0" w:line="259" w:lineRule="auto"/>
        <w:ind w:left="91" w:firstLine="0"/>
        <w:jc w:val="left"/>
      </w:pPr>
      <w:r>
        <w:t xml:space="preserve"> </w:t>
      </w:r>
    </w:p>
    <w:p w14:paraId="44230833" w14:textId="77777777" w:rsidR="00CF54CB" w:rsidRDefault="00344004">
      <w:pPr>
        <w:ind w:left="105" w:right="396" w:firstLine="6"/>
      </w:pPr>
      <w:r>
        <w:t xml:space="preserve">Under a variety of circumstances, it may be difficult for a policyholder to find acceptable coverage to replace that provided by the restructuring insurer. In the U.S., this interest is typically given more weight in the insurance rather than reinsurance context, and in the case of life accident and health insurance rather than in the context of property and casualty insurance. </w:t>
      </w:r>
    </w:p>
    <w:p w14:paraId="0EFE779A" w14:textId="77777777" w:rsidR="00CF54CB" w:rsidRDefault="00344004">
      <w:pPr>
        <w:spacing w:after="11" w:line="259" w:lineRule="auto"/>
        <w:ind w:left="91" w:firstLine="0"/>
        <w:jc w:val="left"/>
      </w:pPr>
      <w:r>
        <w:t xml:space="preserve"> </w:t>
      </w:r>
    </w:p>
    <w:p w14:paraId="533F1813" w14:textId="77777777" w:rsidR="00CF54CB" w:rsidRDefault="00344004">
      <w:pPr>
        <w:numPr>
          <w:ilvl w:val="3"/>
          <w:numId w:val="13"/>
        </w:numPr>
        <w:spacing w:after="3" w:line="266" w:lineRule="auto"/>
        <w:ind w:right="699" w:hanging="365"/>
        <w:jc w:val="left"/>
      </w:pPr>
      <w:r>
        <w:t>C</w:t>
      </w:r>
      <w:r>
        <w:rPr>
          <w:sz w:val="19"/>
          <w:szCs w:val="19"/>
        </w:rPr>
        <w:t xml:space="preserve">LAIM </w:t>
      </w:r>
      <w:r>
        <w:t>P</w:t>
      </w:r>
      <w:r>
        <w:rPr>
          <w:sz w:val="19"/>
          <w:szCs w:val="19"/>
        </w:rPr>
        <w:t xml:space="preserve">RIORITIES </w:t>
      </w:r>
    </w:p>
    <w:p w14:paraId="368B7588" w14:textId="77777777" w:rsidR="00CF54CB" w:rsidRDefault="00344004">
      <w:pPr>
        <w:spacing w:after="0" w:line="259" w:lineRule="auto"/>
        <w:ind w:left="91" w:firstLine="0"/>
        <w:jc w:val="left"/>
      </w:pPr>
      <w:r>
        <w:t xml:space="preserve"> </w:t>
      </w:r>
    </w:p>
    <w:p w14:paraId="1F28BA13" w14:textId="77777777" w:rsidR="00CF54CB" w:rsidRDefault="00344004">
      <w:pPr>
        <w:ind w:left="105" w:right="396" w:firstLine="6"/>
      </w:pPr>
      <w:r>
        <w:t xml:space="preserve">As noted, we are accustomed in the U.S. to the supremacy of policyholders over other unsecured creditors. This priority is critically important when available assets may not suffice to discharge fully all liabilities </w:t>
      </w:r>
      <w:r>
        <w:lastRenderedPageBreak/>
        <w:t xml:space="preserve">of the insurer. Of course, in insurer insolvencies, typically the category of general creditors includes most notably reinsureds. Thus, the interests of reinsureds and policyholders, treated as congruent in much of this section, may be very divergent in particular circumstances. Policyholder priority may not be observed as strictly, or at all, in other jurisdictions. </w:t>
      </w:r>
    </w:p>
    <w:p w14:paraId="7877324E" w14:textId="77777777" w:rsidR="00CF54CB" w:rsidRDefault="00344004">
      <w:pPr>
        <w:spacing w:after="8" w:line="259" w:lineRule="auto"/>
        <w:ind w:left="91" w:firstLine="0"/>
        <w:jc w:val="left"/>
      </w:pPr>
      <w:r>
        <w:t xml:space="preserve"> </w:t>
      </w:r>
    </w:p>
    <w:p w14:paraId="0FD1DE83" w14:textId="77777777" w:rsidR="00CF54CB" w:rsidRDefault="00344004">
      <w:pPr>
        <w:numPr>
          <w:ilvl w:val="3"/>
          <w:numId w:val="13"/>
        </w:numPr>
        <w:spacing w:after="3" w:line="266" w:lineRule="auto"/>
        <w:ind w:right="699" w:hanging="365"/>
        <w:jc w:val="left"/>
      </w:pPr>
      <w:r>
        <w:t>G</w:t>
      </w:r>
      <w:r>
        <w:rPr>
          <w:sz w:val="19"/>
          <w:szCs w:val="19"/>
        </w:rPr>
        <w:t xml:space="preserve">UARANTY </w:t>
      </w:r>
      <w:r>
        <w:t>A</w:t>
      </w:r>
      <w:r>
        <w:rPr>
          <w:sz w:val="19"/>
          <w:szCs w:val="19"/>
        </w:rPr>
        <w:t xml:space="preserve">SSOCIATION </w:t>
      </w:r>
      <w:r>
        <w:t>C</w:t>
      </w:r>
      <w:r>
        <w:rPr>
          <w:sz w:val="19"/>
          <w:szCs w:val="19"/>
        </w:rPr>
        <w:t xml:space="preserve">OVERAGE </w:t>
      </w:r>
    </w:p>
    <w:p w14:paraId="01520AF4" w14:textId="77777777" w:rsidR="00CF54CB" w:rsidRDefault="00344004">
      <w:pPr>
        <w:spacing w:after="0" w:line="259" w:lineRule="auto"/>
        <w:ind w:left="91" w:firstLine="0"/>
        <w:jc w:val="left"/>
      </w:pPr>
      <w:r>
        <w:t xml:space="preserve"> </w:t>
      </w:r>
    </w:p>
    <w:p w14:paraId="437AF16E" w14:textId="77777777" w:rsidR="00CF54CB" w:rsidRDefault="00344004">
      <w:pPr>
        <w:ind w:left="105" w:right="396" w:firstLine="6"/>
      </w:pPr>
      <w:r>
        <w:t xml:space="preserve">Over the last four decades the U.S. insurance sector has implemented nearly universal guaranty fund mechanisms, providing at least basic protection for the insureds of most failed insurers. There are, of course, notable exceptions like HMOs, risk retention groups, surplus lines carriers and certain lines (separate account annuities, fiduciary bonds, etc.) in the main; however, this “safety net” serves to soften the impact of insurer failure and effectively provides a standard against which are measured the anticipated results of restructuring. Most non-U.S. jurisdictions have not implemented nearly as comprehensive an insolvency protection scheme. The guaranty association mechanism is typically not available to reinsureds in the U.S. or elsewhere. </w:t>
      </w:r>
    </w:p>
    <w:p w14:paraId="5E8CEB0B" w14:textId="77777777" w:rsidR="00CF54CB" w:rsidRDefault="00344004">
      <w:pPr>
        <w:spacing w:after="14" w:line="259" w:lineRule="auto"/>
        <w:ind w:left="91" w:firstLine="0"/>
        <w:jc w:val="left"/>
      </w:pPr>
      <w:r>
        <w:t xml:space="preserve"> </w:t>
      </w:r>
    </w:p>
    <w:p w14:paraId="5F21E162" w14:textId="77777777" w:rsidR="00CF54CB" w:rsidRDefault="00344004">
      <w:pPr>
        <w:numPr>
          <w:ilvl w:val="3"/>
          <w:numId w:val="13"/>
        </w:numPr>
        <w:spacing w:after="3" w:line="266" w:lineRule="auto"/>
        <w:ind w:right="699" w:hanging="365"/>
        <w:jc w:val="left"/>
      </w:pPr>
      <w:r>
        <w:t>R</w:t>
      </w:r>
      <w:r>
        <w:rPr>
          <w:sz w:val="19"/>
          <w:szCs w:val="19"/>
        </w:rPr>
        <w:t xml:space="preserve">IGHT TO </w:t>
      </w:r>
      <w:r>
        <w:t>V</w:t>
      </w:r>
      <w:r>
        <w:rPr>
          <w:sz w:val="19"/>
          <w:szCs w:val="19"/>
        </w:rPr>
        <w:t xml:space="preserve">OTE </w:t>
      </w:r>
    </w:p>
    <w:p w14:paraId="31D04505" w14:textId="77777777" w:rsidR="00CF54CB" w:rsidRDefault="00344004">
      <w:pPr>
        <w:spacing w:after="0" w:line="259" w:lineRule="auto"/>
        <w:ind w:left="91" w:firstLine="0"/>
        <w:jc w:val="left"/>
      </w:pPr>
      <w:r>
        <w:rPr>
          <w:sz w:val="23"/>
          <w:szCs w:val="23"/>
        </w:rPr>
        <w:t xml:space="preserve"> </w:t>
      </w:r>
    </w:p>
    <w:p w14:paraId="1DF4912F" w14:textId="77777777" w:rsidR="00CF54CB" w:rsidRDefault="00344004">
      <w:pPr>
        <w:ind w:left="105" w:right="396" w:firstLine="6"/>
      </w:pPr>
      <w:r>
        <w:t xml:space="preserve">Although largely foreign to U.S. insurer restructuring and insolvency proceedings, in other jurisdictions, policyholders may have a right to vote on the restructuring plan. Most often, however, that right exists when the plan does not require that policyholder contracts be fulfilled in their entirety. In such plans, policyholders whose claims consist of incurred but not reported losses may have different rights from policyholders who have unsettled paid claims or outstanding losses. </w:t>
      </w:r>
    </w:p>
    <w:p w14:paraId="4A726CAC" w14:textId="77777777" w:rsidR="00CF54CB" w:rsidRDefault="00344004">
      <w:pPr>
        <w:spacing w:after="8" w:line="259" w:lineRule="auto"/>
        <w:ind w:left="91" w:firstLine="0"/>
        <w:jc w:val="left"/>
      </w:pPr>
      <w:r>
        <w:t xml:space="preserve"> </w:t>
      </w:r>
    </w:p>
    <w:p w14:paraId="22BFEFF5" w14:textId="77777777" w:rsidR="00CF54CB" w:rsidRDefault="00344004">
      <w:pPr>
        <w:numPr>
          <w:ilvl w:val="3"/>
          <w:numId w:val="13"/>
        </w:numPr>
        <w:spacing w:after="3" w:line="266" w:lineRule="auto"/>
        <w:ind w:right="699" w:hanging="365"/>
        <w:jc w:val="left"/>
      </w:pPr>
      <w:r>
        <w:t>C</w:t>
      </w:r>
      <w:r>
        <w:rPr>
          <w:sz w:val="19"/>
          <w:szCs w:val="19"/>
        </w:rPr>
        <w:t xml:space="preserve">RAM </w:t>
      </w:r>
      <w:r>
        <w:t>D</w:t>
      </w:r>
      <w:r>
        <w:rPr>
          <w:sz w:val="19"/>
          <w:szCs w:val="19"/>
        </w:rPr>
        <w:t xml:space="preserve">OWN </w:t>
      </w:r>
    </w:p>
    <w:p w14:paraId="38654BF1" w14:textId="77777777" w:rsidR="00CF54CB" w:rsidRDefault="00344004">
      <w:pPr>
        <w:spacing w:after="0" w:line="259" w:lineRule="auto"/>
        <w:ind w:left="91" w:firstLine="0"/>
        <w:jc w:val="left"/>
      </w:pPr>
      <w:r>
        <w:t xml:space="preserve"> </w:t>
      </w:r>
    </w:p>
    <w:p w14:paraId="211F3066" w14:textId="77777777" w:rsidR="00CF54CB" w:rsidRDefault="00344004">
      <w:pPr>
        <w:ind w:left="105" w:right="396" w:firstLine="6"/>
      </w:pPr>
      <w:r>
        <w:t xml:space="preserve">In certain jurisdictions, it is possible for policyholders and reinsureds to be compelled to accept a restructuring plan that requires that they make economic concessions. The plan may require approval upon the votes of creditors, or it may simply require regulatory or court approval. This should be contrasted with U.S. laws, which typically do not permit restructuring plans in which policyholders’ interests are compromised for the benefit of non-policyholder creditors. </w:t>
      </w:r>
    </w:p>
    <w:p w14:paraId="44907659" w14:textId="77777777" w:rsidR="00CF54CB" w:rsidRDefault="00344004">
      <w:pPr>
        <w:spacing w:after="11" w:line="259" w:lineRule="auto"/>
        <w:ind w:left="91" w:firstLine="0"/>
        <w:jc w:val="left"/>
      </w:pPr>
      <w:r>
        <w:t xml:space="preserve"> </w:t>
      </w:r>
    </w:p>
    <w:p w14:paraId="7518FE22" w14:textId="77777777" w:rsidR="00CF54CB" w:rsidRDefault="00344004">
      <w:pPr>
        <w:numPr>
          <w:ilvl w:val="3"/>
          <w:numId w:val="13"/>
        </w:numPr>
        <w:spacing w:after="3" w:line="266" w:lineRule="auto"/>
        <w:ind w:right="699" w:hanging="365"/>
        <w:jc w:val="left"/>
      </w:pPr>
      <w:r>
        <w:t>V</w:t>
      </w:r>
      <w:r>
        <w:rPr>
          <w:sz w:val="19"/>
          <w:szCs w:val="19"/>
        </w:rPr>
        <w:t xml:space="preserve">OICE </w:t>
      </w:r>
      <w:r>
        <w:t>I</w:t>
      </w:r>
      <w:r>
        <w:rPr>
          <w:sz w:val="19"/>
          <w:szCs w:val="19"/>
        </w:rPr>
        <w:t xml:space="preserve">N </w:t>
      </w:r>
      <w:r>
        <w:t>R</w:t>
      </w:r>
      <w:r>
        <w:rPr>
          <w:sz w:val="19"/>
          <w:szCs w:val="19"/>
        </w:rPr>
        <w:t xml:space="preserve">EPLACEMENT </w:t>
      </w:r>
    </w:p>
    <w:p w14:paraId="5ADA5B55" w14:textId="77777777" w:rsidR="00CF54CB" w:rsidRDefault="00344004">
      <w:pPr>
        <w:spacing w:after="0" w:line="259" w:lineRule="auto"/>
        <w:ind w:left="91" w:firstLine="0"/>
        <w:jc w:val="left"/>
      </w:pPr>
      <w:r>
        <w:t xml:space="preserve"> </w:t>
      </w:r>
    </w:p>
    <w:p w14:paraId="05EEA4D3" w14:textId="77777777" w:rsidR="00CF54CB" w:rsidRDefault="00344004">
      <w:pPr>
        <w:ind w:left="105" w:right="396" w:firstLine="6"/>
      </w:pPr>
      <w:r>
        <w:t xml:space="preserve">The restructuring plan may entail coverages being transferred to other insurers or reinsurers with whom policyholders and reinsureds had no relationship. In some cases (including instances in the U.S.), policyholders and reinsureds may have little discretion in the transaction (except potentially non- payment of premium and forfeiture of coverage). </w:t>
      </w:r>
    </w:p>
    <w:p w14:paraId="2F35D712" w14:textId="77777777" w:rsidR="00CF54CB" w:rsidRDefault="00344004">
      <w:pPr>
        <w:spacing w:after="15" w:line="259" w:lineRule="auto"/>
        <w:ind w:left="91" w:firstLine="0"/>
        <w:jc w:val="left"/>
      </w:pPr>
      <w:r>
        <w:rPr>
          <w:sz w:val="23"/>
          <w:szCs w:val="23"/>
        </w:rPr>
        <w:t xml:space="preserve"> </w:t>
      </w:r>
    </w:p>
    <w:p w14:paraId="3F888BA8" w14:textId="77777777" w:rsidR="00CF54CB" w:rsidRDefault="00344004">
      <w:pPr>
        <w:numPr>
          <w:ilvl w:val="3"/>
          <w:numId w:val="13"/>
        </w:numPr>
        <w:spacing w:after="3" w:line="266" w:lineRule="auto"/>
        <w:ind w:right="699" w:hanging="365"/>
        <w:jc w:val="left"/>
      </w:pPr>
      <w:r>
        <w:t>T</w:t>
      </w:r>
      <w:r>
        <w:rPr>
          <w:sz w:val="19"/>
          <w:szCs w:val="19"/>
        </w:rPr>
        <w:t xml:space="preserve">RANSPARENCY </w:t>
      </w:r>
    </w:p>
    <w:p w14:paraId="746275C2" w14:textId="77777777" w:rsidR="00CF54CB" w:rsidRDefault="00344004">
      <w:pPr>
        <w:spacing w:after="0" w:line="259" w:lineRule="auto"/>
        <w:ind w:left="91" w:firstLine="0"/>
        <w:jc w:val="left"/>
      </w:pPr>
      <w:r>
        <w:t xml:space="preserve"> </w:t>
      </w:r>
    </w:p>
    <w:p w14:paraId="004C897E" w14:textId="77777777" w:rsidR="00CF54CB" w:rsidRDefault="00344004">
      <w:pPr>
        <w:ind w:left="105" w:right="396" w:firstLine="6"/>
      </w:pPr>
      <w:r>
        <w:t xml:space="preserve">The ability of creditors, including policyholders or reinsureds, to obtain information about the proceeding, and the financial factors upon which key decisions will be based, varies considerably from jurisdiction to jurisdiction. Access to relevant information, however, is often the essential first step in policyholders’ ability to protect their interest in a restructuring. </w:t>
      </w:r>
    </w:p>
    <w:p w14:paraId="13435D8D" w14:textId="77777777" w:rsidR="00CF54CB" w:rsidRDefault="00344004">
      <w:pPr>
        <w:spacing w:after="8" w:line="259" w:lineRule="auto"/>
        <w:ind w:left="91" w:firstLine="0"/>
        <w:jc w:val="left"/>
      </w:pPr>
      <w:r>
        <w:t xml:space="preserve"> </w:t>
      </w:r>
    </w:p>
    <w:p w14:paraId="1A68953C" w14:textId="77777777" w:rsidR="00CF54CB" w:rsidRDefault="00344004">
      <w:pPr>
        <w:numPr>
          <w:ilvl w:val="3"/>
          <w:numId w:val="13"/>
        </w:numPr>
        <w:spacing w:after="3" w:line="266" w:lineRule="auto"/>
        <w:ind w:right="699" w:hanging="365"/>
        <w:jc w:val="left"/>
      </w:pPr>
      <w:r>
        <w:lastRenderedPageBreak/>
        <w:t>A</w:t>
      </w:r>
      <w:r>
        <w:rPr>
          <w:sz w:val="19"/>
          <w:szCs w:val="19"/>
        </w:rPr>
        <w:t xml:space="preserve">CCOUNTABILITY </w:t>
      </w:r>
    </w:p>
    <w:p w14:paraId="3931EAAE" w14:textId="77777777" w:rsidR="00CF54CB" w:rsidRDefault="00344004">
      <w:pPr>
        <w:spacing w:after="0" w:line="259" w:lineRule="auto"/>
        <w:ind w:left="91" w:firstLine="0"/>
        <w:jc w:val="left"/>
      </w:pPr>
      <w:r>
        <w:t xml:space="preserve"> </w:t>
      </w:r>
    </w:p>
    <w:p w14:paraId="4B04F6F9" w14:textId="77777777" w:rsidR="00CF54CB" w:rsidRDefault="00344004">
      <w:pPr>
        <w:ind w:left="105" w:right="396" w:firstLine="6"/>
      </w:pPr>
      <w:r>
        <w:t xml:space="preserve">The individual or entity responsible for managing the restructuring may be a private practitioner engaged by the restructuring entity’s management, a group of creditors, or a regulatory authority. Alternatively, the process may be placed in the hands of a public official. The degree to which the individual or entity in charge of the process is accountable to a superior or independent authority can be critically important in ensuring the fairness and efficacy of the process. In those instances in which oversight consists principally of court supervision, the independence of the tribunal is important, as is the degree to which interested parties have access to that tribunal. </w:t>
      </w:r>
    </w:p>
    <w:p w14:paraId="188391BD" w14:textId="77777777" w:rsidR="00CF54CB" w:rsidRDefault="00344004">
      <w:pPr>
        <w:spacing w:after="9" w:line="259" w:lineRule="auto"/>
        <w:ind w:left="91" w:firstLine="0"/>
        <w:jc w:val="left"/>
      </w:pPr>
      <w:r>
        <w:t xml:space="preserve"> </w:t>
      </w:r>
    </w:p>
    <w:p w14:paraId="0A7ACCFD" w14:textId="77777777" w:rsidR="00CF54CB" w:rsidRDefault="00344004">
      <w:pPr>
        <w:numPr>
          <w:ilvl w:val="3"/>
          <w:numId w:val="13"/>
        </w:numPr>
        <w:spacing w:after="3" w:line="266" w:lineRule="auto"/>
        <w:ind w:right="699" w:hanging="365"/>
        <w:jc w:val="left"/>
      </w:pPr>
      <w:r>
        <w:t>R</w:t>
      </w:r>
      <w:r>
        <w:rPr>
          <w:sz w:val="19"/>
          <w:szCs w:val="19"/>
        </w:rPr>
        <w:t xml:space="preserve">EGULATORY </w:t>
      </w:r>
      <w:r>
        <w:t>P</w:t>
      </w:r>
      <w:r>
        <w:rPr>
          <w:sz w:val="19"/>
          <w:szCs w:val="19"/>
        </w:rPr>
        <w:t xml:space="preserve">ROTECTION </w:t>
      </w:r>
    </w:p>
    <w:p w14:paraId="2416CAC5" w14:textId="77777777" w:rsidR="00CF54CB" w:rsidRDefault="00344004">
      <w:pPr>
        <w:spacing w:after="0" w:line="259" w:lineRule="auto"/>
        <w:ind w:left="91" w:firstLine="0"/>
        <w:jc w:val="left"/>
      </w:pPr>
      <w:r>
        <w:t xml:space="preserve"> </w:t>
      </w:r>
    </w:p>
    <w:p w14:paraId="196DBEA3" w14:textId="77777777" w:rsidR="00CF54CB" w:rsidRDefault="00344004">
      <w:pPr>
        <w:ind w:left="105" w:right="396" w:firstLine="6"/>
      </w:pPr>
      <w:r>
        <w:t xml:space="preserve">In some jurisdictions (including the U.S.) statutory or common law (judicial decision) standards govern the manner in which an insurer may be restructured. They range from fundamental constitutional protections against the taking of property without due process to specific thresholds that must be satisfied before a Rehabilitation Plan can be approved. The availability of such protections </w:t>
      </w:r>
      <w:r>
        <w:rPr>
          <w:u w:val="single"/>
        </w:rPr>
        <w:t>and</w:t>
      </w:r>
      <w:r>
        <w:t xml:space="preserve"> of viable enforcement mechanisms (such as an empowered administrative agency) are generally key to the prospect of a meaningful recovery or protection for policyholders and reinsureds. </w:t>
      </w:r>
    </w:p>
    <w:p w14:paraId="2237293E" w14:textId="77777777" w:rsidR="00CF54CB" w:rsidRDefault="00344004">
      <w:pPr>
        <w:spacing w:after="14" w:line="259" w:lineRule="auto"/>
        <w:ind w:left="91" w:firstLine="0"/>
        <w:jc w:val="left"/>
      </w:pPr>
      <w:r>
        <w:t xml:space="preserve"> </w:t>
      </w:r>
    </w:p>
    <w:p w14:paraId="3935E194" w14:textId="77777777" w:rsidR="00CF54CB" w:rsidRDefault="00344004">
      <w:pPr>
        <w:numPr>
          <w:ilvl w:val="3"/>
          <w:numId w:val="13"/>
        </w:numPr>
        <w:spacing w:after="3" w:line="266" w:lineRule="auto"/>
        <w:ind w:right="699" w:hanging="365"/>
        <w:jc w:val="left"/>
      </w:pPr>
      <w:r>
        <w:t>E</w:t>
      </w:r>
      <w:r>
        <w:rPr>
          <w:sz w:val="19"/>
          <w:szCs w:val="19"/>
        </w:rPr>
        <w:t xml:space="preserve">NFORCEMENT IN THE </w:t>
      </w:r>
      <w:r>
        <w:t>U</w:t>
      </w:r>
      <w:r>
        <w:rPr>
          <w:sz w:val="19"/>
          <w:szCs w:val="19"/>
        </w:rPr>
        <w:t xml:space="preserve">NITED </w:t>
      </w:r>
      <w:r>
        <w:t>S</w:t>
      </w:r>
      <w:r>
        <w:rPr>
          <w:sz w:val="19"/>
          <w:szCs w:val="19"/>
        </w:rPr>
        <w:t xml:space="preserve">TATES </w:t>
      </w:r>
    </w:p>
    <w:p w14:paraId="631BAB21" w14:textId="77777777" w:rsidR="00CF54CB" w:rsidRDefault="00344004">
      <w:pPr>
        <w:spacing w:after="0" w:line="259" w:lineRule="auto"/>
        <w:ind w:left="91" w:firstLine="0"/>
        <w:jc w:val="left"/>
      </w:pPr>
      <w:r>
        <w:rPr>
          <w:sz w:val="23"/>
          <w:szCs w:val="23"/>
        </w:rPr>
        <w:t xml:space="preserve"> </w:t>
      </w:r>
    </w:p>
    <w:p w14:paraId="3780EBF4" w14:textId="77777777" w:rsidR="00CF54CB" w:rsidRDefault="00344004">
      <w:pPr>
        <w:ind w:left="105" w:right="396" w:firstLine="6"/>
      </w:pPr>
      <w:r>
        <w:t xml:space="preserve">Non-U.S. restructuring plans have been enforced by the U.S. courts under Chapter 15 of the United States Bankruptcy Code. Chapter 15 governs cross-border insolvencies and is a framework whereby representatives in corporate restructuring procedures outside the U.S. can obtain access to U.S. courts. Chapter 15 permits a U.S. bankruptcy court to cooperate with a foreign procedure in which assets and affairs of the debtors are “subject to control or supervision by a foreign court, for the purpose of reorganization or liquidation.” Recent Bankruptcy Act amendments resulting in the current form of this provision were intended in part to bring U.S. law into greater harmony with the provisions adopted by the United Nations Commission on International Trade Law (UNCITRAL) and observed throughout much of the world. Applicability of these rules can be complex and often commences with a determination of which jurisdiction’s proceeding will control. The emerging trend is to defer to the jurisdiction in which lies the Center of Main Interest (COMI). However, it is important to note that the COMI may not necessarily be the domiciliary jurisdiction of the insolvent, and cases applying this principle sometimes reach puzzling results. While further discussion of these issues is beyond the scope of this section, the subject merits careful attention when applicable. </w:t>
      </w:r>
    </w:p>
    <w:p w14:paraId="67E8B6BF" w14:textId="77777777" w:rsidR="00CF54CB" w:rsidRDefault="00344004">
      <w:pPr>
        <w:spacing w:after="10" w:line="259" w:lineRule="auto"/>
        <w:ind w:left="91" w:firstLine="0"/>
        <w:jc w:val="left"/>
      </w:pPr>
      <w:r>
        <w:t xml:space="preserve"> </w:t>
      </w:r>
    </w:p>
    <w:p w14:paraId="65B7A5AF" w14:textId="77777777" w:rsidR="00CF54CB" w:rsidRDefault="00344004">
      <w:pPr>
        <w:numPr>
          <w:ilvl w:val="3"/>
          <w:numId w:val="13"/>
        </w:numPr>
        <w:spacing w:after="3" w:line="266" w:lineRule="auto"/>
        <w:ind w:right="699" w:hanging="365"/>
        <w:jc w:val="left"/>
      </w:pPr>
      <w:r>
        <w:t>S</w:t>
      </w:r>
      <w:r>
        <w:rPr>
          <w:sz w:val="19"/>
          <w:szCs w:val="19"/>
        </w:rPr>
        <w:t xml:space="preserve">TANDING </w:t>
      </w:r>
      <w:r>
        <w:t>T</w:t>
      </w:r>
      <w:r>
        <w:rPr>
          <w:sz w:val="19"/>
          <w:szCs w:val="19"/>
        </w:rPr>
        <w:t xml:space="preserve">O </w:t>
      </w:r>
      <w:r>
        <w:t>A</w:t>
      </w:r>
      <w:r>
        <w:rPr>
          <w:sz w:val="19"/>
          <w:szCs w:val="19"/>
        </w:rPr>
        <w:t xml:space="preserve">PPEAR </w:t>
      </w:r>
    </w:p>
    <w:p w14:paraId="515C24C8" w14:textId="77777777" w:rsidR="00CF54CB" w:rsidRDefault="00344004">
      <w:pPr>
        <w:spacing w:after="0" w:line="259" w:lineRule="auto"/>
        <w:ind w:left="91" w:firstLine="0"/>
        <w:jc w:val="left"/>
      </w:pPr>
      <w:r>
        <w:t xml:space="preserve"> </w:t>
      </w:r>
    </w:p>
    <w:p w14:paraId="56FBF04F" w14:textId="77777777" w:rsidR="00CF54CB" w:rsidRDefault="00344004">
      <w:pPr>
        <w:ind w:left="105" w:right="396" w:firstLine="6"/>
      </w:pPr>
      <w:r>
        <w:t xml:space="preserve">The ability to appear before the tribunal or agency conducting or overseeing the proceeding may be an important component of creditor protection. Of course, the fairness and impartiality of such a tribunal or agency are of critical importance. Moreover, the right to appear may be far less important when the individual managing or overseeing the process is charged principally or in material part with protection of policyholders and reinsureds and takes that responsibility seriously. </w:t>
      </w:r>
    </w:p>
    <w:p w14:paraId="1A3EF6DF" w14:textId="77777777" w:rsidR="00CF54CB" w:rsidRDefault="00344004">
      <w:pPr>
        <w:spacing w:after="15" w:line="259" w:lineRule="auto"/>
        <w:ind w:left="91" w:firstLine="0"/>
        <w:jc w:val="left"/>
      </w:pPr>
      <w:r>
        <w:rPr>
          <w:sz w:val="23"/>
          <w:szCs w:val="23"/>
        </w:rPr>
        <w:t xml:space="preserve"> </w:t>
      </w:r>
    </w:p>
    <w:p w14:paraId="7C917943" w14:textId="77777777" w:rsidR="00CF54CB" w:rsidRDefault="00344004">
      <w:pPr>
        <w:numPr>
          <w:ilvl w:val="3"/>
          <w:numId w:val="13"/>
        </w:numPr>
        <w:spacing w:after="3" w:line="266" w:lineRule="auto"/>
        <w:ind w:right="699" w:hanging="365"/>
        <w:jc w:val="left"/>
      </w:pPr>
      <w:r>
        <w:t>S</w:t>
      </w:r>
      <w:r>
        <w:rPr>
          <w:sz w:val="19"/>
          <w:szCs w:val="19"/>
        </w:rPr>
        <w:t>ET</w:t>
      </w:r>
      <w:r>
        <w:t>-</w:t>
      </w:r>
      <w:r>
        <w:rPr>
          <w:sz w:val="19"/>
          <w:szCs w:val="19"/>
        </w:rPr>
        <w:t>OFFS</w:t>
      </w:r>
      <w:r>
        <w:t>, C</w:t>
      </w:r>
      <w:r>
        <w:rPr>
          <w:sz w:val="19"/>
          <w:szCs w:val="19"/>
        </w:rPr>
        <w:t xml:space="preserve">LAIMS </w:t>
      </w:r>
      <w:r>
        <w:t>A</w:t>
      </w:r>
      <w:r>
        <w:rPr>
          <w:sz w:val="19"/>
          <w:szCs w:val="19"/>
        </w:rPr>
        <w:t xml:space="preserve">CCELERATION AND </w:t>
      </w:r>
      <w:r>
        <w:t>E</w:t>
      </w:r>
      <w:r>
        <w:rPr>
          <w:sz w:val="19"/>
          <w:szCs w:val="19"/>
        </w:rPr>
        <w:t>STIMATION</w:t>
      </w:r>
      <w:r>
        <w:t>, P</w:t>
      </w:r>
      <w:r>
        <w:rPr>
          <w:sz w:val="19"/>
          <w:szCs w:val="19"/>
        </w:rPr>
        <w:t>REFERENCES</w:t>
      </w:r>
      <w:r>
        <w:t xml:space="preserve">, </w:t>
      </w:r>
      <w:r>
        <w:rPr>
          <w:sz w:val="19"/>
          <w:szCs w:val="19"/>
        </w:rPr>
        <w:t xml:space="preserve">AND </w:t>
      </w:r>
      <w:r>
        <w:t>V</w:t>
      </w:r>
      <w:r>
        <w:rPr>
          <w:sz w:val="19"/>
          <w:szCs w:val="19"/>
        </w:rPr>
        <w:t xml:space="preserve">OIDABLE </w:t>
      </w:r>
      <w:r>
        <w:t>T</w:t>
      </w:r>
      <w:r>
        <w:rPr>
          <w:sz w:val="19"/>
          <w:szCs w:val="19"/>
        </w:rPr>
        <w:t xml:space="preserve">RANSFERS </w:t>
      </w:r>
    </w:p>
    <w:p w14:paraId="73E5FEA4" w14:textId="77777777" w:rsidR="00CF54CB" w:rsidRDefault="00344004">
      <w:pPr>
        <w:spacing w:after="0" w:line="259" w:lineRule="auto"/>
        <w:ind w:left="91" w:firstLine="0"/>
        <w:jc w:val="left"/>
      </w:pPr>
      <w:r>
        <w:lastRenderedPageBreak/>
        <w:t xml:space="preserve"> </w:t>
      </w:r>
    </w:p>
    <w:p w14:paraId="5966CACB" w14:textId="77777777" w:rsidR="00CF54CB" w:rsidRDefault="00344004">
      <w:pPr>
        <w:ind w:left="105" w:right="396" w:firstLine="6"/>
      </w:pPr>
      <w:r>
        <w:t xml:space="preserve">Insolvency proceedings can trigger a number of unique technical rules that are common in U.S. jurisdictions but may not receive the same treatment in other regimes. Among these are provisions that govern set-offs of claims and credits, acceleration and estimation of claims, when payments before commencement of a proceeding may be deemed to be reversible preferences, when such payments may constitute fraudulent or voidable transfers, and other such rules. </w:t>
      </w:r>
    </w:p>
    <w:p w14:paraId="577EB944" w14:textId="77777777" w:rsidR="00CF54CB" w:rsidRDefault="00344004">
      <w:pPr>
        <w:spacing w:after="0" w:line="259" w:lineRule="auto"/>
        <w:ind w:left="91" w:firstLine="0"/>
        <w:jc w:val="left"/>
      </w:pPr>
      <w:r>
        <w:t xml:space="preserve"> </w:t>
      </w:r>
    </w:p>
    <w:p w14:paraId="339658A5" w14:textId="77777777" w:rsidR="00CF54CB" w:rsidRDefault="00344004">
      <w:pPr>
        <w:ind w:left="105" w:right="396" w:firstLine="6"/>
      </w:pPr>
      <w:r>
        <w:t xml:space="preserve">The issue of claims acceleration and estimation is illustrative of this difference in rules. Reinsurers have repeatedly expressed opposition to any system that could result in the accelerated and involuntary payment of their obligations based on any estimation of policyholder claims. Reinsurers oppose compelled payment of reinsurance recoverables based on IBNR on the basis that they are theoretical losses with theoretical values allocated in a theoretical fashion. Because reinsurance is a contract of indemnity, reinsurers assert that they cannot be required to pay losses, such as IBNR losses, which are unidentified or unknown. </w:t>
      </w:r>
    </w:p>
    <w:p w14:paraId="29D37DD8" w14:textId="77777777" w:rsidR="00CF54CB" w:rsidRDefault="00344004">
      <w:pPr>
        <w:spacing w:after="0" w:line="259" w:lineRule="auto"/>
        <w:ind w:left="91" w:firstLine="0"/>
        <w:jc w:val="left"/>
      </w:pPr>
      <w:r>
        <w:t xml:space="preserve"> </w:t>
      </w:r>
    </w:p>
    <w:p w14:paraId="318FA162" w14:textId="77777777" w:rsidR="00CF54CB" w:rsidRDefault="00344004">
      <w:pPr>
        <w:ind w:left="105" w:right="396" w:firstLine="6"/>
      </w:pPr>
      <w:r>
        <w:t xml:space="preserve">While it is beyond the scope of this section to consider the details of each of these “technical” issues, it is important for the affected party to identify those that may be important in the particular case and determine how they are addressed in the specific proceeding. It should be noted that the application of these rules may not always be immediately evident. For example, if only part of a company’s business is subject to the restructuring plan, reinsurers may be concerned that they will lose existing set-off rights. This concern by reinsurers may affect the ability of reinsureds to receive full payment. </w:t>
      </w:r>
    </w:p>
    <w:p w14:paraId="6E2F053D" w14:textId="77777777" w:rsidR="00CF54CB" w:rsidRDefault="00344004">
      <w:pPr>
        <w:spacing w:after="8" w:line="259" w:lineRule="auto"/>
        <w:ind w:left="91" w:firstLine="0"/>
        <w:jc w:val="left"/>
      </w:pPr>
      <w:r>
        <w:t xml:space="preserve"> </w:t>
      </w:r>
    </w:p>
    <w:p w14:paraId="1CE8F0CB" w14:textId="77777777" w:rsidR="00CF54CB" w:rsidRDefault="00344004">
      <w:pPr>
        <w:numPr>
          <w:ilvl w:val="3"/>
          <w:numId w:val="13"/>
        </w:numPr>
        <w:spacing w:after="3" w:line="266" w:lineRule="auto"/>
        <w:ind w:right="699" w:hanging="365"/>
        <w:jc w:val="left"/>
      </w:pPr>
      <w:r>
        <w:t>P</w:t>
      </w:r>
      <w:r>
        <w:rPr>
          <w:sz w:val="19"/>
          <w:szCs w:val="19"/>
        </w:rPr>
        <w:t xml:space="preserve">OLITICS </w:t>
      </w:r>
    </w:p>
    <w:p w14:paraId="2F6A6A7F" w14:textId="77777777" w:rsidR="00CF54CB" w:rsidRDefault="00344004">
      <w:pPr>
        <w:spacing w:after="0" w:line="259" w:lineRule="auto"/>
        <w:ind w:left="91" w:firstLine="0"/>
        <w:jc w:val="left"/>
      </w:pPr>
      <w:r>
        <w:rPr>
          <w:sz w:val="23"/>
          <w:szCs w:val="23"/>
        </w:rPr>
        <w:t xml:space="preserve"> </w:t>
      </w:r>
    </w:p>
    <w:p w14:paraId="2084604E" w14:textId="77777777" w:rsidR="00CF54CB" w:rsidRDefault="00344004">
      <w:pPr>
        <w:ind w:left="105" w:right="396" w:firstLine="6"/>
      </w:pPr>
      <w:r>
        <w:t xml:space="preserve">Finally, it should never be forgotten that “all politics are local.” In the U.S., the degree to which political considerations control an outcome is somewhat mitigated by cultural and legal constraints. These constraints, however, may not be as applicable in non-U.S. jurisdictions. Familiarity with the local environment is essential in order to avoid unpleasant surprises. And political considerations may not relate just to governmental entities—they may relate to the industry as well. For example, when the reinsured is also a reinsurer, it may be unwilling to help one of its potential competitors with a restructuring. The presence of existing disputes or investigations may also affect how a reinsured views a restructuring plan. </w:t>
      </w:r>
      <w:r>
        <w:br w:type="page"/>
      </w:r>
    </w:p>
    <w:p w14:paraId="116F65D5" w14:textId="77777777" w:rsidR="00CF54CB" w:rsidRDefault="00344004">
      <w:pPr>
        <w:numPr>
          <w:ilvl w:val="0"/>
          <w:numId w:val="13"/>
        </w:numPr>
        <w:spacing w:after="0" w:line="259" w:lineRule="auto"/>
        <w:ind w:hanging="720"/>
        <w:jc w:val="left"/>
      </w:pPr>
      <w:r>
        <w:rPr>
          <w:b/>
          <w:sz w:val="32"/>
          <w:szCs w:val="32"/>
          <w:u w:val="single"/>
        </w:rPr>
        <w:lastRenderedPageBreak/>
        <w:t>C</w:t>
      </w:r>
      <w:r>
        <w:rPr>
          <w:b/>
          <w:sz w:val="26"/>
          <w:szCs w:val="26"/>
          <w:u w:val="single"/>
        </w:rPr>
        <w:t xml:space="preserve">ONCLUSION </w:t>
      </w:r>
      <w:r>
        <w:rPr>
          <w:b/>
          <w:sz w:val="26"/>
          <w:szCs w:val="26"/>
          <w:u w:val="single"/>
        </w:rPr>
        <w:tab/>
      </w:r>
      <w:r>
        <w:rPr>
          <w:b/>
          <w:sz w:val="32"/>
          <w:szCs w:val="32"/>
        </w:rPr>
        <w:t xml:space="preserve"> </w:t>
      </w:r>
    </w:p>
    <w:p w14:paraId="79A25984" w14:textId="77777777" w:rsidR="00CF54CB" w:rsidRDefault="00344004">
      <w:pPr>
        <w:spacing w:after="122" w:line="259" w:lineRule="auto"/>
        <w:ind w:left="91" w:firstLine="0"/>
        <w:jc w:val="left"/>
      </w:pPr>
      <w:r>
        <w:rPr>
          <w:b/>
          <w:sz w:val="18"/>
          <w:szCs w:val="18"/>
        </w:rPr>
        <w:t xml:space="preserve"> </w:t>
      </w:r>
    </w:p>
    <w:p w14:paraId="6451258C" w14:textId="77777777" w:rsidR="00CF54CB" w:rsidRDefault="00344004">
      <w:pPr>
        <w:ind w:left="105" w:right="837" w:firstLine="6"/>
      </w:pPr>
      <w:r>
        <w:t xml:space="preserve">Overall, although alternative mechanisms for troubled insurers can provide cost savings or greater efficiency over the current system, these mechanism can also pose unique risks for consumers and require specialized surveillance monitoring, practices, and procedures, particularly where the activities may occur outside of court-supervised receivership proceedings. In this context, regulators are encouraged to consider implementing standards and best practices responsive to these risks in order to preserve important consumer protections, increase transparency, and provide appropriate procedural safeguards. </w:t>
      </w:r>
    </w:p>
    <w:p w14:paraId="181A4ACC" w14:textId="77777777" w:rsidR="00CF54CB" w:rsidRDefault="00344004">
      <w:pPr>
        <w:spacing w:after="0" w:line="259" w:lineRule="auto"/>
        <w:ind w:left="91" w:firstLine="0"/>
        <w:jc w:val="left"/>
      </w:pPr>
      <w:r>
        <w:rPr>
          <w:sz w:val="23"/>
          <w:szCs w:val="23"/>
        </w:rPr>
        <w:t xml:space="preserve"> </w:t>
      </w:r>
    </w:p>
    <w:p w14:paraId="43B42CE8" w14:textId="77777777" w:rsidR="00CF54CB" w:rsidRDefault="00344004">
      <w:pPr>
        <w:ind w:left="105" w:right="839" w:firstLine="6"/>
      </w:pPr>
      <w:r>
        <w:t xml:space="preserve">First and foremost, it is the responsibility of regulators to protect insurance consumers. Thus, proponents of alternative mechanisms for troubled insurers should be pressed to prove to the regulator’s satisfaction that the claims of greater efficiency or flexibility will not be used to strip policyholders and claimants of their policy rights so that value can be returned to investors. And regulators should ensure that all alternative mechanisms for troubled insurers place the interests of consumers ahead of other competing interests, coupled with a clear statement of goals and objectives and a meaningful oversight mechanism. </w:t>
      </w:r>
    </w:p>
    <w:p w14:paraId="722B8DFB" w14:textId="77777777" w:rsidR="00CF54CB" w:rsidRDefault="00344004">
      <w:pPr>
        <w:spacing w:after="0" w:line="259" w:lineRule="auto"/>
        <w:ind w:left="91" w:firstLine="0"/>
        <w:jc w:val="left"/>
      </w:pPr>
      <w:r>
        <w:t xml:space="preserve"> </w:t>
      </w:r>
    </w:p>
    <w:p w14:paraId="0BF2BDE3" w14:textId="77777777" w:rsidR="00CF54CB" w:rsidRDefault="00344004">
      <w:pPr>
        <w:spacing w:after="0" w:line="259" w:lineRule="auto"/>
        <w:ind w:left="91" w:firstLine="0"/>
        <w:jc w:val="left"/>
      </w:pPr>
      <w:r>
        <w:t xml:space="preserve"> </w:t>
      </w:r>
      <w:r>
        <w:br w:type="page"/>
      </w:r>
    </w:p>
    <w:p w14:paraId="7A6B6FEC" w14:textId="77777777" w:rsidR="00CF54CB" w:rsidRDefault="00344004">
      <w:pPr>
        <w:numPr>
          <w:ilvl w:val="0"/>
          <w:numId w:val="13"/>
        </w:numPr>
        <w:spacing w:after="0" w:line="259" w:lineRule="auto"/>
        <w:ind w:hanging="720"/>
        <w:jc w:val="left"/>
      </w:pPr>
      <w:r>
        <w:rPr>
          <w:b/>
          <w:sz w:val="32"/>
          <w:szCs w:val="32"/>
          <w:u w:val="single"/>
        </w:rPr>
        <w:lastRenderedPageBreak/>
        <w:t>A</w:t>
      </w:r>
      <w:r>
        <w:rPr>
          <w:b/>
          <w:sz w:val="26"/>
          <w:szCs w:val="26"/>
          <w:u w:val="single"/>
        </w:rPr>
        <w:t xml:space="preserve">PPENDIX </w:t>
      </w:r>
      <w:r>
        <w:rPr>
          <w:b/>
          <w:sz w:val="26"/>
          <w:szCs w:val="26"/>
          <w:u w:val="single"/>
        </w:rPr>
        <w:tab/>
      </w:r>
      <w:r>
        <w:rPr>
          <w:b/>
          <w:sz w:val="32"/>
          <w:szCs w:val="32"/>
        </w:rPr>
        <w:t xml:space="preserve"> </w:t>
      </w:r>
    </w:p>
    <w:p w14:paraId="06B1B55C" w14:textId="77777777" w:rsidR="00CF54CB" w:rsidRDefault="00344004">
      <w:pPr>
        <w:spacing w:after="188" w:line="259" w:lineRule="auto"/>
        <w:ind w:left="91" w:firstLine="0"/>
        <w:jc w:val="left"/>
      </w:pPr>
      <w:r>
        <w:rPr>
          <w:b/>
          <w:sz w:val="19"/>
          <w:szCs w:val="19"/>
        </w:rPr>
        <w:t xml:space="preserve"> </w:t>
      </w:r>
    </w:p>
    <w:p w14:paraId="6A875160" w14:textId="77777777" w:rsidR="00CF54CB" w:rsidRDefault="00344004">
      <w:pPr>
        <w:spacing w:after="0" w:line="259" w:lineRule="auto"/>
        <w:ind w:left="806" w:hanging="10"/>
        <w:jc w:val="left"/>
      </w:pPr>
      <w:r>
        <w:rPr>
          <w:b/>
          <w:sz w:val="28"/>
          <w:szCs w:val="28"/>
        </w:rPr>
        <w:t>A.</w:t>
      </w:r>
      <w:r>
        <w:rPr>
          <w:rFonts w:ascii="Arial" w:eastAsia="Arial" w:hAnsi="Arial" w:cs="Arial"/>
          <w:b/>
          <w:sz w:val="28"/>
          <w:szCs w:val="28"/>
        </w:rPr>
        <w:t xml:space="preserve"> </w:t>
      </w:r>
      <w:r>
        <w:rPr>
          <w:b/>
          <w:sz w:val="28"/>
          <w:szCs w:val="28"/>
        </w:rPr>
        <w:t>C</w:t>
      </w:r>
      <w:r>
        <w:rPr>
          <w:b/>
          <w:sz w:val="22"/>
          <w:szCs w:val="22"/>
        </w:rPr>
        <w:t xml:space="preserve">ASE </w:t>
      </w:r>
      <w:r>
        <w:rPr>
          <w:b/>
          <w:sz w:val="28"/>
          <w:szCs w:val="28"/>
        </w:rPr>
        <w:t>S</w:t>
      </w:r>
      <w:r>
        <w:rPr>
          <w:b/>
          <w:sz w:val="22"/>
          <w:szCs w:val="22"/>
        </w:rPr>
        <w:t xml:space="preserve">TUDIES </w:t>
      </w:r>
    </w:p>
    <w:p w14:paraId="6449D09A" w14:textId="77777777" w:rsidR="00CF54CB" w:rsidRDefault="00344004">
      <w:pPr>
        <w:spacing w:after="0" w:line="259" w:lineRule="auto"/>
        <w:ind w:left="91" w:firstLine="0"/>
        <w:jc w:val="left"/>
      </w:pPr>
      <w:r>
        <w:rPr>
          <w:b/>
          <w:sz w:val="23"/>
          <w:szCs w:val="23"/>
        </w:rPr>
        <w:t xml:space="preserve"> </w:t>
      </w:r>
    </w:p>
    <w:p w14:paraId="7ED48007" w14:textId="77777777" w:rsidR="00CF54CB" w:rsidRDefault="00344004">
      <w:pPr>
        <w:ind w:left="105" w:right="396" w:firstLine="6"/>
      </w:pPr>
      <w:r>
        <w:t xml:space="preserve">This appendix describes troubled insurance company situations to illustrate some of the alternative concepts and techniques discussed earlier in this paper. The names of the insurers have intentionally been omitted. These case studies are not intended to reveal all problems or situations that may arise during the restructuring of a troubled reinsurance company. Additionally, the proposed actions with respect to the subject company may not be appropriate in all jurisdictions in light of changing market conditions and the possible differences in statutes, regulations, and implementing tools and resources. </w:t>
      </w:r>
    </w:p>
    <w:p w14:paraId="394095D0" w14:textId="77777777" w:rsidR="00CF54CB" w:rsidRDefault="00344004">
      <w:pPr>
        <w:spacing w:after="32" w:line="259" w:lineRule="auto"/>
        <w:ind w:left="91" w:firstLine="0"/>
        <w:jc w:val="left"/>
      </w:pPr>
      <w:r>
        <w:rPr>
          <w:sz w:val="22"/>
          <w:szCs w:val="22"/>
        </w:rPr>
        <w:t xml:space="preserve"> </w:t>
      </w:r>
    </w:p>
    <w:p w14:paraId="7DC01D68" w14:textId="77777777" w:rsidR="00CF54CB" w:rsidRDefault="00344004">
      <w:pPr>
        <w:spacing w:after="4" w:line="265" w:lineRule="auto"/>
        <w:ind w:left="1166" w:right="56" w:hanging="10"/>
        <w:jc w:val="left"/>
      </w:pPr>
      <w:r>
        <w:rPr>
          <w:b/>
        </w:rPr>
        <w:t>1.</w:t>
      </w:r>
      <w:r>
        <w:rPr>
          <w:rFonts w:ascii="Arial" w:eastAsia="Arial" w:hAnsi="Arial" w:cs="Arial"/>
          <w:b/>
        </w:rPr>
        <w:t xml:space="preserve"> </w:t>
      </w:r>
      <w:r>
        <w:rPr>
          <w:b/>
        </w:rPr>
        <w:t>R</w:t>
      </w:r>
      <w:r>
        <w:rPr>
          <w:b/>
          <w:sz w:val="19"/>
          <w:szCs w:val="19"/>
        </w:rPr>
        <w:t xml:space="preserve">ESTRUCTURED </w:t>
      </w:r>
      <w:r>
        <w:rPr>
          <w:b/>
        </w:rPr>
        <w:t>T</w:t>
      </w:r>
      <w:r>
        <w:rPr>
          <w:b/>
          <w:sz w:val="19"/>
          <w:szCs w:val="19"/>
        </w:rPr>
        <w:t xml:space="preserve">ROUBLED </w:t>
      </w:r>
      <w:r>
        <w:rPr>
          <w:b/>
        </w:rPr>
        <w:t>R</w:t>
      </w:r>
      <w:r>
        <w:rPr>
          <w:b/>
          <w:sz w:val="19"/>
          <w:szCs w:val="19"/>
        </w:rPr>
        <w:t xml:space="preserve">EINSURANCE </w:t>
      </w:r>
      <w:r>
        <w:rPr>
          <w:b/>
        </w:rPr>
        <w:t>C</w:t>
      </w:r>
      <w:r>
        <w:rPr>
          <w:b/>
          <w:sz w:val="19"/>
          <w:szCs w:val="19"/>
        </w:rPr>
        <w:t xml:space="preserve">OMPANY </w:t>
      </w:r>
    </w:p>
    <w:p w14:paraId="4E351E9C" w14:textId="77777777" w:rsidR="00CF54CB" w:rsidRDefault="00344004">
      <w:pPr>
        <w:spacing w:after="0" w:line="259" w:lineRule="auto"/>
        <w:ind w:left="91" w:firstLine="0"/>
        <w:jc w:val="left"/>
      </w:pPr>
      <w:r>
        <w:rPr>
          <w:b/>
          <w:sz w:val="23"/>
          <w:szCs w:val="23"/>
        </w:rPr>
        <w:t xml:space="preserve"> </w:t>
      </w:r>
    </w:p>
    <w:p w14:paraId="66E41C03" w14:textId="77777777" w:rsidR="00CF54CB" w:rsidRDefault="00344004">
      <w:pPr>
        <w:ind w:left="105" w:right="396" w:firstLine="6"/>
      </w:pPr>
      <w:r>
        <w:t xml:space="preserve">Company characteristics, circumstances, and concerns: </w:t>
      </w:r>
    </w:p>
    <w:p w14:paraId="58139B05" w14:textId="77777777" w:rsidR="00CF54CB" w:rsidRDefault="00344004">
      <w:pPr>
        <w:numPr>
          <w:ilvl w:val="1"/>
          <w:numId w:val="30"/>
        </w:numPr>
        <w:ind w:right="396" w:hanging="360"/>
      </w:pPr>
      <w:r>
        <w:t xml:space="preserve">A property/casualty reinsurance company (treaty and individual risk basis). </w:t>
      </w:r>
    </w:p>
    <w:p w14:paraId="032EF94B" w14:textId="77777777" w:rsidR="00CF54CB" w:rsidRDefault="00344004">
      <w:pPr>
        <w:numPr>
          <w:ilvl w:val="1"/>
          <w:numId w:val="30"/>
        </w:numPr>
        <w:ind w:right="396" w:hanging="360"/>
      </w:pPr>
      <w:r>
        <w:t xml:space="preserve">Primary reinsured lines included allied lines, commercial multiple peril, accident &amp; health, workers’ compensation, liability, and non-proportional reinsurance. </w:t>
      </w:r>
    </w:p>
    <w:p w14:paraId="3C1E69FE" w14:textId="77777777" w:rsidR="00CF54CB" w:rsidRDefault="00344004">
      <w:pPr>
        <w:numPr>
          <w:ilvl w:val="1"/>
          <w:numId w:val="30"/>
        </w:numPr>
        <w:ind w:right="396" w:hanging="360"/>
      </w:pPr>
      <w:r>
        <w:t xml:space="preserve">Immediate parent and primary reinsurer of a direct property/casualty insurer. </w:t>
      </w:r>
    </w:p>
    <w:p w14:paraId="75D51482" w14:textId="77777777" w:rsidR="00CF54CB" w:rsidRDefault="00344004">
      <w:pPr>
        <w:numPr>
          <w:ilvl w:val="1"/>
          <w:numId w:val="30"/>
        </w:numPr>
        <w:ind w:right="396" w:hanging="360"/>
      </w:pPr>
      <w:r>
        <w:t xml:space="preserve">Non-U.S. ultimate parent. </w:t>
      </w:r>
    </w:p>
    <w:p w14:paraId="0A80AAE7" w14:textId="77777777" w:rsidR="00CF54CB" w:rsidRDefault="00344004">
      <w:pPr>
        <w:numPr>
          <w:ilvl w:val="1"/>
          <w:numId w:val="30"/>
        </w:numPr>
        <w:ind w:right="396" w:hanging="360"/>
      </w:pPr>
      <w:r>
        <w:t xml:space="preserve">Parent refused to provide further financial support to its subsidiary. </w:t>
      </w:r>
    </w:p>
    <w:p w14:paraId="05291426" w14:textId="77777777" w:rsidR="00CF54CB" w:rsidRDefault="00344004">
      <w:pPr>
        <w:spacing w:after="0" w:line="259" w:lineRule="auto"/>
        <w:ind w:left="91" w:firstLine="0"/>
        <w:jc w:val="left"/>
      </w:pPr>
      <w:r>
        <w:rPr>
          <w:sz w:val="23"/>
          <w:szCs w:val="23"/>
        </w:rPr>
        <w:t xml:space="preserve"> </w:t>
      </w:r>
    </w:p>
    <w:p w14:paraId="13F69A13" w14:textId="77777777" w:rsidR="00CF54CB" w:rsidRDefault="00344004">
      <w:pPr>
        <w:ind w:left="105" w:right="396" w:firstLine="6"/>
      </w:pPr>
      <w:r>
        <w:rPr>
          <w:b/>
          <w:u w:val="single"/>
        </w:rPr>
        <w:t>B</w:t>
      </w:r>
      <w:r>
        <w:rPr>
          <w:b/>
          <w:sz w:val="19"/>
          <w:szCs w:val="19"/>
          <w:u w:val="single"/>
        </w:rPr>
        <w:t>ACKGROUND</w:t>
      </w:r>
      <w:r>
        <w:rPr>
          <w:b/>
        </w:rPr>
        <w:t xml:space="preserve">. </w:t>
      </w:r>
      <w:r>
        <w:t xml:space="preserve">Restructured Troubled Reinsurance Company (RTRC) was an established property/casualty reinsurer that appeared to be reporting significantly improving financials since two years earlier, accomplished through active re-underwriting and non-renewal of underperforming business. RTRC was a large reinsurer licensed or accredited in 27 states. Growth was moderate over the years, and the company remained adequately capitalized until significant adverse development constrained resources. Almost all property/casualty lines of reinsurance were written by RTRC with primary focus on workers’ compensation, accident &amp; health, liability, and proportional reinsurance. The group restructured through a series of transactions and separated its third-party assumed reinsurance business into an independent corporate structure. RTRC received a surplus note contribution from its ultimate parent that provided for semi-annual interest payments. </w:t>
      </w:r>
    </w:p>
    <w:p w14:paraId="76817B14" w14:textId="77777777" w:rsidR="00CF54CB" w:rsidRDefault="00344004">
      <w:pPr>
        <w:spacing w:after="0" w:line="259" w:lineRule="auto"/>
        <w:ind w:left="91" w:firstLine="0"/>
        <w:jc w:val="left"/>
      </w:pPr>
      <w:r>
        <w:t xml:space="preserve"> </w:t>
      </w:r>
    </w:p>
    <w:p w14:paraId="605BA699" w14:textId="77777777" w:rsidR="00CF54CB" w:rsidRDefault="00344004">
      <w:pPr>
        <w:ind w:left="105" w:right="396" w:firstLine="6"/>
      </w:pPr>
      <w:r>
        <w:rPr>
          <w:b/>
          <w:u w:val="single"/>
        </w:rPr>
        <w:t>C</w:t>
      </w:r>
      <w:r>
        <w:rPr>
          <w:b/>
          <w:sz w:val="19"/>
          <w:szCs w:val="19"/>
          <w:u w:val="single"/>
        </w:rPr>
        <w:t xml:space="preserve">AUSES OF </w:t>
      </w:r>
      <w:r>
        <w:rPr>
          <w:b/>
          <w:u w:val="single"/>
        </w:rPr>
        <w:t>T</w:t>
      </w:r>
      <w:r>
        <w:rPr>
          <w:b/>
          <w:sz w:val="19"/>
          <w:szCs w:val="19"/>
          <w:u w:val="single"/>
        </w:rPr>
        <w:t>ROUBLE</w:t>
      </w:r>
      <w:r>
        <w:rPr>
          <w:b/>
        </w:rPr>
        <w:t xml:space="preserve">. </w:t>
      </w:r>
      <w:r>
        <w:t xml:space="preserve">The Insurance Department had no information immediately on hand that would have raised a question regarding the solvency of RTRC. The financial statements reported much improved underwriting results, as well as ratios that were also continuing to show improvement. Approximately six months after the financial examination, but a few months prior to the restructuring, management met with the Department to discuss the rising amount of reinsurance recoverable related to its “Unicover” business. RTRC conducted a detailed internal review of its prior years’ U.S. casualty business and found that significant reserve strengthening was necessary in its general liability and specialty liability lines, causing a substantial surplus strain and the triggering of the Department’s hazardous financial condition regulation. </w:t>
      </w:r>
    </w:p>
    <w:p w14:paraId="371330FF" w14:textId="77777777" w:rsidR="00CF54CB" w:rsidRDefault="00344004">
      <w:pPr>
        <w:spacing w:after="0" w:line="259" w:lineRule="auto"/>
        <w:ind w:left="91" w:firstLine="0"/>
        <w:jc w:val="left"/>
      </w:pPr>
      <w:r>
        <w:t xml:space="preserve"> </w:t>
      </w:r>
    </w:p>
    <w:p w14:paraId="764B7250" w14:textId="77777777" w:rsidR="00CF54CB" w:rsidRDefault="00344004">
      <w:pPr>
        <w:ind w:left="105" w:right="396" w:firstLine="6"/>
      </w:pPr>
      <w:r>
        <w:rPr>
          <w:b/>
          <w:u w:val="single"/>
        </w:rPr>
        <w:t>P</w:t>
      </w:r>
      <w:r>
        <w:rPr>
          <w:b/>
          <w:sz w:val="19"/>
          <w:szCs w:val="19"/>
          <w:u w:val="single"/>
        </w:rPr>
        <w:t xml:space="preserve">RELIMINARY </w:t>
      </w:r>
      <w:r>
        <w:rPr>
          <w:b/>
          <w:u w:val="single"/>
        </w:rPr>
        <w:t>A</w:t>
      </w:r>
      <w:r>
        <w:rPr>
          <w:b/>
          <w:sz w:val="19"/>
          <w:szCs w:val="19"/>
          <w:u w:val="single"/>
        </w:rPr>
        <w:t>CTIONS</w:t>
      </w:r>
      <w:r>
        <w:rPr>
          <w:b/>
        </w:rPr>
        <w:t xml:space="preserve">. </w:t>
      </w:r>
      <w:r>
        <w:t xml:space="preserve">The Department had several telephone conferences with RTRC management whereby the Department was informed that a capital contribution from RTRC’s ultimate parent would be forthcoming as a result of the significant adverse development discussed above. Management then </w:t>
      </w:r>
      <w:r>
        <w:lastRenderedPageBreak/>
        <w:t xml:space="preserve">contacted the Department for a meeting on the premise that the Chairman was in town and wanted a faceto-face meeting to discuss what was going on at the group. During that meeting, the Department was informed that RTRC and its direct subsidiary would be placed in run-off and neither would it receive a capital infusion as originally discussed. A firm was hired by RTRC’s parent to assist in the development of a strategic plan for a solvent run-off. </w:t>
      </w:r>
    </w:p>
    <w:p w14:paraId="476D526F" w14:textId="77777777" w:rsidR="00CF54CB" w:rsidRDefault="00344004">
      <w:pPr>
        <w:spacing w:after="0" w:line="259" w:lineRule="auto"/>
        <w:ind w:left="91" w:firstLine="0"/>
        <w:jc w:val="left"/>
      </w:pPr>
      <w:r>
        <w:t xml:space="preserve"> </w:t>
      </w:r>
    </w:p>
    <w:p w14:paraId="48005167" w14:textId="77777777" w:rsidR="00CF54CB" w:rsidRDefault="00344004">
      <w:pPr>
        <w:ind w:left="105" w:right="396" w:firstLine="6"/>
      </w:pPr>
      <w:r>
        <w:rPr>
          <w:b/>
          <w:u w:val="single"/>
        </w:rPr>
        <w:t>C</w:t>
      </w:r>
      <w:r>
        <w:rPr>
          <w:b/>
          <w:sz w:val="19"/>
          <w:szCs w:val="19"/>
          <w:u w:val="single"/>
        </w:rPr>
        <w:t xml:space="preserve">ORRECTIVE </w:t>
      </w:r>
      <w:r>
        <w:rPr>
          <w:b/>
          <w:u w:val="single"/>
        </w:rPr>
        <w:t>A</w:t>
      </w:r>
      <w:r>
        <w:rPr>
          <w:b/>
          <w:sz w:val="19"/>
          <w:szCs w:val="19"/>
          <w:u w:val="single"/>
        </w:rPr>
        <w:t>CTIONS</w:t>
      </w:r>
      <w:r>
        <w:rPr>
          <w:b/>
        </w:rPr>
        <w:t xml:space="preserve">. </w:t>
      </w:r>
      <w:r>
        <w:t xml:space="preserve">The Department sought to institute more rigorous financial monitoring. RTRC entered into a confidential letter agreement with the Department that required the Department’s approval prior to, among other things, making any material changes to management; moving books and records; making any withdrawals from bank accounts outside the ordinary course of business; incurring any debt; writing or assuming any new business; or making dividend payments or other distributions. It also provided that the Department would receive a monthly report of commutation activity (which, as can be seen below, was the bedrock of the run-off plan); a copy of the final reserve analysis report prepared by an outside firm; and any additional reports the Department reasonably determined were necessary to monitor the financial condition. Finally, the agreement provided that senior management would meet with Department staff weekly, in person or by conference call. </w:t>
      </w:r>
    </w:p>
    <w:p w14:paraId="4F3FB788" w14:textId="77777777" w:rsidR="00CF54CB" w:rsidRDefault="00344004">
      <w:pPr>
        <w:spacing w:after="0" w:line="259" w:lineRule="auto"/>
        <w:ind w:left="91" w:firstLine="0"/>
        <w:jc w:val="left"/>
      </w:pPr>
      <w:r>
        <w:t xml:space="preserve"> </w:t>
      </w:r>
    </w:p>
    <w:p w14:paraId="5A70B173" w14:textId="77777777" w:rsidR="00CF54CB" w:rsidRDefault="00344004">
      <w:pPr>
        <w:ind w:left="105" w:right="396" w:firstLine="6"/>
      </w:pPr>
      <w:r>
        <w:t xml:space="preserve">RTRC hired outside actuaries to conduct an external audit. In addition to the reserve strengthening was a non-admission of its deferred tax asset. </w:t>
      </w:r>
    </w:p>
    <w:p w14:paraId="305468D6" w14:textId="77777777" w:rsidR="00CF54CB" w:rsidRDefault="00344004">
      <w:pPr>
        <w:spacing w:after="0" w:line="259" w:lineRule="auto"/>
        <w:ind w:left="91" w:firstLine="0"/>
        <w:jc w:val="left"/>
      </w:pPr>
      <w:r>
        <w:t xml:space="preserve"> </w:t>
      </w:r>
    </w:p>
    <w:p w14:paraId="3146AE56" w14:textId="77777777" w:rsidR="00CF54CB" w:rsidRDefault="00344004">
      <w:pPr>
        <w:ind w:left="105" w:right="396" w:firstLine="6"/>
      </w:pPr>
      <w:r>
        <w:t xml:space="preserve">A cash flow analysis was commissioned by the Department to conclude whether RTRC could, in fact, have a solvent run-off. RTRC developed a Business Plan/Run-off Plan, which combined commutations with expense cuts (staff and facilities reduction). Quarterly RBC filings were required. Employment levels were reduced commensurate with the Plan, and a retention plan was implemented to help retain talented, necessary staff and management. Surplus note interest payments were disapproved. The Department requested NAIC staff to set up a conference call for regulators to inform states of the situation and provide them time to ask questions or air concerns. </w:t>
      </w:r>
    </w:p>
    <w:p w14:paraId="7F9AF5DA" w14:textId="77777777" w:rsidR="00CF54CB" w:rsidRDefault="00344004">
      <w:pPr>
        <w:spacing w:after="0" w:line="259" w:lineRule="auto"/>
        <w:ind w:left="91" w:firstLine="0"/>
        <w:jc w:val="left"/>
      </w:pPr>
      <w:r>
        <w:rPr>
          <w:sz w:val="23"/>
          <w:szCs w:val="23"/>
        </w:rPr>
        <w:t xml:space="preserve"> </w:t>
      </w:r>
    </w:p>
    <w:p w14:paraId="76D69983" w14:textId="77777777" w:rsidR="00CF54CB" w:rsidRDefault="00344004">
      <w:pPr>
        <w:ind w:left="105" w:right="396" w:firstLine="6"/>
      </w:pPr>
      <w:r>
        <w:t xml:space="preserve">Ultimately, an RBC plan was approved by the Department. Subsequently, a revised Business Plan/Run- off Plan was filed and approved, and the agreement was extended for an additional year. </w:t>
      </w:r>
    </w:p>
    <w:p w14:paraId="21CC3765" w14:textId="77777777" w:rsidR="00CF54CB" w:rsidRDefault="00344004">
      <w:pPr>
        <w:spacing w:after="0" w:line="259" w:lineRule="auto"/>
        <w:ind w:left="91" w:firstLine="0"/>
        <w:jc w:val="left"/>
      </w:pPr>
      <w:r>
        <w:t xml:space="preserve"> </w:t>
      </w:r>
    </w:p>
    <w:p w14:paraId="3275DA76" w14:textId="77777777" w:rsidR="00CF54CB" w:rsidRDefault="00344004">
      <w:pPr>
        <w:ind w:left="105" w:right="396" w:firstLine="6"/>
      </w:pPr>
      <w:r>
        <w:t xml:space="preserve">As commutations continued and improvements began to take hold, the company and its subsidiary were eventually sold. A new plan was developed, as—under new ownership with substantial resources— emphasis was no longer on an aggressive commutation strategy but was now on an aggressive asset management strategy. Monthly calls with management were temporarily put into place to ensure the Department would be aware of any changing circumstance. A less restrictive agreement was implemented as the Department was more comfortable with the possibility of a positive outcome. Ultimately, the subsidiary was again sold—another positive development for RTRC. The frequency of reserve reporting was reduced to an annual basis as long as there was no change in Chief Actuary, and RTRC was released from the agreement. </w:t>
      </w:r>
    </w:p>
    <w:p w14:paraId="6E4AA041" w14:textId="77777777" w:rsidR="00CF54CB" w:rsidRDefault="00344004">
      <w:pPr>
        <w:spacing w:after="0" w:line="259" w:lineRule="auto"/>
        <w:ind w:left="91" w:firstLine="0"/>
        <w:jc w:val="left"/>
      </w:pPr>
      <w:r>
        <w:rPr>
          <w:sz w:val="22"/>
          <w:szCs w:val="22"/>
        </w:rPr>
        <w:t xml:space="preserve"> </w:t>
      </w:r>
    </w:p>
    <w:p w14:paraId="3FF2D114" w14:textId="77777777" w:rsidR="00CF54CB" w:rsidRDefault="00344004">
      <w:pPr>
        <w:spacing w:after="31" w:line="259" w:lineRule="auto"/>
        <w:ind w:left="91" w:firstLine="0"/>
        <w:jc w:val="left"/>
      </w:pPr>
      <w:r>
        <w:rPr>
          <w:sz w:val="22"/>
          <w:szCs w:val="22"/>
        </w:rPr>
        <w:t xml:space="preserve"> </w:t>
      </w:r>
    </w:p>
    <w:p w14:paraId="614BC2A8" w14:textId="77777777" w:rsidR="00CF54CB" w:rsidRDefault="00344004">
      <w:pPr>
        <w:spacing w:after="4" w:line="265" w:lineRule="auto"/>
        <w:ind w:left="1166" w:right="56" w:hanging="10"/>
        <w:jc w:val="left"/>
      </w:pPr>
      <w:r>
        <w:rPr>
          <w:b/>
        </w:rPr>
        <w:t>2.</w:t>
      </w:r>
      <w:r>
        <w:rPr>
          <w:rFonts w:ascii="Arial" w:eastAsia="Arial" w:hAnsi="Arial" w:cs="Arial"/>
          <w:b/>
        </w:rPr>
        <w:t xml:space="preserve"> </w:t>
      </w:r>
      <w:r>
        <w:rPr>
          <w:b/>
        </w:rPr>
        <w:t>N</w:t>
      </w:r>
      <w:r>
        <w:rPr>
          <w:b/>
          <w:sz w:val="19"/>
          <w:szCs w:val="19"/>
        </w:rPr>
        <w:t xml:space="preserve">EW </w:t>
      </w:r>
      <w:r>
        <w:rPr>
          <w:b/>
        </w:rPr>
        <w:t>Y</w:t>
      </w:r>
      <w:r>
        <w:rPr>
          <w:b/>
          <w:sz w:val="19"/>
          <w:szCs w:val="19"/>
        </w:rPr>
        <w:t xml:space="preserve">ORK </w:t>
      </w:r>
      <w:r>
        <w:rPr>
          <w:b/>
        </w:rPr>
        <w:t>R</w:t>
      </w:r>
      <w:r>
        <w:rPr>
          <w:b/>
          <w:sz w:val="19"/>
          <w:szCs w:val="19"/>
        </w:rPr>
        <w:t xml:space="preserve">EGULATION </w:t>
      </w:r>
      <w:r>
        <w:rPr>
          <w:b/>
        </w:rPr>
        <w:t>141 P</w:t>
      </w:r>
      <w:r>
        <w:rPr>
          <w:b/>
          <w:sz w:val="19"/>
          <w:szCs w:val="19"/>
        </w:rPr>
        <w:t xml:space="preserve">LAN </w:t>
      </w:r>
    </w:p>
    <w:p w14:paraId="3277916E" w14:textId="77777777" w:rsidR="00CF54CB" w:rsidRDefault="00344004">
      <w:pPr>
        <w:spacing w:after="0" w:line="259" w:lineRule="auto"/>
        <w:ind w:left="91" w:firstLine="0"/>
        <w:jc w:val="left"/>
      </w:pPr>
      <w:r>
        <w:rPr>
          <w:b/>
          <w:sz w:val="22"/>
          <w:szCs w:val="22"/>
        </w:rPr>
        <w:t xml:space="preserve"> </w:t>
      </w:r>
    </w:p>
    <w:p w14:paraId="3013001B" w14:textId="77777777" w:rsidR="00CF54CB" w:rsidRDefault="00344004">
      <w:pPr>
        <w:ind w:left="105" w:right="396" w:firstLine="6"/>
      </w:pPr>
      <w:r>
        <w:t xml:space="preserve">Company characteristics, circumstances, and concerns: </w:t>
      </w:r>
    </w:p>
    <w:p w14:paraId="63F7C8CC" w14:textId="77777777" w:rsidR="00CF54CB" w:rsidRDefault="00344004">
      <w:pPr>
        <w:numPr>
          <w:ilvl w:val="0"/>
          <w:numId w:val="31"/>
        </w:numPr>
        <w:ind w:right="396" w:hanging="360"/>
      </w:pPr>
      <w:r>
        <w:lastRenderedPageBreak/>
        <w:t xml:space="preserve">Professional property and casualty reinsurers and insurers that write such business and also assume reinsurance of property and casualty business. </w:t>
      </w:r>
    </w:p>
    <w:p w14:paraId="33DF34C5" w14:textId="77777777" w:rsidR="00CF54CB" w:rsidRDefault="00344004">
      <w:pPr>
        <w:numPr>
          <w:ilvl w:val="0"/>
          <w:numId w:val="31"/>
        </w:numPr>
        <w:ind w:right="396" w:hanging="360"/>
      </w:pPr>
      <w:r>
        <w:t xml:space="preserve">All property and casualty lines, but not life business. </w:t>
      </w:r>
    </w:p>
    <w:p w14:paraId="14F82A4F" w14:textId="77777777" w:rsidR="00CF54CB" w:rsidRDefault="00344004">
      <w:pPr>
        <w:numPr>
          <w:ilvl w:val="0"/>
          <w:numId w:val="31"/>
        </w:numPr>
        <w:ind w:right="396" w:hanging="360"/>
      </w:pPr>
      <w:r>
        <w:t xml:space="preserve">Member of a holding company group or stand-alone entity. </w:t>
      </w:r>
    </w:p>
    <w:p w14:paraId="0F7BC9C8" w14:textId="77777777" w:rsidR="00CF54CB" w:rsidRDefault="00344004">
      <w:pPr>
        <w:numPr>
          <w:ilvl w:val="0"/>
          <w:numId w:val="31"/>
        </w:numPr>
        <w:ind w:right="396" w:hanging="360"/>
      </w:pPr>
      <w:r>
        <w:t xml:space="preserve">Other members of the holding company would not or could not provide further financial help. </w:t>
      </w:r>
    </w:p>
    <w:p w14:paraId="1AF8B029" w14:textId="77777777" w:rsidR="00CF54CB" w:rsidRDefault="00344004">
      <w:pPr>
        <w:spacing w:after="0" w:line="259" w:lineRule="auto"/>
        <w:ind w:left="91" w:firstLine="0"/>
        <w:jc w:val="left"/>
      </w:pPr>
      <w:r>
        <w:rPr>
          <w:b/>
        </w:rPr>
        <w:t xml:space="preserve"> </w:t>
      </w:r>
    </w:p>
    <w:p w14:paraId="518AD8B4" w14:textId="77777777" w:rsidR="00CF54CB" w:rsidRDefault="00344004">
      <w:pPr>
        <w:spacing w:after="41"/>
        <w:ind w:left="105" w:right="396" w:firstLine="6"/>
      </w:pPr>
      <w:r>
        <w:rPr>
          <w:b/>
          <w:u w:val="single"/>
        </w:rPr>
        <w:t>B</w:t>
      </w:r>
      <w:r>
        <w:rPr>
          <w:b/>
          <w:sz w:val="19"/>
          <w:szCs w:val="19"/>
          <w:u w:val="single"/>
        </w:rPr>
        <w:t>ACKGROUND</w:t>
      </w:r>
      <w:r>
        <w:rPr>
          <w:b/>
          <w:u w:val="single"/>
        </w:rPr>
        <w:t>.</w:t>
      </w:r>
      <w:r>
        <w:rPr>
          <w:b/>
        </w:rPr>
        <w:t xml:space="preserve"> </w:t>
      </w:r>
      <w:r>
        <w:t xml:space="preserve">ABC Reinsurance Company (ABC) was a professional reinsurer incorporated in New York in 1977. ABC became capital-impaired and ceased underwriting in 1985. ABC’s management sought approval to commute certain assumed contracts, but the New York Superintendent of Insurance maintained that these commutations would prefer certain creditors over others and that the Superintendent lacked statutory authority to approve such commutations under then-existing New York insurance laws. </w:t>
      </w:r>
    </w:p>
    <w:p w14:paraId="56A859FD" w14:textId="77777777" w:rsidR="00CF54CB" w:rsidRDefault="00344004">
      <w:pPr>
        <w:spacing w:after="4" w:line="259" w:lineRule="auto"/>
        <w:ind w:left="91" w:firstLine="0"/>
        <w:jc w:val="left"/>
      </w:pPr>
      <w:r>
        <w:rPr>
          <w:sz w:val="22"/>
          <w:szCs w:val="22"/>
        </w:rPr>
        <w:t xml:space="preserve"> </w:t>
      </w:r>
    </w:p>
    <w:p w14:paraId="13912EA2" w14:textId="77777777" w:rsidR="00CF54CB" w:rsidRDefault="00344004">
      <w:pPr>
        <w:ind w:left="105" w:right="396" w:firstLine="6"/>
      </w:pPr>
      <w:r>
        <w:rPr>
          <w:b/>
          <w:u w:val="single"/>
        </w:rPr>
        <w:t>C</w:t>
      </w:r>
      <w:r>
        <w:rPr>
          <w:b/>
          <w:sz w:val="19"/>
          <w:szCs w:val="19"/>
          <w:u w:val="single"/>
        </w:rPr>
        <w:t xml:space="preserve">AUSES OF </w:t>
      </w:r>
      <w:r>
        <w:rPr>
          <w:b/>
          <w:u w:val="single"/>
        </w:rPr>
        <w:t>T</w:t>
      </w:r>
      <w:r>
        <w:rPr>
          <w:b/>
          <w:sz w:val="19"/>
          <w:szCs w:val="19"/>
          <w:u w:val="single"/>
        </w:rPr>
        <w:t>ROUBLE</w:t>
      </w:r>
      <w:r>
        <w:rPr>
          <w:b/>
          <w:u w:val="single"/>
        </w:rPr>
        <w:t>.</w:t>
      </w:r>
      <w:r>
        <w:rPr>
          <w:b/>
        </w:rPr>
        <w:t xml:space="preserve"> </w:t>
      </w:r>
      <w:r>
        <w:t xml:space="preserve">The parent company refused to add capital. The Department, lacking the authority to authorize the commutations, moved to place ABC in rehabilitation pursuant to New York Insurance Law Article 74. In 1987, the Superintendent moved in Supreme Court, New York County, for an order of liquidation. ABC remained in liquidation until 1992. </w:t>
      </w:r>
    </w:p>
    <w:p w14:paraId="43B6A9A9" w14:textId="77777777" w:rsidR="00CF54CB" w:rsidRDefault="00344004">
      <w:pPr>
        <w:spacing w:after="0" w:line="259" w:lineRule="auto"/>
        <w:ind w:left="91" w:firstLine="0"/>
        <w:jc w:val="left"/>
      </w:pPr>
      <w:r>
        <w:rPr>
          <w:sz w:val="22"/>
          <w:szCs w:val="22"/>
        </w:rPr>
        <w:t xml:space="preserve"> </w:t>
      </w:r>
    </w:p>
    <w:p w14:paraId="519783B2" w14:textId="77777777" w:rsidR="00CF54CB" w:rsidRDefault="00344004">
      <w:pPr>
        <w:ind w:left="105" w:right="396" w:firstLine="6"/>
      </w:pPr>
      <w:r>
        <w:t xml:space="preserve">During those five years, ABC’s liquidator approved some cedents’ claims, but paid none. In 1990, however, the New York Insurance Department introduced, and the legislature adopted, an amendment of NYIL 1321 to permit an impaired or insolvent New York insurer to commute reinsurance agreements and, with the Superintendent’s approval, eliminate the risk that those agreements could be avoidable as a preference. </w:t>
      </w:r>
    </w:p>
    <w:p w14:paraId="3CA4328F" w14:textId="77777777" w:rsidR="00CF54CB" w:rsidRDefault="00344004">
      <w:pPr>
        <w:spacing w:after="0" w:line="259" w:lineRule="auto"/>
        <w:ind w:left="91" w:firstLine="0"/>
        <w:jc w:val="left"/>
      </w:pPr>
      <w:r>
        <w:rPr>
          <w:sz w:val="22"/>
          <w:szCs w:val="22"/>
        </w:rPr>
        <w:t xml:space="preserve"> </w:t>
      </w:r>
    </w:p>
    <w:p w14:paraId="02346B33" w14:textId="77777777" w:rsidR="00CF54CB" w:rsidRDefault="00344004">
      <w:pPr>
        <w:ind w:left="105" w:right="396" w:firstLine="6"/>
      </w:pPr>
      <w:r>
        <w:t xml:space="preserve">In May 1992, the Superintendent, in his role as ABC’s liquidator, petitioned the court to approve a plan of reorganization based on a 100% quota share of ABC’s portfolio of outstanding losses on all business that ABC wrote before its liquidation. XYZ Reinsurance Company of New York (XYZ) proposed the reorganization plan and provided the reinsurance cover. </w:t>
      </w:r>
    </w:p>
    <w:p w14:paraId="30012F70" w14:textId="77777777" w:rsidR="00CF54CB" w:rsidRDefault="00344004">
      <w:pPr>
        <w:spacing w:after="0" w:line="259" w:lineRule="auto"/>
        <w:ind w:left="91" w:firstLine="0"/>
        <w:jc w:val="left"/>
      </w:pPr>
      <w:r>
        <w:rPr>
          <w:sz w:val="22"/>
          <w:szCs w:val="22"/>
        </w:rPr>
        <w:t xml:space="preserve"> </w:t>
      </w:r>
    </w:p>
    <w:p w14:paraId="3885A01A" w14:textId="77777777" w:rsidR="00CF54CB" w:rsidRDefault="00344004">
      <w:pPr>
        <w:ind w:left="105" w:right="396" w:firstLine="6"/>
      </w:pPr>
      <w:r>
        <w:t xml:space="preserve">After a July 1992 hearing, the court approved ABC’s reorganization plan and entered a final order and judgment that terminated the liquidation proceeding. The XYZ quota share contained a $305 million limit and an expansion of the quota share’s limit that expanded based on a formula that included, among other things, paid losses, reinsurance recoveries, and interest income. ABC resumed operations with new directors and officers, but the plan also provided for a manager to administer ABC’s run-off. </w:t>
      </w:r>
    </w:p>
    <w:p w14:paraId="795BC9B4" w14:textId="77777777" w:rsidR="00CF54CB" w:rsidRDefault="00344004">
      <w:pPr>
        <w:spacing w:after="0" w:line="259" w:lineRule="auto"/>
        <w:ind w:left="91" w:firstLine="0"/>
        <w:jc w:val="left"/>
      </w:pPr>
      <w:r>
        <w:rPr>
          <w:sz w:val="22"/>
          <w:szCs w:val="22"/>
        </w:rPr>
        <w:t xml:space="preserve"> </w:t>
      </w:r>
    </w:p>
    <w:p w14:paraId="5155EA70" w14:textId="77777777" w:rsidR="00CF54CB" w:rsidRDefault="00344004">
      <w:pPr>
        <w:ind w:left="105" w:right="396" w:firstLine="6"/>
      </w:pPr>
      <w:r>
        <w:t xml:space="preserve">When the Superintendent petitioned the court in 1992 to approve the reorganization plan, ABC’s projected liabilities were, as of December 31, 1990, $295.3 million. By 1993, ABC and its quota share reinsurer had paid more than $302.8 million to its ceding insurers. In 2002, ABC substantially increased its asbestosrelated IBNR reserves, as did much of the industry. As reported on its 2002 annual statement, ABC’s capital became impaired by more than $12.7 million. </w:t>
      </w:r>
    </w:p>
    <w:p w14:paraId="680FA1D4" w14:textId="77777777" w:rsidR="00CF54CB" w:rsidRDefault="00344004">
      <w:pPr>
        <w:spacing w:after="0" w:line="259" w:lineRule="auto"/>
        <w:ind w:left="91" w:firstLine="0"/>
        <w:jc w:val="left"/>
      </w:pPr>
      <w:r>
        <w:rPr>
          <w:sz w:val="22"/>
          <w:szCs w:val="22"/>
        </w:rPr>
        <w:t xml:space="preserve"> </w:t>
      </w:r>
    </w:p>
    <w:p w14:paraId="3AC0255F" w14:textId="77777777" w:rsidR="00CF54CB" w:rsidRDefault="00344004">
      <w:pPr>
        <w:ind w:left="105" w:right="396" w:firstLine="6"/>
      </w:pPr>
      <w:r>
        <w:rPr>
          <w:b/>
          <w:u w:val="single"/>
        </w:rPr>
        <w:t>P</w:t>
      </w:r>
      <w:r>
        <w:rPr>
          <w:b/>
          <w:sz w:val="19"/>
          <w:szCs w:val="19"/>
          <w:u w:val="single"/>
        </w:rPr>
        <w:t xml:space="preserve">RELIMINARY </w:t>
      </w:r>
      <w:r>
        <w:rPr>
          <w:b/>
          <w:u w:val="single"/>
        </w:rPr>
        <w:t>A</w:t>
      </w:r>
      <w:r>
        <w:rPr>
          <w:b/>
          <w:sz w:val="19"/>
          <w:szCs w:val="19"/>
          <w:u w:val="single"/>
        </w:rPr>
        <w:t>CTIONS</w:t>
      </w:r>
      <w:r>
        <w:rPr>
          <w:b/>
          <w:u w:val="single"/>
        </w:rPr>
        <w:t>.</w:t>
      </w:r>
      <w:r>
        <w:rPr>
          <w:b/>
        </w:rPr>
        <w:t xml:space="preserve"> </w:t>
      </w:r>
      <w:r>
        <w:t xml:space="preserve">As a result of its 2002 impairment, and pursuant to New York Insurance Law </w:t>
      </w:r>
    </w:p>
    <w:p w14:paraId="786681CE" w14:textId="77777777" w:rsidR="00CF54CB" w:rsidRDefault="00344004">
      <w:pPr>
        <w:ind w:left="105" w:right="396" w:firstLine="6"/>
      </w:pPr>
      <w:r>
        <w:t xml:space="preserve">§ 1321 and Insurance Regulation 141 (11 NYCRR Part 128) (Regulation 141), ABC submitted to the New York Insurance Department a plan to eliminate capital impairment pursuant to Regulation 141. As required under Regulation 141, ABC’s board and the company’s sole shareholder stipulated that if ABC’s implementation of the Regulation 141 Plan failed to restore ABC’s surplus to policyholders to the </w:t>
      </w:r>
      <w:r>
        <w:lastRenderedPageBreak/>
        <w:t xml:space="preserve">minimum required as determined in accordance with Regulation 141, ABC would not oppose a petition to again liquidate the company pursuant to New York Insurance Law Article 74. </w:t>
      </w:r>
    </w:p>
    <w:p w14:paraId="0F8EA2F1" w14:textId="77777777" w:rsidR="00CF54CB" w:rsidRDefault="00344004">
      <w:pPr>
        <w:spacing w:after="0" w:line="259" w:lineRule="auto"/>
        <w:ind w:left="91" w:firstLine="0"/>
        <w:jc w:val="left"/>
      </w:pPr>
      <w:r>
        <w:rPr>
          <w:sz w:val="22"/>
          <w:szCs w:val="22"/>
        </w:rPr>
        <w:t xml:space="preserve"> </w:t>
      </w:r>
    </w:p>
    <w:p w14:paraId="6E0DA8A0" w14:textId="77777777" w:rsidR="00CF54CB" w:rsidRDefault="00344004">
      <w:pPr>
        <w:spacing w:after="244"/>
        <w:ind w:left="105" w:right="396" w:firstLine="6"/>
      </w:pPr>
      <w:r>
        <w:t xml:space="preserve">Under Regulation 141, no commutation of ABC’s assumed reinsurance could become effective, and no consideration for any such commutation agreement could be paid, until the Superintendent determined that a sufficient number of fully executed commutation agreements had been returned to restore ABC’s surplus to the required minimum (11 NYCRR § 128.5). Regulation 141 also required that ABC provide the Superintendent with copies of all e-mail, correspondence, and other communications between ABC and its ceding insurers relating to the current Regulation 141 commutation offers, including any such communications rejecting the offer. </w:t>
      </w:r>
    </w:p>
    <w:p w14:paraId="1D0B015B" w14:textId="77777777" w:rsidR="00CF54CB" w:rsidRDefault="00344004">
      <w:pPr>
        <w:spacing w:after="257"/>
        <w:ind w:left="105" w:right="396" w:firstLine="6"/>
      </w:pPr>
      <w:r>
        <w:t xml:space="preserve">The proposed 141 Plan and Regulation 141 also required that ABC offer the same, non-negotiable commutation terms to all of its ceding companies. The 141 Plan further required that an offer to commute reinsurance agreements be made to every ceding insurer for which ABC had paid losses and LAE (Paid Losses) or known case losses and LAE (Case Reserves) on its books as of June 30, 2003. </w:t>
      </w:r>
    </w:p>
    <w:p w14:paraId="4A3FC405" w14:textId="77777777" w:rsidR="00CF54CB" w:rsidRDefault="00344004">
      <w:pPr>
        <w:spacing w:after="273"/>
        <w:ind w:left="105" w:right="396" w:firstLine="6"/>
      </w:pPr>
      <w:r>
        <w:t xml:space="preserve">Under its Regulation 141 Plan, ABC offered to pay 100% of Paid Losses and 60% of Case Reserves to commute obligations under the reinsurance agreements. Cedents were required to respond to this offer within 90 days. </w:t>
      </w:r>
    </w:p>
    <w:p w14:paraId="0B4FC3FE" w14:textId="77777777" w:rsidR="00CF54CB" w:rsidRDefault="00344004">
      <w:pPr>
        <w:spacing w:after="271"/>
        <w:ind w:left="105" w:right="396" w:firstLine="6"/>
      </w:pPr>
      <w:r>
        <w:rPr>
          <w:b/>
          <w:u w:val="single"/>
        </w:rPr>
        <w:t>C</w:t>
      </w:r>
      <w:r>
        <w:rPr>
          <w:b/>
          <w:sz w:val="19"/>
          <w:szCs w:val="19"/>
          <w:u w:val="single"/>
        </w:rPr>
        <w:t xml:space="preserve">ORRECTIVE </w:t>
      </w:r>
      <w:r>
        <w:rPr>
          <w:b/>
          <w:u w:val="single"/>
        </w:rPr>
        <w:t>A</w:t>
      </w:r>
      <w:r>
        <w:rPr>
          <w:b/>
          <w:sz w:val="19"/>
          <w:szCs w:val="19"/>
          <w:u w:val="single"/>
        </w:rPr>
        <w:t>CTIONS</w:t>
      </w:r>
      <w:r>
        <w:rPr>
          <w:b/>
          <w:u w:val="single"/>
        </w:rPr>
        <w:t>.</w:t>
      </w:r>
      <w:r>
        <w:rPr>
          <w:b/>
        </w:rPr>
        <w:t xml:space="preserve"> </w:t>
      </w:r>
      <w:r>
        <w:t xml:space="preserve">In January 2004, the Superintendent approved the 141 Plan and allowed ABC to extend commutation offers to its cedents. Shortly thereafter, ABC mailed commutation offers pursuant to the Plan to about 580 cedents. In October, ABC delivered to the Superintendent more than 300 executed commutation agreements along with copies of all correspondence with cedents relating to the Plan. The Superintendent subsequently determined that these commutation agreements would, upon his approval, eliminate ABC’s impairment. </w:t>
      </w:r>
    </w:p>
    <w:p w14:paraId="0E1EA864" w14:textId="77777777" w:rsidR="00CF54CB" w:rsidRDefault="00344004">
      <w:pPr>
        <w:spacing w:after="266"/>
        <w:ind w:left="105" w:right="396" w:firstLine="6"/>
      </w:pPr>
      <w:r>
        <w:t xml:space="preserve">With the Superintendent’s approval, ABC paid $22,558,221 to those ceding insurers that accepted its Regulation 141 commutation offers. The post-Plan ABC balance sheet showed a positive surplus of $3,675,366 and the elimination of its 2002 impairment. </w:t>
      </w:r>
    </w:p>
    <w:p w14:paraId="492EB1E2" w14:textId="77777777" w:rsidR="00CF54CB" w:rsidRDefault="00344004">
      <w:pPr>
        <w:spacing w:after="307"/>
        <w:ind w:left="105" w:right="396" w:firstLine="6"/>
      </w:pPr>
      <w:r>
        <w:t xml:space="preserve">The completed Regulation 141 Plan left ABC with many cedents. No cedents were compelled to accept the 141 commutation offers, and the Superintendent’s approval of the Plan was premised on ABC’s sufficient surplus to policyholders to complete its run-off. At the same time, Regulation 141 gave the Superintendent the statutory authority to permit commutation with a troubled company—avoid a protracted receivership—while also respecting every cedent’s right to reject the proposed commutation offers and run the risk that ABC would lack sufficient capital to complete its run-off. </w:t>
      </w:r>
    </w:p>
    <w:p w14:paraId="1F6B15BA" w14:textId="77777777" w:rsidR="00CF54CB" w:rsidRDefault="00344004">
      <w:pPr>
        <w:tabs>
          <w:tab w:val="center" w:pos="1261"/>
          <w:tab w:val="center" w:pos="3851"/>
        </w:tabs>
        <w:spacing w:after="262" w:line="265" w:lineRule="auto"/>
        <w:ind w:left="0" w:firstLine="0"/>
        <w:jc w:val="left"/>
      </w:pPr>
      <w:r>
        <w:rPr>
          <w:rFonts w:ascii="Calibri" w:eastAsia="Calibri" w:hAnsi="Calibri" w:cs="Calibri"/>
          <w:sz w:val="22"/>
          <w:szCs w:val="22"/>
        </w:rPr>
        <w:tab/>
      </w:r>
      <w:r>
        <w:rPr>
          <w:b/>
        </w:rPr>
        <w:t>3.</w:t>
      </w:r>
      <w:r>
        <w:rPr>
          <w:b/>
        </w:rPr>
        <w:tab/>
        <w:t>C</w:t>
      </w:r>
      <w:r>
        <w:rPr>
          <w:b/>
          <w:sz w:val="19"/>
          <w:szCs w:val="19"/>
        </w:rPr>
        <w:t xml:space="preserve">OMMERCIAL </w:t>
      </w:r>
      <w:r>
        <w:rPr>
          <w:b/>
        </w:rPr>
        <w:t>I</w:t>
      </w:r>
      <w:r>
        <w:rPr>
          <w:b/>
          <w:sz w:val="19"/>
          <w:szCs w:val="19"/>
        </w:rPr>
        <w:t xml:space="preserve">NSURANCE </w:t>
      </w:r>
      <w:r>
        <w:rPr>
          <w:b/>
        </w:rPr>
        <w:t>C</w:t>
      </w:r>
      <w:r>
        <w:rPr>
          <w:b/>
          <w:sz w:val="19"/>
          <w:szCs w:val="19"/>
        </w:rPr>
        <w:t xml:space="preserve">OMPANY </w:t>
      </w:r>
      <w:r>
        <w:rPr>
          <w:b/>
        </w:rPr>
        <w:t>R</w:t>
      </w:r>
      <w:r>
        <w:rPr>
          <w:b/>
          <w:sz w:val="19"/>
          <w:szCs w:val="19"/>
        </w:rPr>
        <w:t>UN</w:t>
      </w:r>
      <w:r>
        <w:rPr>
          <w:b/>
        </w:rPr>
        <w:t>-</w:t>
      </w:r>
      <w:r>
        <w:rPr>
          <w:b/>
          <w:sz w:val="19"/>
          <w:szCs w:val="19"/>
        </w:rPr>
        <w:t>OFF</w:t>
      </w:r>
    </w:p>
    <w:p w14:paraId="6A2D4640" w14:textId="77777777" w:rsidR="00CF54CB" w:rsidRDefault="00344004">
      <w:pPr>
        <w:spacing w:after="33"/>
        <w:ind w:left="105" w:right="396" w:firstLine="6"/>
      </w:pPr>
      <w:r>
        <w:t xml:space="preserve">Company characteristics, circumstances, and concerns: </w:t>
      </w:r>
    </w:p>
    <w:p w14:paraId="65ED029A" w14:textId="77777777" w:rsidR="00CF54CB" w:rsidRDefault="00344004">
      <w:pPr>
        <w:numPr>
          <w:ilvl w:val="0"/>
          <w:numId w:val="21"/>
        </w:numPr>
        <w:spacing w:after="41"/>
        <w:ind w:right="396" w:hanging="360"/>
      </w:pPr>
      <w:r>
        <w:t>A property/casualty insurance company, writing primarily commercial lines on a national basis.</w:t>
      </w:r>
    </w:p>
    <w:p w14:paraId="5089C9BA" w14:textId="77777777" w:rsidR="00CF54CB" w:rsidRDefault="00344004">
      <w:pPr>
        <w:numPr>
          <w:ilvl w:val="0"/>
          <w:numId w:val="21"/>
        </w:numPr>
        <w:ind w:right="396" w:hanging="360"/>
      </w:pPr>
      <w:r>
        <w:t>Primary lines included commercial multiple peril, accident &amp; health, workers’ compensation, general liability.</w:t>
      </w:r>
    </w:p>
    <w:p w14:paraId="510CC11B" w14:textId="77777777" w:rsidR="00CF54CB" w:rsidRDefault="00344004">
      <w:pPr>
        <w:numPr>
          <w:ilvl w:val="0"/>
          <w:numId w:val="21"/>
        </w:numPr>
        <w:spacing w:after="35"/>
        <w:ind w:right="396" w:hanging="360"/>
      </w:pPr>
      <w:r>
        <w:t>Member of a large multinational property/casualty insurance and reinsurance group with a non-U.S. ultimate parent.</w:t>
      </w:r>
    </w:p>
    <w:p w14:paraId="71590F28" w14:textId="77777777" w:rsidR="00CF54CB" w:rsidRDefault="00344004">
      <w:pPr>
        <w:numPr>
          <w:ilvl w:val="0"/>
          <w:numId w:val="21"/>
        </w:numPr>
        <w:spacing w:after="230"/>
        <w:ind w:right="396" w:hanging="360"/>
      </w:pPr>
      <w:r>
        <w:lastRenderedPageBreak/>
        <w:t>Parent sought to provide sufficient capital support to its subsidiary.</w:t>
      </w:r>
    </w:p>
    <w:p w14:paraId="00A77662" w14:textId="77777777" w:rsidR="00CF54CB" w:rsidRDefault="00344004">
      <w:pPr>
        <w:ind w:left="105" w:right="396" w:firstLine="6"/>
      </w:pPr>
      <w:r>
        <w:rPr>
          <w:b/>
          <w:u w:val="single"/>
        </w:rPr>
        <w:t>B</w:t>
      </w:r>
      <w:r>
        <w:rPr>
          <w:b/>
          <w:sz w:val="19"/>
          <w:szCs w:val="19"/>
          <w:u w:val="single"/>
        </w:rPr>
        <w:t>ACKGROUND</w:t>
      </w:r>
      <w:r>
        <w:rPr>
          <w:b/>
        </w:rPr>
        <w:t xml:space="preserve">. </w:t>
      </w:r>
      <w:r>
        <w:t xml:space="preserve">Restructured Troubled Insurance Company (RTIC) was an established property/casualty insurer pursuing a business model outsourcing most of its underwriting and claims functions to managing general agents (MGAs) and third-party administrators (TPAs), respectively. RTIC was licensed and operated in 50 states and wrote directly and through six subsidiary companies. The company had been operating for over 50 years and independent for approximately six years prior to being purchased by its current parent. Following the acquisition, RTIC pursued a modified business strategy for three years before being placed into run-off. RTIC wrote most lines of commercial liability insurance with primary focus on workers’ compensation, accident &amp; health, and general liability insurance. </w:t>
      </w:r>
    </w:p>
    <w:p w14:paraId="33754307" w14:textId="77777777" w:rsidR="00CF54CB" w:rsidRDefault="00344004">
      <w:pPr>
        <w:spacing w:after="0" w:line="259" w:lineRule="auto"/>
        <w:ind w:left="91" w:firstLine="0"/>
        <w:jc w:val="left"/>
      </w:pPr>
      <w:r>
        <w:rPr>
          <w:b/>
        </w:rPr>
        <w:t xml:space="preserve"> </w:t>
      </w:r>
    </w:p>
    <w:p w14:paraId="34992A94" w14:textId="77777777" w:rsidR="00CF54CB" w:rsidRDefault="00344004">
      <w:pPr>
        <w:ind w:left="105" w:right="396" w:firstLine="6"/>
      </w:pPr>
      <w:r>
        <w:rPr>
          <w:b/>
          <w:u w:val="single"/>
        </w:rPr>
        <w:t>C</w:t>
      </w:r>
      <w:r>
        <w:rPr>
          <w:b/>
          <w:sz w:val="19"/>
          <w:szCs w:val="19"/>
          <w:u w:val="single"/>
        </w:rPr>
        <w:t xml:space="preserve">AUSES OF </w:t>
      </w:r>
      <w:r>
        <w:rPr>
          <w:b/>
          <w:u w:val="single"/>
        </w:rPr>
        <w:t>T</w:t>
      </w:r>
      <w:r>
        <w:rPr>
          <w:b/>
          <w:sz w:val="19"/>
          <w:szCs w:val="19"/>
          <w:u w:val="single"/>
        </w:rPr>
        <w:t>ROUBLE</w:t>
      </w:r>
      <w:r>
        <w:rPr>
          <w:b/>
        </w:rPr>
        <w:t xml:space="preserve">. </w:t>
      </w:r>
      <w:r>
        <w:t xml:space="preserve">Although the parent company installed new management and sought to reverse the business decline at RTIC following the acquisition, continued underwriting losses and adverse development from past years resulted in a ratings downgrade at the company. In addition, the California Insurance Department had been monitoring RTIC for some time due to the poor underwriting results and concern over the company’s capitalization. The parent determined that the business model for the company was not appropriate for the then-current market and was not likely to result in a return to profitable business for the company. The parent also determined that the profitable lines of business RTIC was writing could be pursued through restructured and separately capitalized subsidiary companies, while the potential for continued adverse development in certain lines written by RTIC— particularly workers’ compensation—would require substantial new capital for RTIC to regain its ratings. Accordingly, the parent determined to place RTIC into run-off. </w:t>
      </w:r>
    </w:p>
    <w:p w14:paraId="7303363C" w14:textId="77777777" w:rsidR="00CF54CB" w:rsidRDefault="00344004">
      <w:pPr>
        <w:spacing w:after="0" w:line="259" w:lineRule="auto"/>
        <w:ind w:left="91" w:firstLine="0"/>
        <w:jc w:val="left"/>
      </w:pPr>
      <w:r>
        <w:t xml:space="preserve"> </w:t>
      </w:r>
    </w:p>
    <w:p w14:paraId="5D448269" w14:textId="77777777" w:rsidR="00CF54CB" w:rsidRDefault="00344004">
      <w:pPr>
        <w:ind w:left="105" w:right="396" w:firstLine="6"/>
      </w:pPr>
      <w:r>
        <w:rPr>
          <w:b/>
          <w:u w:val="single"/>
        </w:rPr>
        <w:t>P</w:t>
      </w:r>
      <w:r>
        <w:rPr>
          <w:b/>
          <w:sz w:val="19"/>
          <w:szCs w:val="19"/>
          <w:u w:val="single"/>
        </w:rPr>
        <w:t xml:space="preserve">RELIMINARY </w:t>
      </w:r>
      <w:r>
        <w:rPr>
          <w:b/>
          <w:u w:val="single"/>
        </w:rPr>
        <w:t>A</w:t>
      </w:r>
      <w:r>
        <w:rPr>
          <w:b/>
          <w:sz w:val="19"/>
          <w:szCs w:val="19"/>
          <w:u w:val="single"/>
        </w:rPr>
        <w:t>CTIONS</w:t>
      </w:r>
      <w:r>
        <w:rPr>
          <w:b/>
        </w:rPr>
        <w:t xml:space="preserve">. </w:t>
      </w:r>
      <w:r>
        <w:t xml:space="preserve">The parent developed a run-off plan that called for the capital and operational restructuring of RTIC. Representatives of the parent, RTIC, and the run-off manager met with the Department to present a detailed plan for RTIC in run-off. The plan included a restructured capital base intended to provide sufficient flexibility and liquidity for the run-off. A principal component of this restructuring was the merger of a subsidiary of the parent already in run-off into RTIC. This contributed company had been in solvent run-off for a number of years and held sufficient excess capital to support RTIC in run-off. The resulting merged entity was to be placed under the management team of the contributed company, a dedicated professional team with 10 years of experience in the operation of run- off companies. </w:t>
      </w:r>
    </w:p>
    <w:p w14:paraId="284BD9E0" w14:textId="77777777" w:rsidR="00CF54CB" w:rsidRDefault="00344004">
      <w:pPr>
        <w:spacing w:after="0" w:line="259" w:lineRule="auto"/>
        <w:ind w:left="91" w:firstLine="0"/>
        <w:jc w:val="left"/>
      </w:pPr>
      <w:r>
        <w:t xml:space="preserve"> </w:t>
      </w:r>
    </w:p>
    <w:p w14:paraId="00F23727" w14:textId="77777777" w:rsidR="00CF54CB" w:rsidRDefault="00344004">
      <w:pPr>
        <w:ind w:left="105" w:right="839" w:firstLine="6"/>
      </w:pPr>
      <w:r>
        <w:t xml:space="preserve">Over the course of a three-month period, the Department and the company representatives met frequently to refine the run-off plan. The Department was receptive to a solvent run-off under the control of the parent, provided that the parent could demonstrate sufficient capitalization within RTIC, the establishment of certain financial standards for RTIC, and enhanced financial and operational reporting by the company. Upon approval by the Department of the run-off plan and the merger, RTIC was formally placed in run-off. </w:t>
      </w:r>
    </w:p>
    <w:p w14:paraId="673A7F4C" w14:textId="77777777" w:rsidR="00CF54CB" w:rsidRDefault="00344004">
      <w:pPr>
        <w:spacing w:after="0" w:line="259" w:lineRule="auto"/>
        <w:ind w:left="91" w:firstLine="0"/>
        <w:jc w:val="left"/>
      </w:pPr>
      <w:r>
        <w:rPr>
          <w:b/>
        </w:rPr>
        <w:t xml:space="preserve"> </w:t>
      </w:r>
    </w:p>
    <w:p w14:paraId="4A32864A" w14:textId="77777777" w:rsidR="00CF54CB" w:rsidRDefault="00344004">
      <w:pPr>
        <w:ind w:left="105" w:right="836" w:firstLine="6"/>
      </w:pPr>
      <w:r>
        <w:rPr>
          <w:b/>
          <w:u w:val="single"/>
        </w:rPr>
        <w:t>C</w:t>
      </w:r>
      <w:r>
        <w:rPr>
          <w:b/>
          <w:sz w:val="19"/>
          <w:szCs w:val="19"/>
          <w:u w:val="single"/>
        </w:rPr>
        <w:t xml:space="preserve">ORRECTIVE </w:t>
      </w:r>
      <w:r>
        <w:rPr>
          <w:b/>
          <w:u w:val="single"/>
        </w:rPr>
        <w:t>A</w:t>
      </w:r>
      <w:r>
        <w:rPr>
          <w:b/>
          <w:sz w:val="19"/>
          <w:szCs w:val="19"/>
          <w:u w:val="single"/>
        </w:rPr>
        <w:t>CTIONS</w:t>
      </w:r>
      <w:r>
        <w:rPr>
          <w:b/>
        </w:rPr>
        <w:t xml:space="preserve">. </w:t>
      </w:r>
      <w:r>
        <w:t xml:space="preserve">The Department, the parent, and RTIC entered into an agreement that required RTIC to maintain a minimum RBC standard of 200%, a net-reserves-to-surplus ratio of no greater than 3-to-1, and a specified minimum surplus amount. The parent guaranteed that RTIC would meet these standards. RTIC also agreed to provide frequent and detailed reporting to the Department on the progress of the run-off. </w:t>
      </w:r>
    </w:p>
    <w:p w14:paraId="0F56979B" w14:textId="77777777" w:rsidR="00CF54CB" w:rsidRDefault="00344004">
      <w:pPr>
        <w:spacing w:after="0" w:line="259" w:lineRule="auto"/>
        <w:ind w:left="91" w:firstLine="0"/>
        <w:jc w:val="left"/>
      </w:pPr>
      <w:r>
        <w:t xml:space="preserve"> </w:t>
      </w:r>
    </w:p>
    <w:p w14:paraId="0802DD2B" w14:textId="77777777" w:rsidR="00CF54CB" w:rsidRDefault="00344004">
      <w:pPr>
        <w:ind w:left="105" w:right="836" w:firstLine="6"/>
      </w:pPr>
      <w:r>
        <w:lastRenderedPageBreak/>
        <w:t xml:space="preserve">Based upon the company’s actuarial analysis and a separate review by the Department, RTIC strengthened reserves in certain lines. The run-off plan also included a restructuring of the capital of RTIC which, in addition to the merger, included the contribution of a three-year term note from the parent to insure liquidity and sufficient capital, and the transfer of the stock of certain affiliated companies from RTIC into a trust in favor of RTIC. Certain subsidiaries of RTIC were purchased by the parent to continue writing certain lines outside of the run-off. RTIC reduced staff, and certain operations were subsequently transferred directly to the run-off manager. A retention plan was created to help retain knowledgeable, talented staff and management for the run-off. RTIC met separately with the domestic regulators of its subsidiary insurance companies to inform them of the plan and obtain their approval where necessary. RTIC and the Department also coordinated with NAIC staff to inform all interested states of the situation at an NAIC regulator meeting and to provide regulators with the opportunity to ask questions or air concerns. </w:t>
      </w:r>
    </w:p>
    <w:p w14:paraId="70EB7583" w14:textId="77777777" w:rsidR="00CF54CB" w:rsidRDefault="00344004">
      <w:pPr>
        <w:spacing w:after="0" w:line="259" w:lineRule="auto"/>
        <w:ind w:left="91" w:firstLine="0"/>
        <w:jc w:val="left"/>
      </w:pPr>
      <w:r>
        <w:t xml:space="preserve"> </w:t>
      </w:r>
    </w:p>
    <w:p w14:paraId="140819F4" w14:textId="77777777" w:rsidR="00CF54CB" w:rsidRDefault="00344004">
      <w:pPr>
        <w:ind w:left="105" w:right="838" w:firstLine="6"/>
      </w:pPr>
      <w:r>
        <w:t xml:space="preserve">With the Department’s agreement, RTIC began to terminate its MGA and most of its TPA agreements and assumed direct control of most of its claims. The company then began to aggressively settle claims, reduce its overall exposures, and commute certain reinsurance contracts where protection was uncertain or disputed. The investment manager restructured RTIC’s investment portfolio to better address the anticipated cash flow and capital requirements of the run-off. </w:t>
      </w:r>
    </w:p>
    <w:p w14:paraId="15D866C2" w14:textId="77777777" w:rsidR="00CF54CB" w:rsidRDefault="00344004">
      <w:pPr>
        <w:spacing w:after="0" w:line="259" w:lineRule="auto"/>
        <w:ind w:left="91" w:firstLine="0"/>
        <w:jc w:val="left"/>
      </w:pPr>
      <w:r>
        <w:rPr>
          <w:b/>
        </w:rPr>
        <w:t xml:space="preserve"> </w:t>
      </w:r>
    </w:p>
    <w:p w14:paraId="29EACE09" w14:textId="77777777" w:rsidR="00CF54CB" w:rsidRDefault="00344004">
      <w:pPr>
        <w:ind w:left="105" w:right="837" w:firstLine="6"/>
      </w:pPr>
      <w:r>
        <w:rPr>
          <w:b/>
          <w:u w:val="single"/>
        </w:rPr>
        <w:t>P</w:t>
      </w:r>
      <w:r>
        <w:rPr>
          <w:b/>
          <w:sz w:val="19"/>
          <w:szCs w:val="19"/>
          <w:u w:val="single"/>
        </w:rPr>
        <w:t xml:space="preserve">ROGRESS OF THE </w:t>
      </w:r>
      <w:r>
        <w:rPr>
          <w:b/>
          <w:u w:val="single"/>
        </w:rPr>
        <w:t>R</w:t>
      </w:r>
      <w:r>
        <w:rPr>
          <w:b/>
          <w:sz w:val="19"/>
          <w:szCs w:val="19"/>
          <w:u w:val="single"/>
        </w:rPr>
        <w:t>UN</w:t>
      </w:r>
      <w:r>
        <w:rPr>
          <w:b/>
          <w:u w:val="single"/>
        </w:rPr>
        <w:t>-</w:t>
      </w:r>
      <w:r>
        <w:rPr>
          <w:b/>
          <w:sz w:val="19"/>
          <w:szCs w:val="19"/>
          <w:u w:val="single"/>
        </w:rPr>
        <w:t>OFF</w:t>
      </w:r>
      <w:r>
        <w:rPr>
          <w:b/>
        </w:rPr>
        <w:t xml:space="preserve">. </w:t>
      </w:r>
      <w:r>
        <w:t xml:space="preserve">The Department’s cooperation with management and establishment of clear operating guidelines, the capital support at RTIC provided by the parent, and singular focus of management on the satisfaction of RTIC’s obligations and responsible management of the company’s assets have resulted in a stable and successful run-off. Five years into the run-off, RTIC had reduced open claims by approximately 85%, reduced reserves by approximately 40%, and increased surplus by over 70%. The stabilization of RTIC, its successful execution of the run-off plan, and gains in its investment portfolio have resulted in the Department’s agreement to terminate the trust arrangements created for the affiliated company investments, deferral, and subsequent forgiveness of the third installment of the parent note and the return of excess capital from RTIC to the parent. RTIC continues to adhere to the established financial standards, maintaining a comfortable margin over the minimum requirements established by the Department. RTIC management and the Department continue to meet approximately quarterly to review the progress of the run-off. </w:t>
      </w:r>
    </w:p>
    <w:p w14:paraId="2FEEF388" w14:textId="77777777" w:rsidR="00CF54CB" w:rsidRDefault="00344004">
      <w:pPr>
        <w:spacing w:after="30" w:line="259" w:lineRule="auto"/>
        <w:ind w:left="91" w:firstLine="0"/>
        <w:jc w:val="left"/>
      </w:pPr>
      <w:r>
        <w:rPr>
          <w:sz w:val="22"/>
          <w:szCs w:val="22"/>
        </w:rPr>
        <w:t xml:space="preserve"> </w:t>
      </w:r>
    </w:p>
    <w:p w14:paraId="7D016E16" w14:textId="77777777" w:rsidR="00CF54CB" w:rsidRDefault="00344004">
      <w:pPr>
        <w:spacing w:after="4" w:line="265" w:lineRule="auto"/>
        <w:ind w:left="1166" w:right="56" w:hanging="10"/>
        <w:jc w:val="left"/>
      </w:pPr>
      <w:r>
        <w:rPr>
          <w:b/>
        </w:rPr>
        <w:t>4.</w:t>
      </w:r>
      <w:r>
        <w:rPr>
          <w:rFonts w:ascii="Arial" w:eastAsia="Arial" w:hAnsi="Arial" w:cs="Arial"/>
          <w:b/>
        </w:rPr>
        <w:t xml:space="preserve"> </w:t>
      </w:r>
      <w:r>
        <w:rPr>
          <w:b/>
        </w:rPr>
        <w:t>R</w:t>
      </w:r>
      <w:r>
        <w:rPr>
          <w:b/>
          <w:sz w:val="19"/>
          <w:szCs w:val="19"/>
        </w:rPr>
        <w:t xml:space="preserve">ESTRUCTURED </w:t>
      </w:r>
      <w:r>
        <w:rPr>
          <w:b/>
        </w:rPr>
        <w:t>T</w:t>
      </w:r>
      <w:r>
        <w:rPr>
          <w:b/>
          <w:sz w:val="19"/>
          <w:szCs w:val="19"/>
        </w:rPr>
        <w:t xml:space="preserve">ROUBLED </w:t>
      </w:r>
      <w:r>
        <w:rPr>
          <w:b/>
        </w:rPr>
        <w:t>L</w:t>
      </w:r>
      <w:r>
        <w:rPr>
          <w:b/>
          <w:sz w:val="19"/>
          <w:szCs w:val="19"/>
        </w:rPr>
        <w:t>ONG</w:t>
      </w:r>
      <w:r>
        <w:rPr>
          <w:b/>
        </w:rPr>
        <w:t>-T</w:t>
      </w:r>
      <w:r>
        <w:rPr>
          <w:b/>
          <w:sz w:val="19"/>
          <w:szCs w:val="19"/>
        </w:rPr>
        <w:t xml:space="preserve">ERM </w:t>
      </w:r>
      <w:r>
        <w:rPr>
          <w:b/>
        </w:rPr>
        <w:t>C</w:t>
      </w:r>
      <w:r>
        <w:rPr>
          <w:b/>
          <w:sz w:val="19"/>
          <w:szCs w:val="19"/>
        </w:rPr>
        <w:t xml:space="preserve">ARE </w:t>
      </w:r>
      <w:r>
        <w:rPr>
          <w:b/>
        </w:rPr>
        <w:t>C</w:t>
      </w:r>
      <w:r>
        <w:rPr>
          <w:b/>
          <w:sz w:val="19"/>
          <w:szCs w:val="19"/>
        </w:rPr>
        <w:t xml:space="preserve">OMPANY </w:t>
      </w:r>
    </w:p>
    <w:p w14:paraId="3AE93F59" w14:textId="77777777" w:rsidR="00CF54CB" w:rsidRDefault="00344004">
      <w:pPr>
        <w:spacing w:after="0" w:line="259" w:lineRule="auto"/>
        <w:ind w:left="91" w:firstLine="0"/>
        <w:jc w:val="left"/>
      </w:pPr>
      <w:r>
        <w:rPr>
          <w:b/>
          <w:sz w:val="23"/>
          <w:szCs w:val="23"/>
        </w:rPr>
        <w:t xml:space="preserve"> </w:t>
      </w:r>
    </w:p>
    <w:p w14:paraId="21300ED4" w14:textId="77777777" w:rsidR="00CF54CB" w:rsidRDefault="00344004">
      <w:pPr>
        <w:ind w:left="105" w:right="396" w:firstLine="6"/>
      </w:pPr>
      <w:r>
        <w:t xml:space="preserve">Company characteristics, circumstances, and concerns: </w:t>
      </w:r>
    </w:p>
    <w:p w14:paraId="4BB59828" w14:textId="77777777" w:rsidR="00CF54CB" w:rsidRDefault="00344004">
      <w:pPr>
        <w:numPr>
          <w:ilvl w:val="0"/>
          <w:numId w:val="22"/>
        </w:numPr>
        <w:ind w:right="396" w:hanging="360"/>
      </w:pPr>
      <w:r>
        <w:t xml:space="preserve">A stock life, accident and health company. </w:t>
      </w:r>
    </w:p>
    <w:p w14:paraId="109B18C4" w14:textId="77777777" w:rsidR="00CF54CB" w:rsidRDefault="00344004">
      <w:pPr>
        <w:numPr>
          <w:ilvl w:val="0"/>
          <w:numId w:val="22"/>
        </w:numPr>
        <w:ind w:right="396" w:hanging="360"/>
      </w:pPr>
      <w:r>
        <w:t xml:space="preserve">Part of a large national life and A&amp;H group. </w:t>
      </w:r>
    </w:p>
    <w:p w14:paraId="2911CFB3" w14:textId="77777777" w:rsidR="00CF54CB" w:rsidRDefault="00344004">
      <w:pPr>
        <w:numPr>
          <w:ilvl w:val="0"/>
          <w:numId w:val="22"/>
        </w:numPr>
        <w:ind w:right="396" w:hanging="360"/>
      </w:pPr>
      <w:r>
        <w:t xml:space="preserve">Primary line of business is a closed block of predominately long-term care in force. </w:t>
      </w:r>
    </w:p>
    <w:p w14:paraId="2B59DE38" w14:textId="77777777" w:rsidR="00CF54CB" w:rsidRDefault="00344004">
      <w:pPr>
        <w:numPr>
          <w:ilvl w:val="0"/>
          <w:numId w:val="22"/>
        </w:numPr>
        <w:ind w:right="396" w:hanging="360"/>
      </w:pPr>
      <w:r>
        <w:t xml:space="preserve">Ceased writing new business five years prior to restructuring. </w:t>
      </w:r>
    </w:p>
    <w:p w14:paraId="31AEDC2B" w14:textId="77777777" w:rsidR="00CF54CB" w:rsidRDefault="00344004">
      <w:pPr>
        <w:numPr>
          <w:ilvl w:val="0"/>
          <w:numId w:val="22"/>
        </w:numPr>
        <w:ind w:right="396" w:hanging="360"/>
      </w:pPr>
      <w:r>
        <w:t xml:space="preserve">Received large capital contributions from parent for many years. </w:t>
      </w:r>
    </w:p>
    <w:p w14:paraId="1C411E96" w14:textId="77777777" w:rsidR="00CF54CB" w:rsidRDefault="00344004">
      <w:pPr>
        <w:numPr>
          <w:ilvl w:val="0"/>
          <w:numId w:val="22"/>
        </w:numPr>
        <w:ind w:right="396" w:hanging="360"/>
      </w:pPr>
      <w:r>
        <w:t xml:space="preserve">Continuous premium rate increase requests. </w:t>
      </w:r>
    </w:p>
    <w:p w14:paraId="093F267B" w14:textId="77777777" w:rsidR="00CF54CB" w:rsidRDefault="00344004">
      <w:pPr>
        <w:numPr>
          <w:ilvl w:val="0"/>
          <w:numId w:val="22"/>
        </w:numPr>
        <w:ind w:right="396" w:hanging="360"/>
      </w:pPr>
      <w:r>
        <w:t xml:space="preserve">Adverse claim development and reserve strengthening. </w:t>
      </w:r>
    </w:p>
    <w:p w14:paraId="56B3E2D2" w14:textId="77777777" w:rsidR="00CF54CB" w:rsidRDefault="00344004">
      <w:pPr>
        <w:numPr>
          <w:ilvl w:val="0"/>
          <w:numId w:val="22"/>
        </w:numPr>
        <w:ind w:right="396" w:hanging="360"/>
      </w:pPr>
      <w:r>
        <w:t xml:space="preserve">Low RBC ratio. </w:t>
      </w:r>
    </w:p>
    <w:p w14:paraId="4E117D96" w14:textId="77777777" w:rsidR="00CF54CB" w:rsidRDefault="00344004">
      <w:pPr>
        <w:spacing w:after="0" w:line="259" w:lineRule="auto"/>
        <w:ind w:left="91" w:firstLine="0"/>
        <w:jc w:val="left"/>
      </w:pPr>
      <w:r>
        <w:rPr>
          <w:sz w:val="23"/>
          <w:szCs w:val="23"/>
        </w:rPr>
        <w:t xml:space="preserve"> </w:t>
      </w:r>
    </w:p>
    <w:p w14:paraId="100BC188" w14:textId="77777777" w:rsidR="00CF54CB" w:rsidRDefault="00344004">
      <w:pPr>
        <w:ind w:left="105" w:right="396" w:firstLine="6"/>
      </w:pPr>
      <w:r>
        <w:rPr>
          <w:b/>
          <w:u w:val="single"/>
        </w:rPr>
        <w:t>B</w:t>
      </w:r>
      <w:r>
        <w:rPr>
          <w:b/>
          <w:sz w:val="19"/>
          <w:szCs w:val="19"/>
          <w:u w:val="single"/>
        </w:rPr>
        <w:t>ACKGROUND</w:t>
      </w:r>
      <w:r>
        <w:rPr>
          <w:b/>
          <w:u w:val="single"/>
        </w:rPr>
        <w:t>.</w:t>
      </w:r>
      <w:r>
        <w:rPr>
          <w:b/>
        </w:rPr>
        <w:t xml:space="preserve"> </w:t>
      </w:r>
      <w:r>
        <w:t xml:space="preserve">Restructured Troubled Long-Term Care Company was a writer of predominately long- term care business, operating in most of the 46 states, D.C., and the U.S. Virgin Islands. It had held a firm </w:t>
      </w:r>
      <w:r>
        <w:lastRenderedPageBreak/>
        <w:t xml:space="preserve">niche position in the long-term care market with profitable operations and a conservative balance sheet. The long-term care block of business was written by the Company and its predecessor companies prior to being acquired by the Company in the 1990s. </w:t>
      </w:r>
    </w:p>
    <w:p w14:paraId="2E0C304F" w14:textId="77777777" w:rsidR="00CF54CB" w:rsidRDefault="00344004">
      <w:pPr>
        <w:spacing w:after="0" w:line="259" w:lineRule="auto"/>
        <w:ind w:left="91" w:firstLine="0"/>
        <w:jc w:val="left"/>
      </w:pPr>
      <w:r>
        <w:rPr>
          <w:b/>
        </w:rPr>
        <w:t xml:space="preserve"> </w:t>
      </w:r>
    </w:p>
    <w:p w14:paraId="24A61F7E" w14:textId="77777777" w:rsidR="00CF54CB" w:rsidRDefault="00344004">
      <w:pPr>
        <w:ind w:left="105" w:right="396" w:firstLine="6"/>
      </w:pPr>
      <w:r>
        <w:rPr>
          <w:b/>
          <w:u w:val="single"/>
        </w:rPr>
        <w:t>C</w:t>
      </w:r>
      <w:r>
        <w:rPr>
          <w:b/>
          <w:sz w:val="19"/>
          <w:szCs w:val="19"/>
          <w:u w:val="single"/>
        </w:rPr>
        <w:t xml:space="preserve">AUSES OF </w:t>
      </w:r>
      <w:r>
        <w:rPr>
          <w:b/>
          <w:u w:val="single"/>
        </w:rPr>
        <w:t>T</w:t>
      </w:r>
      <w:r>
        <w:rPr>
          <w:b/>
          <w:sz w:val="19"/>
          <w:szCs w:val="19"/>
          <w:u w:val="single"/>
        </w:rPr>
        <w:t>ROUBLE</w:t>
      </w:r>
      <w:r>
        <w:rPr>
          <w:b/>
          <w:u w:val="single"/>
        </w:rPr>
        <w:t>.</w:t>
      </w:r>
      <w:r>
        <w:rPr>
          <w:b/>
        </w:rPr>
        <w:t xml:space="preserve"> </w:t>
      </w:r>
      <w:r>
        <w:t xml:space="preserve">Shortly after the acquisition of long-term care blocks in the 1990s, the Company reported a reserve deficiency. The Company phased in a new reserve valuation basis for long-term care policies, requested and implemented premium rate increases, and implemented tighter underwriting standards. The cause of trouble was under-pricing and under-reserving that became evident as the company experienced claim costs and utilization that exceeded expectations. The original pricing assumptions on long-term care assumed a 4% to 5% lapse rate, while the actual lapse rate was only 1% to 2%. Additionally, the Company’s investment return assumptions were much higher than actual returns. </w:t>
      </w:r>
    </w:p>
    <w:p w14:paraId="1412E19E" w14:textId="77777777" w:rsidR="00CF54CB" w:rsidRDefault="00344004">
      <w:pPr>
        <w:spacing w:after="0" w:line="259" w:lineRule="auto"/>
        <w:ind w:left="91" w:firstLine="0"/>
        <w:jc w:val="left"/>
      </w:pPr>
      <w:r>
        <w:t xml:space="preserve"> </w:t>
      </w:r>
    </w:p>
    <w:p w14:paraId="336630C2" w14:textId="77777777" w:rsidR="00CF54CB" w:rsidRDefault="00344004">
      <w:pPr>
        <w:ind w:left="105" w:right="396" w:firstLine="6"/>
      </w:pPr>
      <w:r>
        <w:t xml:space="preserve">Over the course of more than a dozen years, the Company received capital contributions to offset losses. The Company reported an increasingly larger reserve deficiency each year from 1998 to 2007, several years in excess of $100 million deficient. The Company reported net losses in each year from 1997 to 2007. </w:t>
      </w:r>
    </w:p>
    <w:p w14:paraId="72694B74" w14:textId="77777777" w:rsidR="00CF54CB" w:rsidRDefault="00344004">
      <w:pPr>
        <w:spacing w:after="0" w:line="259" w:lineRule="auto"/>
        <w:ind w:left="91" w:firstLine="0"/>
        <w:jc w:val="left"/>
      </w:pPr>
      <w:r>
        <w:rPr>
          <w:b/>
        </w:rPr>
        <w:t xml:space="preserve"> </w:t>
      </w:r>
    </w:p>
    <w:p w14:paraId="4C809E32" w14:textId="77777777" w:rsidR="00CF54CB" w:rsidRDefault="00344004">
      <w:pPr>
        <w:ind w:left="105" w:right="396" w:firstLine="6"/>
      </w:pPr>
      <w:r>
        <w:rPr>
          <w:b/>
          <w:u w:val="single"/>
        </w:rPr>
        <w:t>P</w:t>
      </w:r>
      <w:r>
        <w:rPr>
          <w:b/>
          <w:sz w:val="19"/>
          <w:szCs w:val="19"/>
          <w:u w:val="single"/>
        </w:rPr>
        <w:t xml:space="preserve">RELIMINARY </w:t>
      </w:r>
      <w:r>
        <w:rPr>
          <w:b/>
          <w:u w:val="single"/>
        </w:rPr>
        <w:t>A</w:t>
      </w:r>
      <w:r>
        <w:rPr>
          <w:b/>
          <w:sz w:val="19"/>
          <w:szCs w:val="19"/>
          <w:u w:val="single"/>
        </w:rPr>
        <w:t>CTIONS</w:t>
      </w:r>
      <w:r>
        <w:rPr>
          <w:b/>
          <w:u w:val="single"/>
        </w:rPr>
        <w:t>.</w:t>
      </w:r>
      <w:r>
        <w:rPr>
          <w:b/>
        </w:rPr>
        <w:t xml:space="preserve"> </w:t>
      </w:r>
      <w:r>
        <w:t xml:space="preserve">In 2003, Company management decided to stop marketing insurance products and to place the Company in run-off. The insurance department began monitoring the Company monthly and meeting with Company management on a quarterly basis as a result of continued poor operating performance, reserve deficiencies, and multi-year rate increase requests. A study was conducted of the Company’s incurred claims experience. As a result, the Company updated the claim cost assumptions underlying the contract reserves and unearned premium reserves for the long-term care policies. The change was made using the “pivot” method, such that the change in claim costs would be accrued into the reserve balance over time. Multiple premium rate increases were sought. Over the course of 15 years, the Company received over $900 million in capital contributions from the parent. The parent company indicated that no future capital contributions would be forthcoming. </w:t>
      </w:r>
    </w:p>
    <w:p w14:paraId="7D41C425" w14:textId="77777777" w:rsidR="00CF54CB" w:rsidRDefault="00344004">
      <w:pPr>
        <w:spacing w:after="0" w:line="259" w:lineRule="auto"/>
        <w:ind w:left="91" w:firstLine="0"/>
        <w:jc w:val="left"/>
      </w:pPr>
      <w:r>
        <w:t xml:space="preserve"> </w:t>
      </w:r>
    </w:p>
    <w:p w14:paraId="5F0EB36E" w14:textId="77777777" w:rsidR="00CF54CB" w:rsidRDefault="00344004">
      <w:pPr>
        <w:ind w:left="105" w:right="396" w:firstLine="6"/>
      </w:pPr>
      <w:r>
        <w:t xml:space="preserve">The Company also came under scrutiny for market conduct issues, including claims administration and complaint handling practices. The Company underwent a market conduct examination to get a further understanding of the market conduct problems  within the Company and, as a result, a settlement agreement was reached, recommendations for corrective measures were made, and an improvement plan was developed. The settlement included a monetary penalty for violations; a contingent penalty for non- compliance with improvements, including systems upgrades and improved claims administration; and restitution and remediation regarding the reevaluation of denied claims. </w:t>
      </w:r>
    </w:p>
    <w:p w14:paraId="520663B1" w14:textId="77777777" w:rsidR="00CF54CB" w:rsidRDefault="00344004">
      <w:pPr>
        <w:spacing w:after="0" w:line="259" w:lineRule="auto"/>
        <w:ind w:left="91" w:firstLine="0"/>
        <w:jc w:val="left"/>
      </w:pPr>
      <w:r>
        <w:t xml:space="preserve"> </w:t>
      </w:r>
    </w:p>
    <w:p w14:paraId="5A2B6A3F" w14:textId="77777777" w:rsidR="00CF54CB" w:rsidRDefault="00344004">
      <w:pPr>
        <w:ind w:left="105" w:right="396" w:firstLine="6"/>
      </w:pPr>
      <w:r>
        <w:rPr>
          <w:b/>
          <w:u w:val="single"/>
        </w:rPr>
        <w:t>C</w:t>
      </w:r>
      <w:r>
        <w:rPr>
          <w:b/>
          <w:sz w:val="19"/>
          <w:szCs w:val="19"/>
          <w:u w:val="single"/>
        </w:rPr>
        <w:t xml:space="preserve">ORRECTIVE </w:t>
      </w:r>
      <w:r>
        <w:rPr>
          <w:b/>
          <w:u w:val="single"/>
        </w:rPr>
        <w:t>A</w:t>
      </w:r>
      <w:r>
        <w:rPr>
          <w:b/>
          <w:sz w:val="19"/>
          <w:szCs w:val="19"/>
          <w:u w:val="single"/>
        </w:rPr>
        <w:t>CTIONS</w:t>
      </w:r>
      <w:r>
        <w:rPr>
          <w:b/>
          <w:u w:val="single"/>
        </w:rPr>
        <w:t>.</w:t>
      </w:r>
      <w:r>
        <w:rPr>
          <w:b/>
        </w:rPr>
        <w:t xml:space="preserve"> </w:t>
      </w:r>
      <w:r>
        <w:t xml:space="preserve">With the approval of the insurance department, the Company’s parent transferred the stock of the Company to a non-profit independent trust. In connection with the transfer, the parent contributed additional capital to the Company to fund future operating expenses. The capital was in the form of senior notes payable, invested assets, cash, and the forgiveness of unpaid dividends. The trust is intended to operate the Company for the exclusive benefit of the long-term care policyholders, without a profit motive. It is governed by a board of trustees under the oversight of the insurance department, as outlined in the Form A Acquisition Order. </w:t>
      </w:r>
    </w:p>
    <w:p w14:paraId="4E97D0C5" w14:textId="77777777" w:rsidR="00CF54CB" w:rsidRDefault="00344004">
      <w:pPr>
        <w:spacing w:after="34" w:line="259" w:lineRule="auto"/>
        <w:ind w:left="91" w:firstLine="0"/>
        <w:jc w:val="left"/>
      </w:pPr>
      <w:r>
        <w:rPr>
          <w:sz w:val="22"/>
          <w:szCs w:val="22"/>
        </w:rPr>
        <w:t xml:space="preserve"> </w:t>
      </w:r>
    </w:p>
    <w:p w14:paraId="31310643" w14:textId="77777777" w:rsidR="00CF54CB" w:rsidRDefault="00344004">
      <w:pPr>
        <w:spacing w:after="4" w:line="265" w:lineRule="auto"/>
        <w:ind w:left="1166" w:right="56" w:hanging="10"/>
        <w:jc w:val="left"/>
      </w:pPr>
      <w:r>
        <w:rPr>
          <w:b/>
        </w:rPr>
        <w:t>5.</w:t>
      </w:r>
      <w:r>
        <w:rPr>
          <w:rFonts w:ascii="Arial" w:eastAsia="Arial" w:hAnsi="Arial" w:cs="Arial"/>
          <w:b/>
        </w:rPr>
        <w:t xml:space="preserve"> </w:t>
      </w:r>
      <w:r>
        <w:rPr>
          <w:b/>
        </w:rPr>
        <w:t>L</w:t>
      </w:r>
      <w:r>
        <w:rPr>
          <w:b/>
          <w:sz w:val="19"/>
          <w:szCs w:val="19"/>
        </w:rPr>
        <w:t xml:space="preserve">IABILITY OF INSURERS TRANSFERRED TO THIRD PARTY </w:t>
      </w:r>
      <w:r>
        <w:rPr>
          <w:b/>
        </w:rPr>
        <w:t>– E</w:t>
      </w:r>
      <w:r>
        <w:rPr>
          <w:b/>
          <w:sz w:val="19"/>
          <w:szCs w:val="19"/>
        </w:rPr>
        <w:t xml:space="preserve">UROPE </w:t>
      </w:r>
    </w:p>
    <w:p w14:paraId="40C9F302" w14:textId="77777777" w:rsidR="00CF54CB" w:rsidRDefault="00344004">
      <w:pPr>
        <w:spacing w:after="0" w:line="259" w:lineRule="auto"/>
        <w:ind w:left="91" w:firstLine="0"/>
        <w:jc w:val="left"/>
      </w:pPr>
      <w:r>
        <w:rPr>
          <w:b/>
          <w:sz w:val="23"/>
          <w:szCs w:val="23"/>
        </w:rPr>
        <w:t xml:space="preserve"> </w:t>
      </w:r>
    </w:p>
    <w:p w14:paraId="1E7C762F" w14:textId="77777777" w:rsidR="00CF54CB" w:rsidRDefault="00344004">
      <w:pPr>
        <w:ind w:left="105" w:right="396" w:firstLine="6"/>
      </w:pPr>
      <w:r>
        <w:rPr>
          <w:b/>
          <w:u w:val="single"/>
        </w:rPr>
        <w:lastRenderedPageBreak/>
        <w:t>B</w:t>
      </w:r>
      <w:r>
        <w:rPr>
          <w:b/>
          <w:sz w:val="19"/>
          <w:szCs w:val="19"/>
          <w:u w:val="single"/>
        </w:rPr>
        <w:t>ACKGROUND</w:t>
      </w:r>
      <w:r>
        <w:rPr>
          <w:b/>
        </w:rPr>
        <w:t xml:space="preserve">. </w:t>
      </w:r>
      <w:r>
        <w:t xml:space="preserve">The European market is a provider of insurance and reinsurance to insureds and cedents worldwide. </w:t>
      </w:r>
    </w:p>
    <w:p w14:paraId="27CEB67A" w14:textId="77777777" w:rsidR="00CF54CB" w:rsidRDefault="00344004">
      <w:pPr>
        <w:spacing w:after="0" w:line="259" w:lineRule="auto"/>
        <w:ind w:left="91" w:firstLine="0"/>
        <w:jc w:val="left"/>
      </w:pPr>
      <w:r>
        <w:t xml:space="preserve"> </w:t>
      </w:r>
    </w:p>
    <w:p w14:paraId="403B3226" w14:textId="77777777" w:rsidR="00CF54CB" w:rsidRDefault="00344004">
      <w:pPr>
        <w:ind w:left="105" w:right="396" w:firstLine="6"/>
      </w:pPr>
      <w:r>
        <w:t xml:space="preserve">Events that took place in Europe during the 1990s provide an example of an extreme case of a market coming to the brink of collapse, only to be saved by a series of transactions that were simple in concept but, of necessity, very complex in their implementation. Those transactions amounted to what has become a famous event in the history of insurance. Most recently the final transaction took place, which had the effect of removing the outstanding liabilities of the re/insurers in question. </w:t>
      </w:r>
    </w:p>
    <w:p w14:paraId="39FFAEC0" w14:textId="77777777" w:rsidR="00CF54CB" w:rsidRDefault="00344004">
      <w:pPr>
        <w:spacing w:after="0" w:line="259" w:lineRule="auto"/>
        <w:ind w:left="91" w:firstLine="0"/>
        <w:jc w:val="left"/>
      </w:pPr>
      <w:r>
        <w:t xml:space="preserve"> </w:t>
      </w:r>
    </w:p>
    <w:p w14:paraId="20DFD883" w14:textId="77777777" w:rsidR="00CF54CB" w:rsidRDefault="00344004">
      <w:pPr>
        <w:ind w:left="105" w:right="396" w:firstLine="6"/>
      </w:pPr>
      <w:r>
        <w:rPr>
          <w:b/>
          <w:u w:val="single"/>
        </w:rPr>
        <w:t>C</w:t>
      </w:r>
      <w:r>
        <w:rPr>
          <w:b/>
          <w:sz w:val="19"/>
          <w:szCs w:val="19"/>
          <w:u w:val="single"/>
        </w:rPr>
        <w:t xml:space="preserve">AUSES OF </w:t>
      </w:r>
      <w:r>
        <w:rPr>
          <w:b/>
          <w:u w:val="single"/>
        </w:rPr>
        <w:t>T</w:t>
      </w:r>
      <w:r>
        <w:rPr>
          <w:b/>
          <w:sz w:val="19"/>
          <w:szCs w:val="19"/>
          <w:u w:val="single"/>
        </w:rPr>
        <w:t>ROUBLE</w:t>
      </w:r>
      <w:r>
        <w:rPr>
          <w:b/>
          <w:u w:val="single"/>
        </w:rPr>
        <w:t>.</w:t>
      </w:r>
      <w:r>
        <w:rPr>
          <w:b/>
        </w:rPr>
        <w:t xml:space="preserve"> </w:t>
      </w:r>
      <w:r>
        <w:t xml:space="preserve">In the early 1990s there was an unexpected, huge increase in long-tail liability claims (typically asbestos, pollution and health hazard) made against certain European market insurers. Many of these insurers faced collapse, as the liabilities swamping the market and the difficulty in estimating the IBNR and calculating an appropriate reinsurance premium were so great. The effect was that several troubled European insurers were without protection and remained exposed to the incoming claims. </w:t>
      </w:r>
    </w:p>
    <w:p w14:paraId="4681EE7C" w14:textId="77777777" w:rsidR="00CF54CB" w:rsidRDefault="00344004">
      <w:pPr>
        <w:spacing w:after="0" w:line="259" w:lineRule="auto"/>
        <w:ind w:left="91" w:firstLine="0"/>
        <w:jc w:val="left"/>
      </w:pPr>
      <w:r>
        <w:t xml:space="preserve"> </w:t>
      </w:r>
    </w:p>
    <w:p w14:paraId="01A6DD2C" w14:textId="77777777" w:rsidR="00CF54CB" w:rsidRDefault="00344004">
      <w:pPr>
        <w:ind w:left="105" w:right="396" w:firstLine="6"/>
      </w:pPr>
      <w:r>
        <w:rPr>
          <w:b/>
          <w:u w:val="single"/>
        </w:rPr>
        <w:t>C</w:t>
      </w:r>
      <w:r>
        <w:rPr>
          <w:b/>
          <w:sz w:val="19"/>
          <w:szCs w:val="19"/>
          <w:u w:val="single"/>
        </w:rPr>
        <w:t xml:space="preserve">ORRECTIVE </w:t>
      </w:r>
      <w:r>
        <w:rPr>
          <w:b/>
          <w:u w:val="single"/>
        </w:rPr>
        <w:t>A</w:t>
      </w:r>
      <w:r>
        <w:rPr>
          <w:b/>
          <w:sz w:val="19"/>
          <w:szCs w:val="19"/>
          <w:u w:val="single"/>
        </w:rPr>
        <w:t>CTIONS</w:t>
      </w:r>
      <w:r>
        <w:rPr>
          <w:b/>
          <w:u w:val="single"/>
        </w:rPr>
        <w:t>.</w:t>
      </w:r>
      <w:r>
        <w:rPr>
          <w:b/>
        </w:rPr>
        <w:t xml:space="preserve"> </w:t>
      </w:r>
      <w:r>
        <w:t xml:space="preserve">The situation was so dire that immense efforts were made to bring about a solution. One solution, in particular, allowed certain troubled European insurers to pay a premium (which varied according to exposure) and have all the liabilities for the exposed years 1992 and earlier to be reinsured by a specially formed company, ABC Reinsurer. Claims handling and all other aspects of the run-off were transferred to XYZ insurer (a wholly owned subsidiary of ABC Reinsurer). XYZ also reinsured ABC Reinsurer under a retrocession agreement. Certain rights of the original troubled insurers as reinsureds of ABC Reinsurer were held on trust for policyholders: In this way, the benefit of all reinsurance recoveries were applied in paying the liabilities due to policyholders. The intervening 10 years to 2006 found XYZ working to plan with a controlled program of inwards and outwards commutations as a means of dealing with the run off of these liabilities. In all practicality the original troubled insurers had finality—i.e. they were no longer financially exposed personally so long as XYZ remained solvent. However, as a matter of law, they did remain personally liable to policyholders for any excess liability over and above that paid by XYZ. </w:t>
      </w:r>
    </w:p>
    <w:p w14:paraId="797F9774" w14:textId="77777777" w:rsidR="00CF54CB" w:rsidRDefault="00344004">
      <w:pPr>
        <w:spacing w:after="0" w:line="259" w:lineRule="auto"/>
        <w:ind w:left="91" w:firstLine="0"/>
        <w:jc w:val="left"/>
      </w:pPr>
      <w:r>
        <w:t xml:space="preserve"> </w:t>
      </w:r>
    </w:p>
    <w:p w14:paraId="2EE23F5E" w14:textId="77777777" w:rsidR="00CF54CB" w:rsidRDefault="00344004">
      <w:pPr>
        <w:ind w:left="105" w:right="396" w:firstLine="6"/>
      </w:pPr>
      <w:r>
        <w:t xml:space="preserve">By early 2006, the market in the purchase of portfolios in run-off had taken off. XYZ was the world’s largest business in run-off, so large that the number of likely purchasers was very limited. However, fortunately by the end of 2006, the two-stage deal with a large conglomerate—XOX—was announced, the stages being: </w:t>
      </w:r>
    </w:p>
    <w:p w14:paraId="38A5D2B0" w14:textId="77777777" w:rsidR="00CF54CB" w:rsidRDefault="00344004">
      <w:pPr>
        <w:spacing w:after="0" w:line="259" w:lineRule="auto"/>
        <w:ind w:left="91" w:firstLine="0"/>
        <w:jc w:val="left"/>
      </w:pPr>
      <w:r>
        <w:t xml:space="preserve"> </w:t>
      </w:r>
    </w:p>
    <w:p w14:paraId="4C908619" w14:textId="77777777" w:rsidR="00CF54CB" w:rsidRDefault="00344004">
      <w:pPr>
        <w:numPr>
          <w:ilvl w:val="0"/>
          <w:numId w:val="23"/>
        </w:numPr>
        <w:ind w:right="840" w:hanging="552"/>
      </w:pPr>
      <w:r>
        <w:t xml:space="preserve">XYZ retroceded to XOX’s subsidiary, BOB, its liabilities to ABC Reinsurer arising under the agreement. Cover was limited to approximately $6 billion (U.S.) over and above existing reserves of approximately $9 billion, as of March 2006. The premium was all of XYZ’s assets less approximately $340 million, plus a $145 million contribution from some of the original troubled insurers. Staff and operations were transferred to another XOX subsidiary, RRR. </w:t>
      </w:r>
    </w:p>
    <w:p w14:paraId="5F7556F4" w14:textId="77777777" w:rsidR="00CF54CB" w:rsidRDefault="00344004">
      <w:pPr>
        <w:numPr>
          <w:ilvl w:val="0"/>
          <w:numId w:val="23"/>
        </w:numPr>
        <w:ind w:right="840" w:hanging="552"/>
      </w:pPr>
      <w:r>
        <w:t xml:space="preserve">A “Part VII transfer” of all the liabilities of the original troubled European insurers (and the protection of the ABC Reinsurer–XYZ–BOB reinsurance chain) to a thirdparty company. Provided the transfer was to take place before December 2009, XYZ would be entitled to purchase further reinsurance from BOB of up to $1.3 billion if XYZ’s net undiscounted reserves had not deteriorated by more than $2 billion from their March 31, 2006, position. </w:t>
      </w:r>
    </w:p>
    <w:p w14:paraId="3395C1BB" w14:textId="77777777" w:rsidR="00CF54CB" w:rsidRDefault="00344004">
      <w:pPr>
        <w:spacing w:after="0" w:line="259" w:lineRule="auto"/>
        <w:ind w:left="91" w:firstLine="0"/>
        <w:jc w:val="left"/>
      </w:pPr>
      <w:r>
        <w:lastRenderedPageBreak/>
        <w:t xml:space="preserve"> </w:t>
      </w:r>
    </w:p>
    <w:p w14:paraId="1335FCC7" w14:textId="77777777" w:rsidR="00CF54CB" w:rsidRDefault="00344004">
      <w:pPr>
        <w:ind w:left="105" w:right="396" w:firstLine="6"/>
      </w:pPr>
      <w:r>
        <w:t xml:space="preserve">Part VII of the UK Financial Services &amp; Markets Act 2000 (FSMA) provides a statutory novation of business (i.e., reinsureds’ obligations to their policyholders) by a transferor re/insurer to the transferee re/insurer, provided that strict procedures are complied with. The novation is effected by court order. The court order has the effect of vesting the transferor’s business in the transferee without the need for consent of the policy holders/reinsureds. The court can and usually does order assets attributable to the underlying business to be transferred—i.e., including the outwards reinsurance contracts. There are strict definitions of business that are subjected to a Part VII transfer. Put broadly, it applies to transfers of business carried on in the UK or elsewhere within the European Economic Area (EEA) with a UK connection as defined and where the transferred business is to be carried on from an establishment of a transferee in an EEA state. There are various conditions and exclusions. </w:t>
      </w:r>
    </w:p>
    <w:p w14:paraId="192F099B" w14:textId="77777777" w:rsidR="00CF54CB" w:rsidRDefault="00344004">
      <w:pPr>
        <w:spacing w:after="0" w:line="259" w:lineRule="auto"/>
        <w:ind w:left="91" w:firstLine="0"/>
        <w:jc w:val="left"/>
      </w:pPr>
      <w:r>
        <w:t xml:space="preserve"> </w:t>
      </w:r>
    </w:p>
    <w:p w14:paraId="3C903256" w14:textId="77777777" w:rsidR="00CF54CB" w:rsidRDefault="00344004">
      <w:pPr>
        <w:ind w:left="105" w:right="396" w:firstLine="6"/>
      </w:pPr>
      <w:r>
        <w:t xml:space="preserve">The unusual position of these particular re/insurers, should they wish to avail themselves of Part VII, was recognized at the time Part VII first became law. However, additional changes to the legislation had to be made to facilitate this transaction, and they became law in 2008. In particular, the Part VII provisions in the FSMA were extended to a further cohort of these particular re/insurers. </w:t>
      </w:r>
    </w:p>
    <w:p w14:paraId="02E7DB79" w14:textId="77777777" w:rsidR="00CF54CB" w:rsidRDefault="00344004">
      <w:pPr>
        <w:spacing w:after="271"/>
        <w:ind w:left="105" w:right="396" w:firstLine="6"/>
      </w:pPr>
      <w:r>
        <w:t xml:space="preserve">Under the Part VII transfer procedure, there are two court applications. The first gives directions as to notices to be served and other technical requirements allowing any opposing reinsureds or outwards reinsurers to object to the transfer. In the case of the XYZ Part VII, certain requirements were dispensed with taking into account the high volume of notices that would have to be given to individual names and other relevant parties. An essential part of the procedure is the report provided by an independent expert whose identity is approved by the Financial Services Authority (FSA). Furthermore, the FSA itself provides a report indicating its views that is made available to those interested in the transfer. Time is allowed for any objectors to produce their own case in the context of the independent expert report and the FSA’s report. In the case of the XYZ transfer, the FSA indicated that it would not object to the transfer. </w:t>
      </w:r>
    </w:p>
    <w:p w14:paraId="13DB5659" w14:textId="77777777" w:rsidR="00CF54CB" w:rsidRDefault="00344004">
      <w:pPr>
        <w:spacing w:after="271"/>
        <w:ind w:left="105" w:right="396" w:firstLine="6"/>
      </w:pPr>
      <w:r>
        <w:t xml:space="preserve">The second and final stage of the process is the application for sanction by the court. The court has discretion whether to sanction the transfer scheme but may not do so unless it considers it appropriate in all the circumstances of the case. Under case law on the statutory provisions, the court is concerned as to whether a policyholder, employee or other interested person will be adversely affected by the transfer scheme. The hearing took place in mid-year 2009, and the judge concluded that the Part VII transfer scheme should go ahead. </w:t>
      </w:r>
    </w:p>
    <w:p w14:paraId="608C604F" w14:textId="77777777" w:rsidR="00CF54CB" w:rsidRDefault="00344004">
      <w:pPr>
        <w:spacing w:after="285"/>
        <w:ind w:left="105" w:right="396" w:firstLine="6"/>
      </w:pPr>
      <w:r>
        <w:t xml:space="preserve">During the hearing, the judge was satisfied that other requirements protecting policyholders of the business being transferred had been fulfilled, such as that certificates of solvency for the transferee company were obtained confirming the adequacy of the transferee’s solvency for the purpose. Presentations explaining the import of the transfer had been carried out in the UK and in the jurisdiction of XOX to transferring policyholders, the original troubled insurers, and their representatives. Help lines and a Web site had been set up. Numerous telephone calls, e-mails or letters had been sent in response by the Part VII advisers, with less than 10 people raising substantive issues. </w:t>
      </w:r>
    </w:p>
    <w:p w14:paraId="0457AE97" w14:textId="77777777" w:rsidR="00CF54CB" w:rsidRDefault="00344004">
      <w:pPr>
        <w:spacing w:after="274"/>
        <w:ind w:left="105" w:right="396" w:firstLine="6"/>
      </w:pPr>
      <w:r>
        <w:rPr>
          <w:b/>
          <w:u w:val="single"/>
        </w:rPr>
        <w:t>E</w:t>
      </w:r>
      <w:r>
        <w:rPr>
          <w:b/>
          <w:sz w:val="19"/>
          <w:szCs w:val="19"/>
          <w:u w:val="single"/>
        </w:rPr>
        <w:t xml:space="preserve">NFORCEMENT IN </w:t>
      </w:r>
      <w:r>
        <w:rPr>
          <w:b/>
          <w:u w:val="single"/>
        </w:rPr>
        <w:t>O</w:t>
      </w:r>
      <w:r>
        <w:rPr>
          <w:b/>
          <w:sz w:val="19"/>
          <w:szCs w:val="19"/>
          <w:u w:val="single"/>
        </w:rPr>
        <w:t xml:space="preserve">THER </w:t>
      </w:r>
      <w:r>
        <w:rPr>
          <w:b/>
          <w:u w:val="single"/>
        </w:rPr>
        <w:t>J</w:t>
      </w:r>
      <w:r>
        <w:rPr>
          <w:b/>
          <w:sz w:val="19"/>
          <w:szCs w:val="19"/>
          <w:u w:val="single"/>
        </w:rPr>
        <w:t>URISDICTIONS</w:t>
      </w:r>
      <w:r>
        <w:rPr>
          <w:b/>
        </w:rPr>
        <w:t xml:space="preserve">. </w:t>
      </w:r>
      <w:r>
        <w:t xml:space="preserve">Part VII of the FMSA originates from EU Directives. The sanction order is thereby recognized throughout the EEA. A further step would be needed to ensure enforcement in the United States and other countries where policyholders were located. However, the shape of the scheme is such that enforcement in the United States and other jurisdictions is most probably unnecessary. Policyholders would be entitled to drawdown on trust funds located in the United States, </w:t>
      </w:r>
      <w:r>
        <w:lastRenderedPageBreak/>
        <w:t xml:space="preserve">Canada, Australia and South Africa, providing them with security for amounts accruing due to them over time should there be any default payment. </w:t>
      </w:r>
    </w:p>
    <w:p w14:paraId="32D17BF2" w14:textId="77777777" w:rsidR="00CF54CB" w:rsidRDefault="00344004">
      <w:pPr>
        <w:ind w:left="105" w:right="396" w:firstLine="6"/>
      </w:pPr>
      <w:r>
        <w:rPr>
          <w:b/>
          <w:u w:val="single"/>
        </w:rPr>
        <w:t>P</w:t>
      </w:r>
      <w:r>
        <w:rPr>
          <w:b/>
          <w:sz w:val="19"/>
          <w:szCs w:val="19"/>
          <w:u w:val="single"/>
        </w:rPr>
        <w:t>ROGRESS</w:t>
      </w:r>
      <w:r>
        <w:rPr>
          <w:b/>
          <w:u w:val="single"/>
        </w:rPr>
        <w:t>.</w:t>
      </w:r>
      <w:r>
        <w:rPr>
          <w:b/>
        </w:rPr>
        <w:t xml:space="preserve"> </w:t>
      </w:r>
      <w:r>
        <w:t xml:space="preserve">With the sanction of this transfer scheme granted during mid-year 2009, the two-stage transaction provided by the XOX group was completed in time. Because the transfer was affected prior to December 2009, it is believed that the further amount of $1.3 billion (U.S.) reinsurance cover will be available to secure future payment of all policyholder claims. </w:t>
      </w:r>
    </w:p>
    <w:p w14:paraId="298CC962" w14:textId="77777777" w:rsidR="00CF54CB" w:rsidRDefault="00344004">
      <w:pPr>
        <w:spacing w:after="242" w:line="259" w:lineRule="auto"/>
        <w:ind w:left="806" w:hanging="10"/>
        <w:jc w:val="left"/>
      </w:pPr>
      <w:r>
        <w:rPr>
          <w:b/>
          <w:sz w:val="28"/>
          <w:szCs w:val="28"/>
        </w:rPr>
        <w:t>B. S</w:t>
      </w:r>
      <w:r>
        <w:rPr>
          <w:b/>
          <w:sz w:val="22"/>
          <w:szCs w:val="22"/>
        </w:rPr>
        <w:t xml:space="preserve">AMPLE </w:t>
      </w:r>
      <w:r>
        <w:rPr>
          <w:b/>
          <w:sz w:val="28"/>
          <w:szCs w:val="28"/>
        </w:rPr>
        <w:t>D</w:t>
      </w:r>
      <w:r>
        <w:rPr>
          <w:b/>
          <w:sz w:val="22"/>
          <w:szCs w:val="22"/>
        </w:rPr>
        <w:t>OCUMENTS</w:t>
      </w:r>
    </w:p>
    <w:p w14:paraId="19167F9C" w14:textId="77777777" w:rsidR="00CF54CB" w:rsidRDefault="00344004">
      <w:pPr>
        <w:spacing w:after="284" w:line="265" w:lineRule="auto"/>
        <w:ind w:left="1263" w:right="56" w:hanging="10"/>
        <w:jc w:val="left"/>
      </w:pPr>
      <w:r>
        <w:rPr>
          <w:b/>
        </w:rPr>
        <w:t>1. S</w:t>
      </w:r>
      <w:r>
        <w:rPr>
          <w:b/>
          <w:sz w:val="19"/>
          <w:szCs w:val="19"/>
        </w:rPr>
        <w:t xml:space="preserve">AMPLE </w:t>
      </w:r>
      <w:r>
        <w:rPr>
          <w:b/>
        </w:rPr>
        <w:t>S</w:t>
      </w:r>
      <w:r>
        <w:rPr>
          <w:b/>
          <w:sz w:val="19"/>
          <w:szCs w:val="19"/>
        </w:rPr>
        <w:t xml:space="preserve">UPERVISION </w:t>
      </w:r>
      <w:r>
        <w:rPr>
          <w:b/>
        </w:rPr>
        <w:t>C</w:t>
      </w:r>
      <w:r>
        <w:rPr>
          <w:b/>
          <w:sz w:val="19"/>
          <w:szCs w:val="19"/>
        </w:rPr>
        <w:t xml:space="preserve">ONSENT </w:t>
      </w:r>
      <w:r>
        <w:rPr>
          <w:b/>
        </w:rPr>
        <w:t>O</w:t>
      </w:r>
      <w:r>
        <w:rPr>
          <w:b/>
          <w:sz w:val="19"/>
          <w:szCs w:val="19"/>
        </w:rPr>
        <w:t>RDER</w:t>
      </w:r>
    </w:p>
    <w:p w14:paraId="0F2A3055" w14:textId="77777777" w:rsidR="00CF54CB" w:rsidRDefault="00344004">
      <w:pPr>
        <w:tabs>
          <w:tab w:val="center" w:pos="4668"/>
        </w:tabs>
        <w:spacing w:line="259" w:lineRule="auto"/>
        <w:ind w:left="0" w:firstLine="0"/>
        <w:jc w:val="left"/>
      </w:pPr>
      <w:r>
        <w:rPr>
          <w:rFonts w:ascii="Calibri" w:eastAsia="Calibri" w:hAnsi="Calibri" w:cs="Calibri"/>
          <w:noProof/>
          <w:sz w:val="22"/>
          <w:szCs w:val="22"/>
        </w:rPr>
        <mc:AlternateContent>
          <mc:Choice Requires="wpg">
            <w:drawing>
              <wp:inline distT="0" distB="0" distL="0" distR="0" wp14:anchorId="181D1C11" wp14:editId="2FCA6B34">
                <wp:extent cx="2740660" cy="11278"/>
                <wp:effectExtent l="0" t="0" r="0" b="0"/>
                <wp:docPr id="117663" name="Group 117663" descr="P1474#y1"/>
                <wp:cNvGraphicFramePr/>
                <a:graphic xmlns:a="http://schemas.openxmlformats.org/drawingml/2006/main">
                  <a:graphicData uri="http://schemas.microsoft.com/office/word/2010/wordprocessingGroup">
                    <wpg:wgp>
                      <wpg:cNvGrpSpPr/>
                      <wpg:grpSpPr>
                        <a:xfrm>
                          <a:off x="0" y="0"/>
                          <a:ext cx="2740660" cy="11278"/>
                          <a:chOff x="3975670" y="3774361"/>
                          <a:chExt cx="2740660" cy="11275"/>
                        </a:xfrm>
                      </wpg:grpSpPr>
                      <wpg:grpSp>
                        <wpg:cNvPr id="117664" name="Group 117664"/>
                        <wpg:cNvGrpSpPr/>
                        <wpg:grpSpPr>
                          <a:xfrm>
                            <a:off x="3975670" y="3774361"/>
                            <a:ext cx="2740660" cy="11275"/>
                            <a:chOff x="0" y="0"/>
                            <a:chExt cx="2740660" cy="11275"/>
                          </a:xfrm>
                        </wpg:grpSpPr>
                        <wps:wsp>
                          <wps:cNvPr id="117665" name="Rectangle 117665"/>
                          <wps:cNvSpPr/>
                          <wps:spPr>
                            <a:xfrm>
                              <a:off x="0" y="0"/>
                              <a:ext cx="2740650" cy="11275"/>
                            </a:xfrm>
                            <a:prstGeom prst="rect">
                              <a:avLst/>
                            </a:prstGeom>
                            <a:noFill/>
                            <a:ln>
                              <a:noFill/>
                            </a:ln>
                          </wps:spPr>
                          <wps:txbx>
                            <w:txbxContent>
                              <w:p w14:paraId="74D434E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66" name="Freeform: Shape 117666"/>
                          <wps:cNvSpPr/>
                          <wps:spPr>
                            <a:xfrm>
                              <a:off x="0" y="0"/>
                              <a:ext cx="2740660" cy="0"/>
                            </a:xfrm>
                            <a:custGeom>
                              <a:avLst/>
                              <a:gdLst/>
                              <a:ahLst/>
                              <a:cxnLst/>
                              <a:rect l="l" t="t" r="r" b="b"/>
                              <a:pathLst>
                                <a:path w="2740660" h="120000" extrusionOk="0">
                                  <a:moveTo>
                                    <a:pt x="0" y="0"/>
                                  </a:moveTo>
                                  <a:lnTo>
                                    <a:pt x="2740660" y="0"/>
                                  </a:lnTo>
                                </a:path>
                              </a:pathLst>
                            </a:custGeom>
                            <a:noFill/>
                            <a:ln w="11275" cap="flat" cmpd="sng">
                              <a:solidFill>
                                <a:srgbClr val="000000"/>
                              </a:solidFill>
                              <a:prstDash val="dashDot"/>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181D1C11" id="Group 117663" o:spid="_x0000_s1296" alt="P1474#y1" style="width:215.8pt;height:.9pt;mso-position-horizontal-relative:char;mso-position-vertical-relative:line" coordorigin="39756,37743" coordsize="27406,11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">
                <v:group id="Group 117664" o:spid="_x0000_s1297" style="position:absolute;left:39756;top:37743;width:27407;height:113" coordsize="27406,11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">
                  <v:rect id="Rectangle 117665" o:spid="_x0000_s1298" style="position:absolute;width:27406;height:11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" filled="f" stroked="f">
                    <v:textbox inset="2.53958mm,2.53958mm,2.53958mm,2.53958mm">
                      <w:txbxContent>
                        <w:p w14:paraId="74D434E5" w14:textId="77777777" w:rsidR="00CF54CB" w:rsidRDefault="00CF54CB">
                          <w:pPr>
                            <w:spacing w:after="0" w:line="240" w:lineRule="auto"/>
                            <w:ind w:left="0" w:firstLine="0"/>
                            <w:jc w:val="left"/>
                            <w:textDirection w:val="btLr"/>
                          </w:pPr>
                        </w:p>
                      </w:txbxContent>
                    </v:textbox>
                  </v:rect>
                  <v:shape id="Freeform: Shape 117666" o:spid="_x0000_s1299" style="position:absolute;width:27406;height:0;visibility:visible;mso-wrap-style:square;v-text-anchor:middle" coordsize="2740660,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" path="m,l2740660,e" filled="f" strokeweight=".31319mm">
                    <v:stroke dashstyle="dashDot" startarrowwidth="narrow" startarrowlength="short" endarrowwidth="narrow" endarrowlength="short"/>
                    <v:path arrowok="t" o:extrusionok="f"/>
                  </v:shape>
                </v:group>
                <w10:anchorlock/>
              </v:group>
            </w:pict>
          </mc:Fallback>
        </mc:AlternateContent>
      </w:r>
      <w:r>
        <w:tab/>
        <w:t xml:space="preserve">§ </w:t>
      </w:r>
    </w:p>
    <w:p w14:paraId="608CEA3E" w14:textId="77777777" w:rsidR="00CF54CB" w:rsidRDefault="00344004">
      <w:pPr>
        <w:tabs>
          <w:tab w:val="center" w:pos="1082"/>
          <w:tab w:val="center" w:pos="7553"/>
        </w:tabs>
        <w:ind w:left="0" w:firstLine="0"/>
        <w:jc w:val="left"/>
      </w:pPr>
      <w:r>
        <w:rPr>
          <w:rFonts w:ascii="Calibri" w:eastAsia="Calibri" w:hAnsi="Calibri" w:cs="Calibri"/>
          <w:sz w:val="22"/>
          <w:szCs w:val="22"/>
        </w:rPr>
        <w:tab/>
      </w:r>
      <w:r>
        <w:t xml:space="preserve">In the Matter of: </w:t>
      </w:r>
      <w:r>
        <w:tab/>
        <w:t xml:space="preserve">§ </w:t>
      </w:r>
    </w:p>
    <w:p w14:paraId="190343AA" w14:textId="77777777" w:rsidR="00CF54CB" w:rsidRDefault="00344004">
      <w:pPr>
        <w:spacing w:line="259" w:lineRule="auto"/>
        <w:ind w:left="41" w:right="1265" w:hanging="10"/>
        <w:jc w:val="center"/>
      </w:pPr>
      <w:r>
        <w:t xml:space="preserve">§ </w:t>
      </w:r>
    </w:p>
    <w:p w14:paraId="2D477CE4" w14:textId="77777777" w:rsidR="00CF54CB" w:rsidRDefault="00344004">
      <w:pPr>
        <w:tabs>
          <w:tab w:val="center" w:pos="1962"/>
          <w:tab w:val="center" w:pos="5393"/>
        </w:tabs>
        <w:spacing w:after="25"/>
        <w:ind w:left="0" w:firstLine="0"/>
        <w:jc w:val="left"/>
      </w:pPr>
      <w:r>
        <w:rPr>
          <w:rFonts w:ascii="Calibri" w:eastAsia="Calibri" w:hAnsi="Calibri" w:cs="Calibri"/>
          <w:sz w:val="22"/>
          <w:szCs w:val="22"/>
        </w:rPr>
        <w:tab/>
      </w:r>
      <w:r>
        <w:t xml:space="preserve">The Administrative Supervision of </w:t>
      </w:r>
      <w:r>
        <w:tab/>
        <w:t xml:space="preserve">§ </w:t>
      </w:r>
    </w:p>
    <w:p w14:paraId="2A8F1025" w14:textId="77777777" w:rsidR="00CF54CB" w:rsidRDefault="00344004">
      <w:pPr>
        <w:tabs>
          <w:tab w:val="center" w:pos="6031"/>
        </w:tabs>
        <w:ind w:left="0" w:firstLine="0"/>
        <w:jc w:val="left"/>
      </w:pPr>
      <w:r>
        <w:t xml:space="preserve">RESTRUCTURED TROUBLED </w:t>
      </w:r>
      <w:r>
        <w:tab/>
        <w:t xml:space="preserve">§ </w:t>
      </w:r>
    </w:p>
    <w:p w14:paraId="4D6B22B3" w14:textId="77777777" w:rsidR="00CF54CB" w:rsidRDefault="00344004">
      <w:pPr>
        <w:tabs>
          <w:tab w:val="center" w:pos="6031"/>
          <w:tab w:val="center" w:pos="8525"/>
        </w:tabs>
        <w:ind w:left="0" w:firstLine="0"/>
        <w:jc w:val="left"/>
      </w:pPr>
      <w:r>
        <w:t xml:space="preserve">REINSURANCE CORPORATION, a </w:t>
      </w:r>
      <w:r>
        <w:tab/>
        <w:t xml:space="preserve">§ </w:t>
      </w:r>
      <w:r>
        <w:tab/>
        <w:t>Docket No. EX xx-xx</w:t>
      </w:r>
    </w:p>
    <w:p w14:paraId="221EFCE7" w14:textId="77777777" w:rsidR="00CF54CB" w:rsidRDefault="00344004">
      <w:pPr>
        <w:ind w:left="105" w:right="396" w:firstLine="6"/>
      </w:pPr>
      <w:r>
        <w:t xml:space="preserve">Connecticut domiciled property and casualty insurance company. § </w:t>
      </w:r>
    </w:p>
    <w:p w14:paraId="19D8F586" w14:textId="77777777" w:rsidR="00CF54CB" w:rsidRDefault="00344004">
      <w:pPr>
        <w:tabs>
          <w:tab w:val="center" w:pos="4668"/>
        </w:tabs>
        <w:spacing w:after="234" w:line="259" w:lineRule="auto"/>
        <w:ind w:left="0" w:firstLine="0"/>
        <w:jc w:val="left"/>
      </w:pPr>
      <w:r>
        <w:rPr>
          <w:rFonts w:ascii="Calibri" w:eastAsia="Calibri" w:hAnsi="Calibri" w:cs="Calibri"/>
          <w:noProof/>
          <w:sz w:val="22"/>
          <w:szCs w:val="22"/>
        </w:rPr>
        <mc:AlternateContent>
          <mc:Choice Requires="wpg">
            <w:drawing>
              <wp:inline distT="0" distB="0" distL="0" distR="0" wp14:anchorId="037F781F" wp14:editId="4C2FE2A7">
                <wp:extent cx="2740660" cy="11278"/>
                <wp:effectExtent l="0" t="0" r="0" b="0"/>
                <wp:docPr id="117667" name="Group 117667" descr="P1481#y1"/>
                <wp:cNvGraphicFramePr/>
                <a:graphic xmlns:a="http://schemas.openxmlformats.org/drawingml/2006/main">
                  <a:graphicData uri="http://schemas.microsoft.com/office/word/2010/wordprocessingGroup">
                    <wpg:wgp>
                      <wpg:cNvGrpSpPr/>
                      <wpg:grpSpPr>
                        <a:xfrm>
                          <a:off x="0" y="0"/>
                          <a:ext cx="2740660" cy="11278"/>
                          <a:chOff x="3975670" y="3774361"/>
                          <a:chExt cx="2740660" cy="11275"/>
                        </a:xfrm>
                      </wpg:grpSpPr>
                      <wpg:grpSp>
                        <wpg:cNvPr id="117668" name="Group 117668"/>
                        <wpg:cNvGrpSpPr/>
                        <wpg:grpSpPr>
                          <a:xfrm>
                            <a:off x="3975670" y="3774361"/>
                            <a:ext cx="2740660" cy="11275"/>
                            <a:chOff x="0" y="0"/>
                            <a:chExt cx="2740660" cy="11275"/>
                          </a:xfrm>
                        </wpg:grpSpPr>
                        <wps:wsp>
                          <wps:cNvPr id="117669" name="Rectangle 117669"/>
                          <wps:cNvSpPr/>
                          <wps:spPr>
                            <a:xfrm>
                              <a:off x="0" y="0"/>
                              <a:ext cx="2740650" cy="11275"/>
                            </a:xfrm>
                            <a:prstGeom prst="rect">
                              <a:avLst/>
                            </a:prstGeom>
                            <a:noFill/>
                            <a:ln>
                              <a:noFill/>
                            </a:ln>
                          </wps:spPr>
                          <wps:txbx>
                            <w:txbxContent>
                              <w:p w14:paraId="2E7941B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70" name="Freeform: Shape 117670"/>
                          <wps:cNvSpPr/>
                          <wps:spPr>
                            <a:xfrm>
                              <a:off x="0" y="0"/>
                              <a:ext cx="2740660" cy="0"/>
                            </a:xfrm>
                            <a:custGeom>
                              <a:avLst/>
                              <a:gdLst/>
                              <a:ahLst/>
                              <a:cxnLst/>
                              <a:rect l="l" t="t" r="r" b="b"/>
                              <a:pathLst>
                                <a:path w="2740660" h="120000" extrusionOk="0">
                                  <a:moveTo>
                                    <a:pt x="0" y="0"/>
                                  </a:moveTo>
                                  <a:lnTo>
                                    <a:pt x="2740660" y="0"/>
                                  </a:lnTo>
                                </a:path>
                              </a:pathLst>
                            </a:custGeom>
                            <a:noFill/>
                            <a:ln w="11275" cap="flat" cmpd="sng">
                              <a:solidFill>
                                <a:srgbClr val="000000"/>
                              </a:solidFill>
                              <a:prstDash val="dashDot"/>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037F781F" id="Group 117667" o:spid="_x0000_s1300" alt="P1481#y1" style="width:215.8pt;height:.9pt;mso-position-horizontal-relative:char;mso-position-vertical-relative:line" coordorigin="39756,37743" coordsize="27406,11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">
                <v:group id="Group 117668" o:spid="_x0000_s1301" style="position:absolute;left:39756;top:37743;width:27407;height:113" coordsize="27406,11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">
                  <v:rect id="Rectangle 117669" o:spid="_x0000_s1302" style="position:absolute;width:27406;height:11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" filled="f" stroked="f">
                    <v:textbox inset="2.53958mm,2.53958mm,2.53958mm,2.53958mm">
                      <w:txbxContent>
                        <w:p w14:paraId="2E7941B9" w14:textId="77777777" w:rsidR="00CF54CB" w:rsidRDefault="00CF54CB">
                          <w:pPr>
                            <w:spacing w:after="0" w:line="240" w:lineRule="auto"/>
                            <w:ind w:left="0" w:firstLine="0"/>
                            <w:jc w:val="left"/>
                            <w:textDirection w:val="btLr"/>
                          </w:pPr>
                        </w:p>
                      </w:txbxContent>
                    </v:textbox>
                  </v:rect>
                  <v:shape id="Freeform: Shape 117670" o:spid="_x0000_s1303" style="position:absolute;width:27406;height:0;visibility:visible;mso-wrap-style:square;v-text-anchor:middle" coordsize="2740660,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" path="m,l2740660,e" filled="f" strokeweight=".31319mm">
                    <v:stroke dashstyle="dashDot" startarrowwidth="narrow" startarrowlength="short" endarrowwidth="narrow" endarrowlength="short"/>
                    <v:path arrowok="t" o:extrusionok="f"/>
                  </v:shape>
                </v:group>
                <w10:anchorlock/>
              </v:group>
            </w:pict>
          </mc:Fallback>
        </mc:AlternateContent>
      </w:r>
      <w:r>
        <w:tab/>
        <w:t xml:space="preserve">§ </w:t>
      </w:r>
    </w:p>
    <w:p w14:paraId="334FD3B9" w14:textId="77777777" w:rsidR="00CF54CB" w:rsidRDefault="00344004">
      <w:pPr>
        <w:spacing w:after="239"/>
        <w:ind w:left="3562" w:right="396" w:firstLine="6"/>
      </w:pPr>
      <w:r>
        <w:t xml:space="preserve">CONSENT ORDER </w:t>
      </w:r>
    </w:p>
    <w:p w14:paraId="187A22F9" w14:textId="77777777" w:rsidR="00CF54CB" w:rsidRDefault="00344004">
      <w:pPr>
        <w:spacing w:after="242"/>
        <w:ind w:left="105" w:right="396" w:firstLine="6"/>
      </w:pPr>
      <w:r>
        <w:t xml:space="preserve">This Consent Order is entered into by and between Restructured Troubled Reinsurance Corporation (RTRC) and the Insurance Commissioner of the State of Connecticut (the Commissioner) to provide supervision and regulatory oversight of RTRC in the run-off of its insurance and reinsurance obligations in force. </w:t>
      </w:r>
    </w:p>
    <w:p w14:paraId="209C57DE" w14:textId="77777777" w:rsidR="00CF54CB" w:rsidRDefault="00344004">
      <w:pPr>
        <w:spacing w:after="268"/>
        <w:ind w:left="105" w:right="396" w:firstLine="6"/>
      </w:pPr>
      <w:r>
        <w:t xml:space="preserve">WHEREAS, the Commissioner hereby finds, and RTRC agrees, as follows: </w:t>
      </w:r>
    </w:p>
    <w:p w14:paraId="28E395F9" w14:textId="77777777" w:rsidR="00CF54CB" w:rsidRDefault="00344004">
      <w:pPr>
        <w:numPr>
          <w:ilvl w:val="0"/>
          <w:numId w:val="24"/>
        </w:numPr>
        <w:spacing w:after="275"/>
        <w:ind w:right="396" w:firstLine="360"/>
      </w:pPr>
      <w:r>
        <w:t>The Commissioner has jurisdiction over the subject matter and of RTRC.</w:t>
      </w:r>
    </w:p>
    <w:p w14:paraId="3DFD3F62" w14:textId="77777777" w:rsidR="00CF54CB" w:rsidRDefault="00344004">
      <w:pPr>
        <w:numPr>
          <w:ilvl w:val="0"/>
          <w:numId w:val="24"/>
        </w:numPr>
        <w:spacing w:after="271"/>
        <w:ind w:right="396" w:firstLine="360"/>
      </w:pPr>
      <w:r>
        <w:t xml:space="preserve">RTRC is a Connecticut-domiciled property and casualty insurer and reinsurance company having its principal office at XXX Street, Anywhere, XX 00000, and holds a certificate of authority to transact the business of insurance and reinsurance in Connecticut and is licensed or accredited in a number of other states. </w:t>
      </w:r>
    </w:p>
    <w:p w14:paraId="377568D8" w14:textId="77777777" w:rsidR="00CF54CB" w:rsidRDefault="00344004">
      <w:pPr>
        <w:numPr>
          <w:ilvl w:val="0"/>
          <w:numId w:val="24"/>
        </w:numPr>
        <w:spacing w:after="276"/>
        <w:ind w:right="396" w:firstLine="360"/>
      </w:pPr>
      <w:r>
        <w:t xml:space="preserve">RTRC is a wholly owned direct subsidiary of Restructured Troubled Corporation (RTC), a Delaware corporation and an indirect subsidiary of Restructured Troubled (Barbados) Ltd., a Barbados corporation which is a wholly owned direct subsidiary of Restructured Troubled Group Ltd. (RTG), a Bermuda corporation. </w:t>
      </w:r>
    </w:p>
    <w:p w14:paraId="2E4402EF" w14:textId="77777777" w:rsidR="00CF54CB" w:rsidRDefault="00344004">
      <w:pPr>
        <w:numPr>
          <w:ilvl w:val="0"/>
          <w:numId w:val="24"/>
        </w:numPr>
        <w:spacing w:after="272"/>
        <w:ind w:right="396" w:firstLine="360"/>
      </w:pPr>
      <w:r>
        <w:t xml:space="preserve">Due to the significant deterioration of RTG’s financial condition in 20XX, on December 3, 20XX, RTRC entered into a “letter of understanding” with the Connecticut Insurance Department (Department) as part of the Department’s continuing financial monitoring of RTRC pursuant to which RTRC agreed that it would not take certain actions without the prior written approval of the Connecticut Insurance Commissioner or her designee, including, among others, disposing of any assets, settling any intercompany balances or paying any dividends. </w:t>
      </w:r>
    </w:p>
    <w:p w14:paraId="023143D9" w14:textId="77777777" w:rsidR="00CF54CB" w:rsidRDefault="00344004">
      <w:pPr>
        <w:numPr>
          <w:ilvl w:val="0"/>
          <w:numId w:val="24"/>
        </w:numPr>
        <w:spacing w:after="14"/>
        <w:ind w:right="396" w:firstLine="360"/>
      </w:pPr>
      <w:r>
        <w:lastRenderedPageBreak/>
        <w:t>RTRC has submitted to the Department a risk-based capital report, (the RBC Report) pursuant to</w:t>
      </w:r>
    </w:p>
    <w:p w14:paraId="37049813" w14:textId="77777777" w:rsidR="00CF54CB" w:rsidRDefault="00344004">
      <w:pPr>
        <w:ind w:left="105" w:right="396" w:firstLine="6"/>
      </w:pPr>
      <w:r>
        <w:t>C</w:t>
      </w:r>
      <w:r>
        <w:rPr>
          <w:sz w:val="19"/>
          <w:szCs w:val="19"/>
        </w:rPr>
        <w:t>ONN</w:t>
      </w:r>
      <w:r>
        <w:t>. A</w:t>
      </w:r>
      <w:r>
        <w:rPr>
          <w:sz w:val="19"/>
          <w:szCs w:val="19"/>
        </w:rPr>
        <w:t xml:space="preserve">GENCIES </w:t>
      </w:r>
      <w:r>
        <w:t>R</w:t>
      </w:r>
      <w:r>
        <w:rPr>
          <w:sz w:val="19"/>
          <w:szCs w:val="19"/>
        </w:rPr>
        <w:t>EGS</w:t>
      </w:r>
      <w:r>
        <w:t xml:space="preserve">. § 38a-72-2. The RBC Report indicates that RTRC was at the “Regulatory Action </w:t>
      </w:r>
    </w:p>
    <w:p w14:paraId="464AEC3E" w14:textId="77777777" w:rsidR="00CF54CB" w:rsidRDefault="00344004">
      <w:pPr>
        <w:spacing w:after="344"/>
        <w:ind w:left="105" w:right="396" w:firstLine="6"/>
      </w:pPr>
      <w:r>
        <w:t xml:space="preserve">Level Event” as of December 31, 20XX. On July 30, 20XX, RTRC filed with the Department an updated RBC Report which estimates that RTRC was at the “Authorized Control Level Event” as of June 30, 20XX. </w:t>
      </w:r>
    </w:p>
    <w:p w14:paraId="4355E11D" w14:textId="77777777" w:rsidR="00CF54CB" w:rsidRDefault="00344004">
      <w:pPr>
        <w:numPr>
          <w:ilvl w:val="0"/>
          <w:numId w:val="24"/>
        </w:numPr>
        <w:spacing w:after="301"/>
        <w:ind w:right="396" w:firstLine="360"/>
      </w:pPr>
      <w:r>
        <w:t xml:space="preserve">RTRC has ceased underwriting activities and has determined that it is in the best interests of its policyholders and creditors to run-off the existing operations of RTRC in such a manner as would maximize the availability of funds to satisfy the interests of policyholders, creditors, and other constituents. </w:t>
      </w:r>
    </w:p>
    <w:p w14:paraId="50A9E02A" w14:textId="77777777" w:rsidR="00CF54CB" w:rsidRDefault="00344004">
      <w:pPr>
        <w:numPr>
          <w:ilvl w:val="0"/>
          <w:numId w:val="24"/>
        </w:numPr>
        <w:spacing w:after="296"/>
        <w:ind w:right="396" w:firstLine="360"/>
      </w:pPr>
      <w:r>
        <w:t xml:space="preserve">RTRC has retained the services of a firm with expertise and experience in run-off management to review the operations of RTRC and its subsidiaries in run-off, to supplement its internal resources, and to accelerate the successful completion of the run-off, all pursuant to a comprehensive run-off plan (including therein, among other items, a plan to effectuate commutation of existing reinsurance obligations). The run-off management consultant will develop and submit, along with a more extensive run-off engagement agreement retaining their services to manage the run-off, to the RTRC Board of Directors for approval and, if such plan and agreement are approved, to the Commissioner, creditors of RTC, and other constituencies for approval. </w:t>
      </w:r>
    </w:p>
    <w:p w14:paraId="200981CD" w14:textId="77777777" w:rsidR="00CF54CB" w:rsidRDefault="00344004">
      <w:pPr>
        <w:numPr>
          <w:ilvl w:val="0"/>
          <w:numId w:val="24"/>
        </w:numPr>
        <w:spacing w:after="295"/>
        <w:ind w:right="396" w:firstLine="360"/>
      </w:pPr>
      <w:r>
        <w:t>On April 15, 20XX, the Department commenced a targeted examination of the financial condition of RTRC pursuant to C</w:t>
      </w:r>
      <w:r>
        <w:rPr>
          <w:sz w:val="19"/>
          <w:szCs w:val="19"/>
        </w:rPr>
        <w:t>ONN</w:t>
      </w:r>
      <w:r>
        <w:t>. G</w:t>
      </w:r>
      <w:r>
        <w:rPr>
          <w:sz w:val="19"/>
          <w:szCs w:val="19"/>
        </w:rPr>
        <w:t>EN</w:t>
      </w:r>
      <w:r>
        <w:t>. S</w:t>
      </w:r>
      <w:r>
        <w:rPr>
          <w:sz w:val="19"/>
          <w:szCs w:val="19"/>
        </w:rPr>
        <w:t>TAT</w:t>
      </w:r>
      <w:r>
        <w:t xml:space="preserve">. § 38a-14. The examination was called based on RTRC’s submission of a Cash Flow Projection Model to demonstrate that RTRC has sufficient assets and cash flow to pay both claims and operating expenses as those obligations become due. </w:t>
      </w:r>
    </w:p>
    <w:p w14:paraId="27C56772" w14:textId="77777777" w:rsidR="00CF54CB" w:rsidRDefault="00344004">
      <w:pPr>
        <w:numPr>
          <w:ilvl w:val="0"/>
          <w:numId w:val="24"/>
        </w:numPr>
        <w:spacing w:after="295"/>
        <w:ind w:right="396" w:firstLine="360"/>
      </w:pPr>
      <w:r>
        <w:t xml:space="preserve">On August 20, 20XX, RTG and RTC filed for protection under Chapter 11 of Title 11 of the United States Bankruptcy Code in the United States Bankruptcy Court for the District of Delaware. </w:t>
      </w:r>
    </w:p>
    <w:p w14:paraId="5B1E4F50" w14:textId="77777777" w:rsidR="00CF54CB" w:rsidRDefault="00344004">
      <w:pPr>
        <w:numPr>
          <w:ilvl w:val="0"/>
          <w:numId w:val="24"/>
        </w:numPr>
        <w:spacing w:after="266"/>
        <w:ind w:right="396" w:firstLine="360"/>
      </w:pPr>
      <w:r>
        <w:t xml:space="preserve">RTRC is in such condition that regulatory control of the insurer is appropriate to help safeguard its financial security and is in the best interests of the policyholders and creditors of the insurer and of the public as RTRC administers the run-off of its existing business. </w:t>
      </w:r>
    </w:p>
    <w:p w14:paraId="34D5942B" w14:textId="77777777" w:rsidR="00CF54CB" w:rsidRDefault="00344004">
      <w:pPr>
        <w:spacing w:after="292"/>
        <w:ind w:left="105" w:right="396" w:firstLine="6"/>
      </w:pPr>
      <w:r>
        <w:t xml:space="preserve">IT IS THEREFORE ORDERED AND AGREED THAT: </w:t>
      </w:r>
    </w:p>
    <w:p w14:paraId="00A202E0" w14:textId="77777777" w:rsidR="00CF54CB" w:rsidRDefault="00344004">
      <w:pPr>
        <w:numPr>
          <w:ilvl w:val="0"/>
          <w:numId w:val="24"/>
        </w:numPr>
        <w:spacing w:after="299"/>
        <w:ind w:right="396" w:firstLine="360"/>
      </w:pPr>
      <w:r>
        <w:t>RTRC hereby consents to and shall be placed under the administrative supervision of the Commissioner pursuant to C</w:t>
      </w:r>
      <w:r>
        <w:rPr>
          <w:sz w:val="19"/>
          <w:szCs w:val="19"/>
        </w:rPr>
        <w:t>ONN</w:t>
      </w:r>
      <w:r>
        <w:t>. G</w:t>
      </w:r>
      <w:r>
        <w:rPr>
          <w:sz w:val="19"/>
          <w:szCs w:val="19"/>
        </w:rPr>
        <w:t>EN</w:t>
      </w:r>
      <w:r>
        <w:t>. S</w:t>
      </w:r>
      <w:r>
        <w:rPr>
          <w:sz w:val="19"/>
          <w:szCs w:val="19"/>
        </w:rPr>
        <w:t>TAT</w:t>
      </w:r>
      <w:r>
        <w:t xml:space="preserve">. § 38a-962b and under the terms herein. </w:t>
      </w:r>
    </w:p>
    <w:p w14:paraId="62550944" w14:textId="77777777" w:rsidR="00CF54CB" w:rsidRDefault="00344004">
      <w:pPr>
        <w:numPr>
          <w:ilvl w:val="0"/>
          <w:numId w:val="24"/>
        </w:numPr>
        <w:spacing w:after="300"/>
        <w:ind w:right="396" w:firstLine="360"/>
      </w:pPr>
      <w:r>
        <w:t>RTRC hereby knowingly and voluntarily waives receipt of written notice under C</w:t>
      </w:r>
      <w:r>
        <w:rPr>
          <w:sz w:val="19"/>
          <w:szCs w:val="19"/>
        </w:rPr>
        <w:t>ONN</w:t>
      </w:r>
      <w:r>
        <w:t>. G</w:t>
      </w:r>
      <w:r>
        <w:rPr>
          <w:sz w:val="19"/>
          <w:szCs w:val="19"/>
        </w:rPr>
        <w:t>EN</w:t>
      </w:r>
      <w:r>
        <w:t>. S</w:t>
      </w:r>
      <w:r>
        <w:rPr>
          <w:sz w:val="19"/>
          <w:szCs w:val="19"/>
        </w:rPr>
        <w:t>TAT</w:t>
      </w:r>
      <w:r>
        <w:t>. § 38a-962b of grounds for the Commissioner to effectuate administrative supervision by the Commissioner.</w:t>
      </w:r>
    </w:p>
    <w:p w14:paraId="735150E4" w14:textId="77777777" w:rsidR="00CF54CB" w:rsidRDefault="00344004">
      <w:pPr>
        <w:numPr>
          <w:ilvl w:val="0"/>
          <w:numId w:val="24"/>
        </w:numPr>
        <w:spacing w:after="266"/>
        <w:ind w:right="396" w:firstLine="360"/>
      </w:pPr>
      <w:r>
        <w:t xml:space="preserve">The period of administrative supervision by the Commissioner shall commence upon execution of this Consent Order. The period of supervision pursuant to this Consent Order shall be coterminous with the run-off of RTRC’s existing business, unless the Commissioner takes action pursuant to Paragraph 27 hereof. </w:t>
      </w:r>
    </w:p>
    <w:p w14:paraId="1199224F" w14:textId="77777777" w:rsidR="00CF54CB" w:rsidRDefault="00344004">
      <w:pPr>
        <w:numPr>
          <w:ilvl w:val="0"/>
          <w:numId w:val="24"/>
        </w:numPr>
        <w:spacing w:after="296"/>
        <w:ind w:right="396" w:firstLine="360"/>
      </w:pPr>
      <w:r>
        <w:lastRenderedPageBreak/>
        <w:t>The determination that RTRC shall be subject to administrative supervision by the Commissionermay be abated and thereby released from administrative supervision by the Commissioner if RTRC complies with the orders of supervision provided herein and, during the period of supervision, RTRC shall have attained sufficient liquidity, surplus, and reserves necessary to exceed and maintain Company Action Level RBC, as defined in C</w:t>
      </w:r>
      <w:r>
        <w:rPr>
          <w:sz w:val="19"/>
          <w:szCs w:val="19"/>
        </w:rPr>
        <w:t>ONN</w:t>
      </w:r>
      <w:r>
        <w:t>. A</w:t>
      </w:r>
      <w:r>
        <w:rPr>
          <w:sz w:val="19"/>
          <w:szCs w:val="19"/>
        </w:rPr>
        <w:t xml:space="preserve">GENCIES </w:t>
      </w:r>
      <w:r>
        <w:t>R</w:t>
      </w:r>
      <w:r>
        <w:rPr>
          <w:sz w:val="19"/>
          <w:szCs w:val="19"/>
        </w:rPr>
        <w:t>EGS</w:t>
      </w:r>
      <w:r>
        <w:t xml:space="preserve">. § 38a-72-1, or the Commissioner in her sole discretion determines the supervision of RTRC is no longer necessary for the protection of policyholders, claimants, creditors, or is no longer in the public interest. </w:t>
      </w:r>
    </w:p>
    <w:p w14:paraId="3AC5DE55" w14:textId="77777777" w:rsidR="00CF54CB" w:rsidRDefault="00344004">
      <w:pPr>
        <w:numPr>
          <w:ilvl w:val="0"/>
          <w:numId w:val="24"/>
        </w:numPr>
        <w:spacing w:after="14"/>
        <w:ind w:right="396" w:firstLine="360"/>
      </w:pPr>
      <w:r>
        <w:t>During the period of supervision, RTRC shall not undertake, engage in, commit to accept, or renew</w:t>
      </w:r>
    </w:p>
    <w:p w14:paraId="53EF2E1B" w14:textId="77777777" w:rsidR="00CF54CB" w:rsidRDefault="00344004">
      <w:pPr>
        <w:spacing w:after="266"/>
        <w:ind w:left="105" w:right="396" w:firstLine="6"/>
      </w:pPr>
      <w:r>
        <w:t xml:space="preserve">any insurance obligations including without limitation, insurance or reinsurance policies or any similar arrangements or agreements of indemnity or, without the prior written approval of the Commissioner, make any material change in any insurance or reinsurance agreement which would increase the financial obligations of RTRC in any material respect. Moreover, RTRC shall not engage in activities beyond those that are routine in the day-to-day conduct of its business in run-off and are otherwise consistent with its comprehensive business run-off plan (Run-off Plan) to be filed with, and found acceptable by, the Commissioner, without the prior approval of the Commissioner or her designee. The routine day-to-day conduct of RTRC’s business in run-off includes but is not limited to: (a) paying claims and operating expenses as such obligations become due and in accordance with the applicable law and the settlement and commutation of claims and insurance and reinsurance obligations, unless otherwise provided in the following paragraph or otherwise directed or approved by the Commissioner or her designee; (b) defending RTRC and persons insured or claiming to be insured by RTRC against claims arising from or related to insurance policies and reinsurance agreements previously issued, assumed, or ceded by RTRC; (c) settling or otherwise resolving or attempting to adjust and resolve such claims; (d) engaging, directing, discharging, and compensating counsel (including reasonable costs incurred) with respect to such claims or other matters; (e) paying settlements or judgments with respect to such claims; and (f) investing the assets of RTRC and liquidating such assets in an appropriate manner as required to pay claims, operating expenses, settlements, commutations, and other charges in the ordinary course of business and subject to the provisions of this Consent Order. </w:t>
      </w:r>
    </w:p>
    <w:p w14:paraId="19C8A9BD" w14:textId="77777777" w:rsidR="00CF54CB" w:rsidRDefault="00344004">
      <w:pPr>
        <w:spacing w:after="261"/>
        <w:ind w:left="105" w:right="396" w:firstLine="6"/>
      </w:pPr>
      <w:r>
        <w:t xml:space="preserve">The routine day-to-day conduct of RTRC’s business in run-off also includes but is not limited to: (a) submitting information to reinsurers with respect to RTRC’s reinsured losses and loss adjustment expenses; (b) advising reinsurers of all sums due to RTRC under their respective reinsurance contracts and treaties with RTRC (including settlement and commutation thereof, provided, however, that RTRC shall not enter into commutation of liabilities (either inward or outward including obligations of others to RTRC) or settlements of claims other than for amounts not in excess of $250,000 except as otherwise provided in the Run-off Plan or otherwise approved by the Commissioner or her designee); and taking all actions necessary and appropriate to recover all sums due to RTRC from reinsurers and others. </w:t>
      </w:r>
    </w:p>
    <w:p w14:paraId="422468AA" w14:textId="77777777" w:rsidR="00CF54CB" w:rsidRDefault="00344004">
      <w:pPr>
        <w:spacing w:after="300"/>
        <w:ind w:left="105" w:right="396" w:firstLine="6"/>
      </w:pPr>
      <w:r>
        <w:t xml:space="preserve">The following activities, to the extent not necessary for the adjusting and payment of losses and expenses associated with claims adjusting and settlement or commutation of reinsurance agreements are understood to be outside the day-to-day conduct of RTRC’s business in run-off, and in no event shall RTRC engage in or undertake the following activities without the prior approval of the Commissioner or her designee: </w:t>
      </w:r>
    </w:p>
    <w:p w14:paraId="09D013A8" w14:textId="77777777" w:rsidR="00CF54CB" w:rsidRDefault="00344004">
      <w:pPr>
        <w:ind w:left="1171" w:right="1751" w:firstLine="7"/>
      </w:pPr>
      <w:r>
        <w:t>(a) Dispose of, convey, or encumber any of its assets or its business in force. (b) Withdraw any of its bank accounts.</w:t>
      </w:r>
    </w:p>
    <w:p w14:paraId="0E8EDBF7" w14:textId="77777777" w:rsidR="00CF54CB" w:rsidRDefault="00344004">
      <w:pPr>
        <w:numPr>
          <w:ilvl w:val="1"/>
          <w:numId w:val="25"/>
        </w:numPr>
        <w:ind w:right="396" w:hanging="360"/>
      </w:pPr>
      <w:r>
        <w:t>Lend any of its funds.</w:t>
      </w:r>
    </w:p>
    <w:p w14:paraId="19995498" w14:textId="77777777" w:rsidR="00CF54CB" w:rsidRDefault="00344004">
      <w:pPr>
        <w:numPr>
          <w:ilvl w:val="1"/>
          <w:numId w:val="25"/>
        </w:numPr>
        <w:ind w:right="396" w:hanging="360"/>
      </w:pPr>
      <w:r>
        <w:lastRenderedPageBreak/>
        <w:t>Invest any of its funds.</w:t>
      </w:r>
    </w:p>
    <w:p w14:paraId="2A4F1819" w14:textId="77777777" w:rsidR="00CF54CB" w:rsidRDefault="00344004">
      <w:pPr>
        <w:numPr>
          <w:ilvl w:val="1"/>
          <w:numId w:val="25"/>
        </w:numPr>
        <w:ind w:right="396" w:hanging="360"/>
      </w:pPr>
      <w:r>
        <w:t>Transfer any of its property.</w:t>
      </w:r>
    </w:p>
    <w:p w14:paraId="375C387F" w14:textId="77777777" w:rsidR="00CF54CB" w:rsidRDefault="00344004">
      <w:pPr>
        <w:numPr>
          <w:ilvl w:val="1"/>
          <w:numId w:val="25"/>
        </w:numPr>
        <w:ind w:right="396" w:hanging="360"/>
      </w:pPr>
      <w:r>
        <w:t>Incur any debt, obligation, or liability.</w:t>
      </w:r>
    </w:p>
    <w:p w14:paraId="67F02990" w14:textId="77777777" w:rsidR="00CF54CB" w:rsidRDefault="00344004">
      <w:pPr>
        <w:numPr>
          <w:ilvl w:val="1"/>
          <w:numId w:val="25"/>
        </w:numPr>
        <w:spacing w:after="25"/>
        <w:ind w:right="396" w:hanging="360"/>
      </w:pPr>
      <w:r>
        <w:t>Merge or consolidate with another company.</w:t>
      </w:r>
    </w:p>
    <w:p w14:paraId="037779D2" w14:textId="77777777" w:rsidR="00CF54CB" w:rsidRDefault="00344004">
      <w:pPr>
        <w:numPr>
          <w:ilvl w:val="1"/>
          <w:numId w:val="25"/>
        </w:numPr>
        <w:ind w:right="396" w:hanging="360"/>
      </w:pPr>
      <w:r>
        <w:t>Write new or renewal business.</w:t>
      </w:r>
    </w:p>
    <w:p w14:paraId="19890E1C" w14:textId="77777777" w:rsidR="00CF54CB" w:rsidRDefault="00344004">
      <w:pPr>
        <w:numPr>
          <w:ilvl w:val="1"/>
          <w:numId w:val="25"/>
        </w:numPr>
        <w:spacing w:after="25"/>
        <w:ind w:right="396" w:hanging="360"/>
      </w:pPr>
      <w:r>
        <w:t>Enter into any new reinsurance contract or treaty.</w:t>
      </w:r>
    </w:p>
    <w:p w14:paraId="39EF1114" w14:textId="77777777" w:rsidR="00CF54CB" w:rsidRDefault="00344004">
      <w:pPr>
        <w:numPr>
          <w:ilvl w:val="1"/>
          <w:numId w:val="25"/>
        </w:numPr>
        <w:spacing w:after="89"/>
        <w:ind w:right="396" w:hanging="360"/>
      </w:pPr>
      <w:r>
        <w:t>Terminate, surrender, forfeit, convert, or lapse any insurance policy, certificate, or contract, except for nonpayment of premiums due.</w:t>
      </w:r>
    </w:p>
    <w:p w14:paraId="236EFBFE" w14:textId="77777777" w:rsidR="00CF54CB" w:rsidRDefault="00344004">
      <w:pPr>
        <w:numPr>
          <w:ilvl w:val="1"/>
          <w:numId w:val="25"/>
        </w:numPr>
        <w:ind w:right="396" w:hanging="360"/>
      </w:pPr>
      <w:r>
        <w:t>Release, pay, or refund premium deposits, unearned premiums, or other reserves on any insurance policy, certificate, or contract.</w:t>
      </w:r>
    </w:p>
    <w:p w14:paraId="73C5FCF0" w14:textId="77777777" w:rsidR="00CF54CB" w:rsidRDefault="00344004">
      <w:pPr>
        <w:numPr>
          <w:ilvl w:val="1"/>
          <w:numId w:val="25"/>
        </w:numPr>
        <w:ind w:right="396" w:hanging="360"/>
      </w:pPr>
      <w:r>
        <w:t>Make any material change in management.</w:t>
      </w:r>
    </w:p>
    <w:p w14:paraId="0D856FD6" w14:textId="77777777" w:rsidR="00CF54CB" w:rsidRDefault="00344004">
      <w:pPr>
        <w:numPr>
          <w:ilvl w:val="1"/>
          <w:numId w:val="25"/>
        </w:numPr>
        <w:spacing w:after="271"/>
        <w:ind w:right="396" w:hanging="360"/>
      </w:pPr>
      <w:r>
        <w:t>Increase salaries and benefits of officers or directors or the preferential payment of bonuses, dividends or other payments deemed preferential.</w:t>
      </w:r>
    </w:p>
    <w:p w14:paraId="532026E7" w14:textId="77777777" w:rsidR="00CF54CB" w:rsidRDefault="00344004">
      <w:pPr>
        <w:spacing w:after="267"/>
        <w:ind w:left="105" w:right="396" w:firstLine="6"/>
      </w:pPr>
      <w:r>
        <w:t xml:space="preserve">RTRC shall make a recommendation with the reasons therefore in writing to obtain the prior approval of the Commissioner as to any of the foregoing actions. </w:t>
      </w:r>
    </w:p>
    <w:p w14:paraId="138154AC" w14:textId="77777777" w:rsidR="00CF54CB" w:rsidRDefault="00344004">
      <w:pPr>
        <w:numPr>
          <w:ilvl w:val="0"/>
          <w:numId w:val="24"/>
        </w:numPr>
        <w:spacing w:after="296"/>
        <w:ind w:right="396" w:firstLine="360"/>
      </w:pPr>
      <w:r>
        <w:t xml:space="preserve">The Commissioner shall have the final authority to approve or disapprove the initiation, settlement,or withdrawal by RTRC of any action, dispute, arbitration, litigation, or proceeding of any kind involving RTRC that is not in the ordinary course of business or would require payment in excess of $250,000. RTRC shall prepare a written report to the Commissioner with a recommendation for approval or disapproval with the reasons therefore. </w:t>
      </w:r>
    </w:p>
    <w:p w14:paraId="6399FB69" w14:textId="77777777" w:rsidR="00CF54CB" w:rsidRDefault="00344004">
      <w:pPr>
        <w:numPr>
          <w:ilvl w:val="0"/>
          <w:numId w:val="24"/>
        </w:numPr>
        <w:spacing w:after="295"/>
        <w:ind w:right="396" w:firstLine="360"/>
      </w:pPr>
      <w:r>
        <w:t xml:space="preserve">Without the prior written approval of the Commissioner, RTRC shall not (i) add any individual who is not currently a senior executive officer of RTRC, or one of its affiliates, to the board of directors of RTRC or (ii) move the principal offices or records of RTRC to a location outside of Connecticut. </w:t>
      </w:r>
    </w:p>
    <w:p w14:paraId="254EDC70" w14:textId="77777777" w:rsidR="00CF54CB" w:rsidRDefault="00344004">
      <w:pPr>
        <w:numPr>
          <w:ilvl w:val="0"/>
          <w:numId w:val="24"/>
        </w:numPr>
        <w:spacing w:after="295"/>
        <w:ind w:right="396" w:firstLine="360"/>
      </w:pPr>
      <w:r>
        <w:t xml:space="preserve">RTRC shall file with the Department a monthly financial statement consisting of a balance sheet and income statement on the 25th day of each month as of the end of the prior month. </w:t>
      </w:r>
    </w:p>
    <w:p w14:paraId="5D6B80BD" w14:textId="77777777" w:rsidR="00CF54CB" w:rsidRDefault="00344004">
      <w:pPr>
        <w:numPr>
          <w:ilvl w:val="0"/>
          <w:numId w:val="24"/>
        </w:numPr>
        <w:spacing w:after="296"/>
        <w:ind w:right="396" w:firstLine="360"/>
      </w:pPr>
      <w:r>
        <w:t>At least annually, RTRC shall submit an actuarial analysis prepared by a qualified actuary as defined in C</w:t>
      </w:r>
      <w:r>
        <w:rPr>
          <w:sz w:val="19"/>
          <w:szCs w:val="19"/>
        </w:rPr>
        <w:t>ONN</w:t>
      </w:r>
      <w:r>
        <w:t>. A</w:t>
      </w:r>
      <w:r>
        <w:rPr>
          <w:sz w:val="19"/>
          <w:szCs w:val="19"/>
        </w:rPr>
        <w:t xml:space="preserve">GENCIES </w:t>
      </w:r>
      <w:r>
        <w:t>R</w:t>
      </w:r>
      <w:r>
        <w:rPr>
          <w:sz w:val="19"/>
          <w:szCs w:val="19"/>
        </w:rPr>
        <w:t>EGS</w:t>
      </w:r>
      <w:r>
        <w:t xml:space="preserve">. § 38a-53-1 of the loss and loss adjustment expense reserves. </w:t>
      </w:r>
    </w:p>
    <w:p w14:paraId="0036BA84" w14:textId="77777777" w:rsidR="00CF54CB" w:rsidRDefault="00344004">
      <w:pPr>
        <w:numPr>
          <w:ilvl w:val="0"/>
          <w:numId w:val="24"/>
        </w:numPr>
        <w:spacing w:after="295"/>
        <w:ind w:right="396" w:firstLine="360"/>
      </w:pPr>
      <w:r>
        <w:t xml:space="preserve">RTRC shall submit a report on a quarterly basis containing detailed information on all commutations of reinsurance treaties and related activities which have occurred year-to-date, including specific impact on RTRC’s statutory financial statement. </w:t>
      </w:r>
    </w:p>
    <w:p w14:paraId="4E9E03FD" w14:textId="77777777" w:rsidR="00CF54CB" w:rsidRDefault="00344004">
      <w:pPr>
        <w:numPr>
          <w:ilvl w:val="0"/>
          <w:numId w:val="24"/>
        </w:numPr>
        <w:spacing w:after="295"/>
        <w:ind w:right="396" w:firstLine="360"/>
      </w:pPr>
      <w:r>
        <w:t xml:space="preserve">RTRC shall submit to the Department any additional reports that the Department reasonably determines as necessary to ascertain the financial condition of RTRC. </w:t>
      </w:r>
    </w:p>
    <w:p w14:paraId="1F0BD6EE" w14:textId="77777777" w:rsidR="00CF54CB" w:rsidRDefault="00344004">
      <w:pPr>
        <w:numPr>
          <w:ilvl w:val="0"/>
          <w:numId w:val="24"/>
        </w:numPr>
        <w:spacing w:after="265"/>
        <w:ind w:right="396" w:firstLine="360"/>
      </w:pPr>
      <w:r>
        <w:t xml:space="preserve">RTRC shall submit any and all reports or items required by this Consent Order, and all requests for the Commissioner’s action or approval to: </w:t>
      </w:r>
    </w:p>
    <w:p w14:paraId="24413E68" w14:textId="77777777" w:rsidR="00CF54CB" w:rsidRDefault="00344004">
      <w:pPr>
        <w:spacing w:after="64" w:line="259" w:lineRule="auto"/>
        <w:ind w:left="915" w:hanging="10"/>
        <w:jc w:val="center"/>
      </w:pPr>
      <w:r>
        <w:rPr>
          <w:rFonts w:ascii="Calibri" w:eastAsia="Calibri" w:hAnsi="Calibri" w:cs="Calibri"/>
          <w:noProof/>
          <w:sz w:val="22"/>
          <w:szCs w:val="22"/>
        </w:rPr>
        <mc:AlternateContent>
          <mc:Choice Requires="wpg">
            <w:drawing>
              <wp:inline distT="0" distB="0" distL="0" distR="0" wp14:anchorId="6416ECA5" wp14:editId="5E8156D2">
                <wp:extent cx="1219200" cy="6097"/>
                <wp:effectExtent l="0" t="0" r="0" b="0"/>
                <wp:docPr id="117671" name="Group 117671" descr="P1526#y1"/>
                <wp:cNvGraphicFramePr/>
                <a:graphic xmlns:a="http://schemas.openxmlformats.org/drawingml/2006/main">
                  <a:graphicData uri="http://schemas.microsoft.com/office/word/2010/wordprocessingGroup">
                    <wpg:wgp>
                      <wpg:cNvGrpSpPr/>
                      <wpg:grpSpPr>
                        <a:xfrm>
                          <a:off x="0" y="0"/>
                          <a:ext cx="1219200" cy="6097"/>
                          <a:chOff x="4736400" y="3776952"/>
                          <a:chExt cx="1219200" cy="9144"/>
                        </a:xfrm>
                      </wpg:grpSpPr>
                      <wpg:grpSp>
                        <wpg:cNvPr id="117672" name="Group 117672"/>
                        <wpg:cNvGrpSpPr/>
                        <wpg:grpSpPr>
                          <a:xfrm>
                            <a:off x="4736400" y="3776952"/>
                            <a:ext cx="1219200" cy="9144"/>
                            <a:chOff x="0" y="0"/>
                            <a:chExt cx="1219200" cy="9144"/>
                          </a:xfrm>
                        </wpg:grpSpPr>
                        <wps:wsp>
                          <wps:cNvPr id="117673" name="Rectangle 117673"/>
                          <wps:cNvSpPr/>
                          <wps:spPr>
                            <a:xfrm>
                              <a:off x="0" y="0"/>
                              <a:ext cx="1219200" cy="6075"/>
                            </a:xfrm>
                            <a:prstGeom prst="rect">
                              <a:avLst/>
                            </a:prstGeom>
                            <a:noFill/>
                            <a:ln>
                              <a:noFill/>
                            </a:ln>
                          </wps:spPr>
                          <wps:txbx>
                            <w:txbxContent>
                              <w:p w14:paraId="7EDAB90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74" name="Freeform: Shape 117674"/>
                          <wps:cNvSpPr/>
                          <wps:spPr>
                            <a:xfrm>
                              <a:off x="0" y="0"/>
                              <a:ext cx="1219200" cy="9144"/>
                            </a:xfrm>
                            <a:custGeom>
                              <a:avLst/>
                              <a:gdLst/>
                              <a:ahLst/>
                              <a:cxnLst/>
                              <a:rect l="l" t="t" r="r" b="b"/>
                              <a:pathLst>
                                <a:path w="1219200" h="9144" extrusionOk="0">
                                  <a:moveTo>
                                    <a:pt x="0" y="0"/>
                                  </a:moveTo>
                                  <a:lnTo>
                                    <a:pt x="1219200" y="0"/>
                                  </a:lnTo>
                                  <a:lnTo>
                                    <a:pt x="12192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6416ECA5" id="Group 117671" o:spid="_x0000_s1304" alt="P1526#y1" style="width:96pt;height:.5pt;mso-position-horizontal-relative:char;mso-position-vertical-relative:line" coordorigin="47364,37769" coordsize="12192,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">
                <v:group id="Group 117672" o:spid="_x0000_s1305" style="position:absolute;left:47364;top:37769;width:12192;height:91" coordsize="12192,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">
                  <v:rect id="Rectangle 117673" o:spid="_x0000_s1306" style="position:absolute;width:12192;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" filled="f" stroked="f">
                    <v:textbox inset="2.53958mm,2.53958mm,2.53958mm,2.53958mm">
                      <w:txbxContent>
                        <w:p w14:paraId="7EDAB905" w14:textId="77777777" w:rsidR="00CF54CB" w:rsidRDefault="00CF54CB">
                          <w:pPr>
                            <w:spacing w:after="0" w:line="240" w:lineRule="auto"/>
                            <w:ind w:left="0" w:firstLine="0"/>
                            <w:jc w:val="left"/>
                            <w:textDirection w:val="btLr"/>
                          </w:pPr>
                        </w:p>
                      </w:txbxContent>
                    </v:textbox>
                  </v:rect>
                  <v:shape id="Freeform: Shape 117674" o:spid="_x0000_s1307" style="position:absolute;width:12192;height:91;visibility:visible;mso-wrap-style:square;v-text-anchor:middle" coordsize="12192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" path="m,l1219200,r,9144l,9144,,e" fillcolor="black" stroked="f">
                    <v:path arrowok="t" o:extrusionok="f"/>
                  </v:shape>
                </v:group>
                <w10:anchorlock/>
              </v:group>
            </w:pict>
          </mc:Fallback>
        </mc:AlternateContent>
      </w:r>
      <w:r>
        <w:t xml:space="preserve"> (name) </w:t>
      </w:r>
    </w:p>
    <w:p w14:paraId="7603DC5E" w14:textId="77777777" w:rsidR="00CF54CB" w:rsidRDefault="00344004">
      <w:pPr>
        <w:ind w:left="4411" w:right="2352" w:firstLine="6"/>
      </w:pPr>
      <w:r>
        <w:lastRenderedPageBreak/>
        <w:t xml:space="preserve">Connecticut Insurance Department P.O. Box 816 </w:t>
      </w:r>
    </w:p>
    <w:p w14:paraId="0D29F205" w14:textId="77777777" w:rsidR="00CF54CB" w:rsidRDefault="00344004">
      <w:pPr>
        <w:spacing w:line="259" w:lineRule="auto"/>
        <w:ind w:left="1575" w:hanging="10"/>
        <w:jc w:val="center"/>
      </w:pPr>
      <w:r>
        <w:t xml:space="preserve">Hartford, Connecticut 06142-0816 </w:t>
      </w:r>
    </w:p>
    <w:p w14:paraId="1D3664A3" w14:textId="77777777" w:rsidR="00CF54CB" w:rsidRDefault="00344004">
      <w:pPr>
        <w:spacing w:line="259" w:lineRule="auto"/>
        <w:ind w:left="41" w:right="286" w:hanging="10"/>
        <w:jc w:val="center"/>
      </w:pPr>
      <w:r>
        <w:t>(860) 297-3823</w:t>
      </w:r>
    </w:p>
    <w:p w14:paraId="4ABF8B3E" w14:textId="77777777" w:rsidR="00CF54CB" w:rsidRDefault="00344004">
      <w:pPr>
        <w:spacing w:after="281" w:line="259" w:lineRule="auto"/>
        <w:ind w:left="284" w:hanging="10"/>
        <w:jc w:val="center"/>
      </w:pPr>
      <w:r>
        <w:t>(860) 566-7410 FAX</w:t>
      </w:r>
    </w:p>
    <w:p w14:paraId="314DB50C" w14:textId="77777777" w:rsidR="00CF54CB" w:rsidRDefault="00344004">
      <w:pPr>
        <w:numPr>
          <w:ilvl w:val="0"/>
          <w:numId w:val="24"/>
        </w:numPr>
        <w:spacing w:after="295"/>
        <w:ind w:right="396" w:firstLine="360"/>
      </w:pPr>
      <w:r>
        <w:t xml:space="preserve">The Commissioner may retain, at RTRC’s expense, such experts (including, but not limited to, attorneys, actuaries, accountants, and investment advisors) not otherwise a part of the Commissioner’s staff, as the Commissioner reasonably believes is necessary to assist in the supervision of RTRC. </w:t>
      </w:r>
    </w:p>
    <w:p w14:paraId="0D2759F1" w14:textId="77777777" w:rsidR="00CF54CB" w:rsidRDefault="00344004">
      <w:pPr>
        <w:numPr>
          <w:ilvl w:val="0"/>
          <w:numId w:val="24"/>
        </w:numPr>
        <w:ind w:right="396" w:firstLine="360"/>
      </w:pPr>
      <w:r>
        <w:t>RTRC hereby knowingly and voluntarily waives all rights of any kind to challenge or to contest this Consent Order, in any forum now available to it, including the right to any administrative appeal pursuant to C</w:t>
      </w:r>
      <w:r>
        <w:rPr>
          <w:sz w:val="19"/>
          <w:szCs w:val="19"/>
        </w:rPr>
        <w:t>ONN</w:t>
      </w:r>
      <w:r>
        <w:t>. G</w:t>
      </w:r>
      <w:r>
        <w:rPr>
          <w:sz w:val="19"/>
          <w:szCs w:val="19"/>
        </w:rPr>
        <w:t>EN</w:t>
      </w:r>
      <w:r>
        <w:t>. S</w:t>
      </w:r>
      <w:r>
        <w:rPr>
          <w:sz w:val="19"/>
          <w:szCs w:val="19"/>
        </w:rPr>
        <w:t>TAT</w:t>
      </w:r>
      <w:r>
        <w:t xml:space="preserve">. § 4-183. </w:t>
      </w:r>
    </w:p>
    <w:p w14:paraId="39B21817" w14:textId="77777777" w:rsidR="00CF54CB" w:rsidRDefault="00344004">
      <w:pPr>
        <w:numPr>
          <w:ilvl w:val="0"/>
          <w:numId w:val="24"/>
        </w:numPr>
        <w:spacing w:after="303"/>
        <w:ind w:right="396" w:firstLine="360"/>
      </w:pPr>
      <w:r>
        <w:t>This Consent Order of supervision, and proceedings, hearings, notices, correspondence, reports, records and other information in the possession of the Commissioner or the Department relating to the administrative supervision by the Commissioner of RTRC are subject to the confidentiality provisions of C</w:t>
      </w:r>
      <w:r>
        <w:rPr>
          <w:sz w:val="19"/>
          <w:szCs w:val="19"/>
        </w:rPr>
        <w:t>ONN</w:t>
      </w:r>
      <w:r>
        <w:t>. G</w:t>
      </w:r>
      <w:r>
        <w:rPr>
          <w:sz w:val="19"/>
          <w:szCs w:val="19"/>
        </w:rPr>
        <w:t>EN</w:t>
      </w:r>
      <w:r>
        <w:t>. S</w:t>
      </w:r>
      <w:r>
        <w:rPr>
          <w:sz w:val="19"/>
          <w:szCs w:val="19"/>
        </w:rPr>
        <w:t>TAT</w:t>
      </w:r>
      <w:r>
        <w:t xml:space="preserve">. § 38a-962c and § 38a-8. </w:t>
      </w:r>
    </w:p>
    <w:p w14:paraId="00530446" w14:textId="77777777" w:rsidR="00CF54CB" w:rsidRDefault="00344004">
      <w:pPr>
        <w:numPr>
          <w:ilvl w:val="0"/>
          <w:numId w:val="24"/>
        </w:numPr>
        <w:spacing w:after="290"/>
        <w:ind w:right="396" w:firstLine="360"/>
      </w:pPr>
      <w:r>
        <w:t xml:space="preserve">RTRC shall continue to comply with all obligations under law, including applicable financial, regulatory, and tax reporting requirements. </w:t>
      </w:r>
    </w:p>
    <w:p w14:paraId="0BD7A3B6" w14:textId="77777777" w:rsidR="00CF54CB" w:rsidRDefault="00344004">
      <w:pPr>
        <w:numPr>
          <w:ilvl w:val="0"/>
          <w:numId w:val="24"/>
        </w:numPr>
        <w:spacing w:after="295"/>
        <w:ind w:right="396" w:firstLine="360"/>
      </w:pPr>
      <w:r>
        <w:t xml:space="preserve">Nothing in this Consent Order shall preclude the Commissioner from taking further action as the Commissioner in her sole discretion deems appropriate and in the best interest of RTRC’s policyholders and the public, including commencement of further legal proceedings if and as necessary under Chapter 704c of the Connecticut General Statutes. </w:t>
      </w:r>
    </w:p>
    <w:p w14:paraId="6AB02C06" w14:textId="77777777" w:rsidR="00CF54CB" w:rsidRDefault="00344004">
      <w:pPr>
        <w:numPr>
          <w:ilvl w:val="0"/>
          <w:numId w:val="24"/>
        </w:numPr>
        <w:spacing w:after="295"/>
        <w:ind w:right="396" w:firstLine="360"/>
      </w:pPr>
      <w:r>
        <w:t xml:space="preserve">This Consent Order shall supersede in all respects the “letter of understanding” between RTRC and the Department referenced to in Paragraph 4 of this Consent Order, which letter shall have no further force and effect. </w:t>
      </w:r>
    </w:p>
    <w:p w14:paraId="0395BF29" w14:textId="77777777" w:rsidR="00CF54CB" w:rsidRDefault="00344004">
      <w:pPr>
        <w:numPr>
          <w:ilvl w:val="0"/>
          <w:numId w:val="24"/>
        </w:numPr>
        <w:spacing w:after="266"/>
        <w:ind w:right="396" w:firstLine="360"/>
      </w:pPr>
      <w:r>
        <w:t xml:space="preserve">The Board of Directors of RTRC, at a specially called meeting or by unanimous written consent, has simultaneously, with the entry of this Consent Order, approved and provided resolutions complying with the terms of this Consent Order, which is effective upon entry of this Consent Order. </w:t>
      </w:r>
    </w:p>
    <w:p w14:paraId="22D33C0C" w14:textId="77777777" w:rsidR="00CF54CB" w:rsidRDefault="00344004">
      <w:pPr>
        <w:spacing w:after="543"/>
        <w:ind w:left="1262" w:right="396" w:firstLine="7"/>
      </w:pPr>
      <w:r>
        <w:t xml:space="preserve">The foregoing Consent Order for Restructured Troubled Reinsurance Corporation is entered and shall be effective at 3:00 p.m. on this </w:t>
      </w:r>
      <w:r>
        <w:rPr>
          <w:rFonts w:ascii="Calibri" w:eastAsia="Calibri" w:hAnsi="Calibri" w:cs="Calibri"/>
          <w:noProof/>
          <w:sz w:val="22"/>
          <w:szCs w:val="22"/>
        </w:rPr>
        <mc:AlternateContent>
          <mc:Choice Requires="wpg">
            <w:drawing>
              <wp:inline distT="0" distB="0" distL="0" distR="0" wp14:anchorId="22ECB12C" wp14:editId="6D55BAA0">
                <wp:extent cx="387096" cy="6096"/>
                <wp:effectExtent l="0" t="0" r="0" b="0"/>
                <wp:docPr id="117675" name="Group 117675" descr="P1538#y1"/>
                <wp:cNvGraphicFramePr/>
                <a:graphic xmlns:a="http://schemas.openxmlformats.org/drawingml/2006/main">
                  <a:graphicData uri="http://schemas.microsoft.com/office/word/2010/wordprocessingGroup">
                    <wpg:wgp>
                      <wpg:cNvGrpSpPr/>
                      <wpg:grpSpPr>
                        <a:xfrm>
                          <a:off x="0" y="0"/>
                          <a:ext cx="387096" cy="6096"/>
                          <a:chOff x="5152452" y="3776952"/>
                          <a:chExt cx="387096" cy="9144"/>
                        </a:xfrm>
                      </wpg:grpSpPr>
                      <wpg:grpSp>
                        <wpg:cNvPr id="117676" name="Group 117676"/>
                        <wpg:cNvGrpSpPr/>
                        <wpg:grpSpPr>
                          <a:xfrm>
                            <a:off x="5152452" y="3776952"/>
                            <a:ext cx="387096" cy="9144"/>
                            <a:chOff x="0" y="0"/>
                            <a:chExt cx="387096" cy="9144"/>
                          </a:xfrm>
                        </wpg:grpSpPr>
                        <wps:wsp>
                          <wps:cNvPr id="117677" name="Rectangle 117677"/>
                          <wps:cNvSpPr/>
                          <wps:spPr>
                            <a:xfrm>
                              <a:off x="0" y="0"/>
                              <a:ext cx="387075" cy="6075"/>
                            </a:xfrm>
                            <a:prstGeom prst="rect">
                              <a:avLst/>
                            </a:prstGeom>
                            <a:noFill/>
                            <a:ln>
                              <a:noFill/>
                            </a:ln>
                          </wps:spPr>
                          <wps:txbx>
                            <w:txbxContent>
                              <w:p w14:paraId="158ECA8C"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78" name="Freeform: Shape 117678"/>
                          <wps:cNvSpPr/>
                          <wps:spPr>
                            <a:xfrm>
                              <a:off x="0" y="0"/>
                              <a:ext cx="387096" cy="9144"/>
                            </a:xfrm>
                            <a:custGeom>
                              <a:avLst/>
                              <a:gdLst/>
                              <a:ahLst/>
                              <a:cxnLst/>
                              <a:rect l="l" t="t" r="r" b="b"/>
                              <a:pathLst>
                                <a:path w="387096" h="9144" extrusionOk="0">
                                  <a:moveTo>
                                    <a:pt x="0" y="0"/>
                                  </a:moveTo>
                                  <a:lnTo>
                                    <a:pt x="387096" y="0"/>
                                  </a:lnTo>
                                  <a:lnTo>
                                    <a:pt x="387096"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22ECB12C" id="Group 117675" o:spid="_x0000_s1308" alt="P1538#y1" style="width:30.5pt;height:.5pt;mso-position-horizontal-relative:char;mso-position-vertical-relative:line" coordorigin="51524,37769" coordsize="3870,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">
                <v:group id="Group 117676" o:spid="_x0000_s1309" style="position:absolute;left:51524;top:37769;width:3871;height:91" coordsize="387096,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">
                  <v:rect id="Rectangle 117677" o:spid="_x0000_s1310" style="position:absolute;width:387075;height:6075;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" filled="f" stroked="f">
                    <v:textbox inset="2.53958mm,2.53958mm,2.53958mm,2.53958mm">
                      <w:txbxContent>
                        <w:p w14:paraId="158ECA8C" w14:textId="77777777" w:rsidR="00CF54CB" w:rsidRDefault="00CF54CB">
                          <w:pPr>
                            <w:spacing w:after="0" w:line="240" w:lineRule="auto"/>
                            <w:ind w:left="0" w:firstLine="0"/>
                            <w:jc w:val="left"/>
                            <w:textDirection w:val="btLr"/>
                          </w:pPr>
                        </w:p>
                      </w:txbxContent>
                    </v:textbox>
                  </v:rect>
                  <v:shape id="Freeform: Shape 117678" o:spid="_x0000_s1311" style="position:absolute;width:387096;height:9144;visibility:visible;mso-wrap-style:square;v-text-anchor:middle" coordsize="387096,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" path="m,l387096,r,9144l,9144,,e" fillcolor="black" stroked="f">
                    <v:path arrowok="t" o:extrusionok="f"/>
                  </v:shape>
                </v:group>
                <w10:anchorlock/>
              </v:group>
            </w:pict>
          </mc:Fallback>
        </mc:AlternateContent>
      </w:r>
      <w:r>
        <w:t xml:space="preserve">day of September 20XX. </w:t>
      </w:r>
    </w:p>
    <w:p w14:paraId="1CB35C06" w14:textId="77777777" w:rsidR="00CF54CB" w:rsidRDefault="00344004">
      <w:pPr>
        <w:spacing w:after="72" w:line="259" w:lineRule="auto"/>
        <w:ind w:left="91" w:firstLine="0"/>
        <w:jc w:val="left"/>
      </w:pPr>
      <w:r>
        <w:rPr>
          <w:rFonts w:ascii="Calibri" w:eastAsia="Calibri" w:hAnsi="Calibri" w:cs="Calibri"/>
          <w:noProof/>
          <w:sz w:val="22"/>
          <w:szCs w:val="22"/>
        </w:rPr>
        <mc:AlternateContent>
          <mc:Choice Requires="wpg">
            <w:drawing>
              <wp:inline distT="0" distB="0" distL="0" distR="0" wp14:anchorId="0CE57D92" wp14:editId="5B0EFDD0">
                <wp:extent cx="3428365" cy="6096"/>
                <wp:effectExtent l="0" t="0" r="0" b="0"/>
                <wp:docPr id="117679" name="Group 117679" descr="P1539#y1"/>
                <wp:cNvGraphicFramePr/>
                <a:graphic xmlns:a="http://schemas.openxmlformats.org/drawingml/2006/main">
                  <a:graphicData uri="http://schemas.microsoft.com/office/word/2010/wordprocessingGroup">
                    <wpg:wgp>
                      <wpg:cNvGrpSpPr/>
                      <wpg:grpSpPr>
                        <a:xfrm>
                          <a:off x="0" y="0"/>
                          <a:ext cx="3428365" cy="6096"/>
                          <a:chOff x="3631818" y="3776952"/>
                          <a:chExt cx="3428365" cy="6075"/>
                        </a:xfrm>
                      </wpg:grpSpPr>
                      <wpg:grpSp>
                        <wpg:cNvPr id="117680" name="Group 117680"/>
                        <wpg:cNvGrpSpPr/>
                        <wpg:grpSpPr>
                          <a:xfrm>
                            <a:off x="3631818" y="3776952"/>
                            <a:ext cx="3428365" cy="6075"/>
                            <a:chOff x="0" y="0"/>
                            <a:chExt cx="3428365" cy="6075"/>
                          </a:xfrm>
                        </wpg:grpSpPr>
                        <wps:wsp>
                          <wps:cNvPr id="117681" name="Rectangle 117681"/>
                          <wps:cNvSpPr/>
                          <wps:spPr>
                            <a:xfrm>
                              <a:off x="0" y="0"/>
                              <a:ext cx="3428350" cy="6075"/>
                            </a:xfrm>
                            <a:prstGeom prst="rect">
                              <a:avLst/>
                            </a:prstGeom>
                            <a:noFill/>
                            <a:ln>
                              <a:noFill/>
                            </a:ln>
                          </wps:spPr>
                          <wps:txbx>
                            <w:txbxContent>
                              <w:p w14:paraId="0756C32A"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82" name="Freeform: Shape 117682"/>
                          <wps:cNvSpPr/>
                          <wps:spPr>
                            <a:xfrm>
                              <a:off x="0" y="0"/>
                              <a:ext cx="3428365" cy="0"/>
                            </a:xfrm>
                            <a:custGeom>
                              <a:avLst/>
                              <a:gdLst/>
                              <a:ahLst/>
                              <a:cxnLst/>
                              <a:rect l="l" t="t" r="r" b="b"/>
                              <a:pathLst>
                                <a:path w="3428365" h="120000" extrusionOk="0">
                                  <a:moveTo>
                                    <a:pt x="0" y="0"/>
                                  </a:moveTo>
                                  <a:lnTo>
                                    <a:pt x="3428365" y="0"/>
                                  </a:lnTo>
                                </a:path>
                              </a:pathLst>
                            </a:custGeom>
                            <a:noFill/>
                            <a:ln w="9525" cap="flat" cmpd="sng">
                              <a:solidFill>
                                <a:srgbClr val="000000"/>
                              </a:solidFill>
                              <a:prstDash val="solid"/>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0CE57D92" id="Group 117679" o:spid="_x0000_s1312" alt="P1539#y1" style="width:269.95pt;height:.5pt;mso-position-horizontal-relative:char;mso-position-vertical-relative:line" coordorigin="36318,37769" coordsize="34283,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">
                <v:group id="Group 117680" o:spid="_x0000_s1313" style="position:absolute;left:36318;top:37769;width:34283;height:61" coordsize="34283,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">
                  <v:rect id="Rectangle 117681" o:spid="_x0000_s1314" style="position:absolute;width:34283;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" filled="f" stroked="f">
                    <v:textbox inset="2.53958mm,2.53958mm,2.53958mm,2.53958mm">
                      <w:txbxContent>
                        <w:p w14:paraId="0756C32A" w14:textId="77777777" w:rsidR="00CF54CB" w:rsidRDefault="00CF54CB">
                          <w:pPr>
                            <w:spacing w:after="0" w:line="240" w:lineRule="auto"/>
                            <w:ind w:left="0" w:firstLine="0"/>
                            <w:jc w:val="left"/>
                            <w:textDirection w:val="btLr"/>
                          </w:pPr>
                        </w:p>
                      </w:txbxContent>
                    </v:textbox>
                  </v:rect>
                  <v:shape id="Freeform: Shape 117682" o:spid="_x0000_s1315" style="position:absolute;width:34283;height:0;visibility:visible;mso-wrap-style:square;v-text-anchor:middle" coordsize="3428365,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" path="m,l3428365,e" filled="f">
                    <v:stroke startarrowwidth="narrow" startarrowlength="short" endarrowwidth="narrow" endarrowlength="short"/>
                    <v:path arrowok="t" o:extrusionok="f"/>
                  </v:shape>
                </v:group>
                <w10:anchorlock/>
              </v:group>
            </w:pict>
          </mc:Fallback>
        </mc:AlternateContent>
      </w:r>
    </w:p>
    <w:p w14:paraId="27DE067B" w14:textId="77777777" w:rsidR="00CF54CB" w:rsidRDefault="00344004">
      <w:pPr>
        <w:ind w:left="105" w:right="396" w:firstLine="6"/>
      </w:pPr>
      <w:r>
        <w:t xml:space="preserve">(name) </w:t>
      </w:r>
    </w:p>
    <w:p w14:paraId="0BAB6E49" w14:textId="77777777" w:rsidR="00CF54CB" w:rsidRDefault="00344004">
      <w:pPr>
        <w:spacing w:after="263"/>
        <w:ind w:left="105" w:right="396" w:firstLine="6"/>
      </w:pPr>
      <w:r>
        <w:t xml:space="preserve">Insurance Commissioner </w:t>
      </w:r>
    </w:p>
    <w:p w14:paraId="4AB29294" w14:textId="77777777" w:rsidR="00CF54CB" w:rsidRDefault="00344004">
      <w:pPr>
        <w:spacing w:after="540"/>
        <w:ind w:left="105" w:right="396" w:firstLine="6"/>
      </w:pPr>
      <w:r>
        <w:t>Agreed and Consented to by RESTRUCTURED TROUBLED REINSURANCE CORPORATION on this</w:t>
      </w:r>
      <w:r>
        <w:rPr>
          <w:u w:val="single"/>
        </w:rPr>
        <w:t xml:space="preserve"> </w:t>
      </w:r>
      <w:r>
        <w:t xml:space="preserve">day of September 20XX. </w:t>
      </w:r>
    </w:p>
    <w:p w14:paraId="3FAE0A1D" w14:textId="77777777" w:rsidR="00CF54CB" w:rsidRDefault="00344004">
      <w:pPr>
        <w:ind w:left="4378" w:right="396" w:firstLine="6"/>
      </w:pPr>
      <w:r>
        <w:t xml:space="preserve">By: </w:t>
      </w:r>
    </w:p>
    <w:p w14:paraId="12C6C5EB" w14:textId="77777777" w:rsidR="00CF54CB" w:rsidRDefault="00344004">
      <w:pPr>
        <w:spacing w:after="80" w:line="259" w:lineRule="auto"/>
        <w:ind w:left="4786" w:firstLine="0"/>
        <w:jc w:val="left"/>
      </w:pPr>
      <w:r>
        <w:rPr>
          <w:rFonts w:ascii="Calibri" w:eastAsia="Calibri" w:hAnsi="Calibri" w:cs="Calibri"/>
          <w:noProof/>
          <w:sz w:val="22"/>
          <w:szCs w:val="22"/>
        </w:rPr>
        <w:lastRenderedPageBreak/>
        <mc:AlternateContent>
          <mc:Choice Requires="wpg">
            <w:drawing>
              <wp:inline distT="0" distB="0" distL="0" distR="0" wp14:anchorId="692C021B" wp14:editId="5859B513">
                <wp:extent cx="3275965" cy="6096"/>
                <wp:effectExtent l="0" t="0" r="0" b="0"/>
                <wp:docPr id="117683" name="Group 117683" descr="P1544#y1"/>
                <wp:cNvGraphicFramePr/>
                <a:graphic xmlns:a="http://schemas.openxmlformats.org/drawingml/2006/main">
                  <a:graphicData uri="http://schemas.microsoft.com/office/word/2010/wordprocessingGroup">
                    <wpg:wgp>
                      <wpg:cNvGrpSpPr/>
                      <wpg:grpSpPr>
                        <a:xfrm>
                          <a:off x="0" y="0"/>
                          <a:ext cx="3275965" cy="6096"/>
                          <a:chOff x="3708018" y="3776952"/>
                          <a:chExt cx="3275965" cy="6075"/>
                        </a:xfrm>
                      </wpg:grpSpPr>
                      <wpg:grpSp>
                        <wpg:cNvPr id="117684" name="Group 117684"/>
                        <wpg:cNvGrpSpPr/>
                        <wpg:grpSpPr>
                          <a:xfrm>
                            <a:off x="3708018" y="3776952"/>
                            <a:ext cx="3275965" cy="6075"/>
                            <a:chOff x="0" y="0"/>
                            <a:chExt cx="3275965" cy="6075"/>
                          </a:xfrm>
                        </wpg:grpSpPr>
                        <wps:wsp>
                          <wps:cNvPr id="117685" name="Rectangle 117685"/>
                          <wps:cNvSpPr/>
                          <wps:spPr>
                            <a:xfrm>
                              <a:off x="0" y="0"/>
                              <a:ext cx="3275950" cy="6075"/>
                            </a:xfrm>
                            <a:prstGeom prst="rect">
                              <a:avLst/>
                            </a:prstGeom>
                            <a:noFill/>
                            <a:ln>
                              <a:noFill/>
                            </a:ln>
                          </wps:spPr>
                          <wps:txbx>
                            <w:txbxContent>
                              <w:p w14:paraId="10918235"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86" name="Freeform: Shape 117686"/>
                          <wps:cNvSpPr/>
                          <wps:spPr>
                            <a:xfrm>
                              <a:off x="0" y="0"/>
                              <a:ext cx="3275965" cy="0"/>
                            </a:xfrm>
                            <a:custGeom>
                              <a:avLst/>
                              <a:gdLst/>
                              <a:ahLst/>
                              <a:cxnLst/>
                              <a:rect l="l" t="t" r="r" b="b"/>
                              <a:pathLst>
                                <a:path w="3275965" h="120000" extrusionOk="0">
                                  <a:moveTo>
                                    <a:pt x="0" y="0"/>
                                  </a:moveTo>
                                  <a:lnTo>
                                    <a:pt x="3275965" y="0"/>
                                  </a:lnTo>
                                </a:path>
                              </a:pathLst>
                            </a:custGeom>
                            <a:noFill/>
                            <a:ln w="9525" cap="flat" cmpd="sng">
                              <a:solidFill>
                                <a:srgbClr val="000000"/>
                              </a:solidFill>
                              <a:prstDash val="solid"/>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692C021B" id="Group 117683" o:spid="_x0000_s1316" alt="P1544#y1" style="width:257.95pt;height:.5pt;mso-position-horizontal-relative:char;mso-position-vertical-relative:line" coordorigin="37080,37769" coordsize="32759,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">
                <v:group id="Group 117684" o:spid="_x0000_s1317" style="position:absolute;left:37080;top:37769;width:32759;height:61" coordsize="32759,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">
                  <v:rect id="Rectangle 117685" o:spid="_x0000_s1318" style="position:absolute;width:32759;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" filled="f" stroked="f">
                    <v:textbox inset="2.53958mm,2.53958mm,2.53958mm,2.53958mm">
                      <w:txbxContent>
                        <w:p w14:paraId="10918235" w14:textId="77777777" w:rsidR="00CF54CB" w:rsidRDefault="00CF54CB">
                          <w:pPr>
                            <w:spacing w:after="0" w:line="240" w:lineRule="auto"/>
                            <w:ind w:left="0" w:firstLine="0"/>
                            <w:jc w:val="left"/>
                            <w:textDirection w:val="btLr"/>
                          </w:pPr>
                        </w:p>
                      </w:txbxContent>
                    </v:textbox>
                  </v:rect>
                  <v:shape id="Freeform: Shape 117686" o:spid="_x0000_s1319" style="position:absolute;width:32759;height:0;visibility:visible;mso-wrap-style:square;v-text-anchor:middle" coordsize="3275965,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" path="m,l3275965,e" filled="f">
                    <v:stroke startarrowwidth="narrow" startarrowlength="short" endarrowwidth="narrow" endarrowlength="short"/>
                    <v:path arrowok="t" o:extrusionok="f"/>
                  </v:shape>
                </v:group>
                <w10:anchorlock/>
              </v:group>
            </w:pict>
          </mc:Fallback>
        </mc:AlternateContent>
      </w:r>
    </w:p>
    <w:p w14:paraId="6EA37181" w14:textId="77777777" w:rsidR="00CF54CB" w:rsidRDefault="00344004">
      <w:pPr>
        <w:spacing w:line="259" w:lineRule="auto"/>
        <w:ind w:left="41" w:right="388" w:hanging="10"/>
        <w:jc w:val="center"/>
      </w:pPr>
      <w:r>
        <w:t>(name)</w:t>
      </w:r>
      <w:r>
        <w:rPr>
          <w:sz w:val="23"/>
          <w:szCs w:val="23"/>
        </w:rPr>
        <w:t xml:space="preserve"> </w:t>
      </w:r>
    </w:p>
    <w:p w14:paraId="0F46575B" w14:textId="77777777" w:rsidR="00CF54CB" w:rsidRDefault="00344004">
      <w:pPr>
        <w:spacing w:line="259" w:lineRule="auto"/>
        <w:ind w:left="0" w:right="181" w:firstLine="0"/>
        <w:jc w:val="center"/>
      </w:pPr>
      <w:r>
        <w:rPr>
          <w:sz w:val="23"/>
          <w:szCs w:val="23"/>
        </w:rPr>
        <w:t xml:space="preserve">President </w:t>
      </w:r>
    </w:p>
    <w:p w14:paraId="1891EA58" w14:textId="77777777" w:rsidR="00CF54CB" w:rsidRDefault="00344004">
      <w:pPr>
        <w:spacing w:after="242"/>
        <w:ind w:left="811" w:right="396" w:firstLine="7"/>
      </w:pPr>
      <w:r>
        <w:t xml:space="preserve">(Corporate Seal) </w:t>
      </w:r>
    </w:p>
    <w:p w14:paraId="30D7F2DC" w14:textId="77777777" w:rsidR="00CF54CB" w:rsidRDefault="00344004">
      <w:pPr>
        <w:tabs>
          <w:tab w:val="center" w:pos="1146"/>
          <w:tab w:val="center" w:pos="6300"/>
        </w:tabs>
        <w:spacing w:line="259" w:lineRule="auto"/>
        <w:ind w:left="0" w:firstLine="0"/>
        <w:jc w:val="left"/>
      </w:pPr>
      <w:r>
        <w:rPr>
          <w:rFonts w:ascii="Calibri" w:eastAsia="Calibri" w:hAnsi="Calibri" w:cs="Calibri"/>
          <w:sz w:val="22"/>
          <w:szCs w:val="22"/>
        </w:rPr>
        <w:tab/>
      </w:r>
      <w:r>
        <w:rPr>
          <w:sz w:val="23"/>
          <w:szCs w:val="23"/>
        </w:rPr>
        <w:t xml:space="preserve">On this  </w:t>
      </w:r>
      <w:r>
        <w:rPr>
          <w:sz w:val="23"/>
          <w:szCs w:val="23"/>
        </w:rPr>
        <w:tab/>
      </w:r>
      <w:r>
        <w:t xml:space="preserve">day of September 20XX, before me, the subscriber, personally appeared </w:t>
      </w:r>
    </w:p>
    <w:p w14:paraId="678CA0EF" w14:textId="77777777" w:rsidR="00CF54CB" w:rsidRDefault="00344004">
      <w:pPr>
        <w:spacing w:after="272" w:line="242" w:lineRule="auto"/>
        <w:ind w:left="811" w:right="59" w:firstLine="0"/>
        <w:jc w:val="left"/>
      </w:pPr>
      <w:r>
        <w:rPr>
          <w:rFonts w:ascii="Calibri" w:eastAsia="Calibri" w:hAnsi="Calibri" w:cs="Calibri"/>
          <w:noProof/>
          <w:sz w:val="22"/>
          <w:szCs w:val="22"/>
        </w:rPr>
        <mc:AlternateContent>
          <mc:Choice Requires="wpg">
            <w:drawing>
              <wp:inline distT="0" distB="0" distL="0" distR="0" wp14:anchorId="04848FFE" wp14:editId="6C94C0F0">
                <wp:extent cx="2362200" cy="347472"/>
                <wp:effectExtent l="0" t="0" r="0" b="0"/>
                <wp:docPr id="117687" name="Group 117687" descr="P1549#y1"/>
                <wp:cNvGraphicFramePr/>
                <a:graphic xmlns:a="http://schemas.openxmlformats.org/drawingml/2006/main">
                  <a:graphicData uri="http://schemas.microsoft.com/office/word/2010/wordprocessingGroup">
                    <wpg:wgp>
                      <wpg:cNvGrpSpPr/>
                      <wpg:grpSpPr>
                        <a:xfrm>
                          <a:off x="0" y="0"/>
                          <a:ext cx="2362200" cy="347472"/>
                          <a:chOff x="4164900" y="3606264"/>
                          <a:chExt cx="2362200" cy="350520"/>
                        </a:xfrm>
                      </wpg:grpSpPr>
                      <wpg:grpSp>
                        <wpg:cNvPr id="117688" name="Group 117688"/>
                        <wpg:cNvGrpSpPr/>
                        <wpg:grpSpPr>
                          <a:xfrm>
                            <a:off x="4164900" y="3606264"/>
                            <a:ext cx="2362200" cy="350520"/>
                            <a:chOff x="0" y="0"/>
                            <a:chExt cx="2362200" cy="350520"/>
                          </a:xfrm>
                        </wpg:grpSpPr>
                        <wps:wsp>
                          <wps:cNvPr id="117689" name="Rectangle 117689"/>
                          <wps:cNvSpPr/>
                          <wps:spPr>
                            <a:xfrm>
                              <a:off x="0" y="0"/>
                              <a:ext cx="2362200" cy="347450"/>
                            </a:xfrm>
                            <a:prstGeom prst="rect">
                              <a:avLst/>
                            </a:prstGeom>
                            <a:noFill/>
                            <a:ln>
                              <a:noFill/>
                            </a:ln>
                          </wps:spPr>
                          <wps:txbx>
                            <w:txbxContent>
                              <w:p w14:paraId="6D59733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90" name="Freeform: Shape 117690"/>
                          <wps:cNvSpPr/>
                          <wps:spPr>
                            <a:xfrm>
                              <a:off x="463296" y="0"/>
                              <a:ext cx="566928" cy="9144"/>
                            </a:xfrm>
                            <a:custGeom>
                              <a:avLst/>
                              <a:gdLst/>
                              <a:ahLst/>
                              <a:cxnLst/>
                              <a:rect l="l" t="t" r="r" b="b"/>
                              <a:pathLst>
                                <a:path w="566928" h="9144" extrusionOk="0">
                                  <a:moveTo>
                                    <a:pt x="0" y="0"/>
                                  </a:moveTo>
                                  <a:lnTo>
                                    <a:pt x="566928" y="0"/>
                                  </a:lnTo>
                                  <a:lnTo>
                                    <a:pt x="566928"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s:wsp>
                          <wps:cNvPr id="117691" name="Freeform: Shape 117691"/>
                          <wps:cNvSpPr/>
                          <wps:spPr>
                            <a:xfrm>
                              <a:off x="0" y="341376"/>
                              <a:ext cx="2362200" cy="9144"/>
                            </a:xfrm>
                            <a:custGeom>
                              <a:avLst/>
                              <a:gdLst/>
                              <a:ahLst/>
                              <a:cxnLst/>
                              <a:rect l="l" t="t" r="r" b="b"/>
                              <a:pathLst>
                                <a:path w="2362200" h="9144" extrusionOk="0">
                                  <a:moveTo>
                                    <a:pt x="0" y="0"/>
                                  </a:moveTo>
                                  <a:lnTo>
                                    <a:pt x="2362200" y="0"/>
                                  </a:lnTo>
                                  <a:lnTo>
                                    <a:pt x="23622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04848FFE" id="Group 117687" o:spid="_x0000_s1320" alt="P1549#y1" style="width:186pt;height:27.35pt;mso-position-horizontal-relative:char;mso-position-vertical-relative:line" coordorigin="41649,36062" coordsize="23622,350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">
                <v:group id="Group 117688" o:spid="_x0000_s1321" style="position:absolute;left:41649;top:36062;width:23622;height:3505" coordsize="23622,350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">
                  <v:rect id="Rectangle 117689" o:spid="_x0000_s1322" style="position:absolute;width:23622;height:3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" filled="f" stroked="f">
                    <v:textbox inset="2.53958mm,2.53958mm,2.53958mm,2.53958mm">
                      <w:txbxContent>
                        <w:p w14:paraId="6D597333" w14:textId="77777777" w:rsidR="00CF54CB" w:rsidRDefault="00CF54CB">
                          <w:pPr>
                            <w:spacing w:after="0" w:line="240" w:lineRule="auto"/>
                            <w:ind w:left="0" w:firstLine="0"/>
                            <w:jc w:val="left"/>
                            <w:textDirection w:val="btLr"/>
                          </w:pPr>
                        </w:p>
                      </w:txbxContent>
                    </v:textbox>
                  </v:rect>
                  <v:shape id="Freeform: Shape 117690" o:spid="_x0000_s1323" style="position:absolute;left:4632;width:5670;height:91;visibility:visible;mso-wrap-style:square;v-text-anchor:middle" coordsize="566928,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" path="m,l566928,r,9144l,9144,,e" fillcolor="black" stroked="f">
                    <v:path arrowok="t" o:extrusionok="f"/>
                  </v:shape>
                  <v:shape id="Freeform: Shape 117691" o:spid="_x0000_s1324" style="position:absolute;top:3413;width:23622;height:92;visibility:visible;mso-wrap-style:square;v-text-anchor:middle" coordsize="23622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" path="m,l2362200,r,9144l,9144,,e" fillcolor="black" stroked="f">
                    <v:path arrowok="t" o:extrusionok="f"/>
                  </v:shape>
                </v:group>
                <w10:anchorlock/>
              </v:group>
            </w:pict>
          </mc:Fallback>
        </mc:AlternateContent>
      </w:r>
      <w:r>
        <w:t xml:space="preserve">, the President of Restructured Troubled Reinsurance Corporation, who I am satisfied is the person who has signed the preceding Consent Order, and he did acknowledge that he signed, sealed with the corporate seal, and delivered the same as such officer aforesaid and that the Consent Order is the voluntary act and deed of such company made by virtue of the authority vested in him by its Board of Directors. </w:t>
      </w:r>
    </w:p>
    <w:p w14:paraId="1906E7D0" w14:textId="77777777" w:rsidR="00CF54CB" w:rsidRDefault="00344004">
      <w:pPr>
        <w:spacing w:after="68" w:line="259" w:lineRule="auto"/>
        <w:ind w:left="5851" w:firstLine="0"/>
        <w:jc w:val="left"/>
      </w:pPr>
      <w:r>
        <w:rPr>
          <w:rFonts w:ascii="Calibri" w:eastAsia="Calibri" w:hAnsi="Calibri" w:cs="Calibri"/>
          <w:noProof/>
          <w:sz w:val="22"/>
          <w:szCs w:val="22"/>
        </w:rPr>
        <mc:AlternateContent>
          <mc:Choice Requires="wpg">
            <w:drawing>
              <wp:inline distT="0" distB="0" distL="0" distR="0" wp14:anchorId="21BAA3D6" wp14:editId="102C0AE8">
                <wp:extent cx="2666365" cy="6096"/>
                <wp:effectExtent l="0" t="0" r="0" b="0"/>
                <wp:docPr id="117692" name="Group 117692" descr="P1550#y1"/>
                <wp:cNvGraphicFramePr/>
                <a:graphic xmlns:a="http://schemas.openxmlformats.org/drawingml/2006/main">
                  <a:graphicData uri="http://schemas.microsoft.com/office/word/2010/wordprocessingGroup">
                    <wpg:wgp>
                      <wpg:cNvGrpSpPr/>
                      <wpg:grpSpPr>
                        <a:xfrm>
                          <a:off x="0" y="0"/>
                          <a:ext cx="2666365" cy="6096"/>
                          <a:chOff x="4012818" y="3776952"/>
                          <a:chExt cx="2666365" cy="6075"/>
                        </a:xfrm>
                      </wpg:grpSpPr>
                      <wpg:grpSp>
                        <wpg:cNvPr id="117693" name="Group 117693"/>
                        <wpg:cNvGrpSpPr/>
                        <wpg:grpSpPr>
                          <a:xfrm>
                            <a:off x="4012818" y="3776952"/>
                            <a:ext cx="2666365" cy="6075"/>
                            <a:chOff x="0" y="0"/>
                            <a:chExt cx="2666365" cy="6075"/>
                          </a:xfrm>
                        </wpg:grpSpPr>
                        <wps:wsp>
                          <wps:cNvPr id="117694" name="Rectangle 117694"/>
                          <wps:cNvSpPr/>
                          <wps:spPr>
                            <a:xfrm>
                              <a:off x="0" y="0"/>
                              <a:ext cx="2666350" cy="6075"/>
                            </a:xfrm>
                            <a:prstGeom prst="rect">
                              <a:avLst/>
                            </a:prstGeom>
                            <a:noFill/>
                            <a:ln>
                              <a:noFill/>
                            </a:ln>
                          </wps:spPr>
                          <wps:txbx>
                            <w:txbxContent>
                              <w:p w14:paraId="33B85B8B"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95" name="Freeform: Shape 117695"/>
                          <wps:cNvSpPr/>
                          <wps:spPr>
                            <a:xfrm>
                              <a:off x="0" y="0"/>
                              <a:ext cx="2666365" cy="0"/>
                            </a:xfrm>
                            <a:custGeom>
                              <a:avLst/>
                              <a:gdLst/>
                              <a:ahLst/>
                              <a:cxnLst/>
                              <a:rect l="l" t="t" r="r" b="b"/>
                              <a:pathLst>
                                <a:path w="2666365" h="120000" extrusionOk="0">
                                  <a:moveTo>
                                    <a:pt x="0" y="0"/>
                                  </a:moveTo>
                                  <a:lnTo>
                                    <a:pt x="2666365" y="0"/>
                                  </a:lnTo>
                                </a:path>
                              </a:pathLst>
                            </a:custGeom>
                            <a:noFill/>
                            <a:ln w="9525" cap="flat" cmpd="sng">
                              <a:solidFill>
                                <a:srgbClr val="000000"/>
                              </a:solidFill>
                              <a:prstDash val="solid"/>
                              <a:round/>
                              <a:headEnd type="none" w="sm" len="sm"/>
                              <a:tailEnd type="none" w="sm" len="sm"/>
                            </a:ln>
                          </wps:spPr>
                          <wps:bodyPr spcFirstLastPara="1" wrap="square" lIns="91425" tIns="91425" rIns="91425" bIns="91425" anchor="ctr" anchorCtr="0">
                            <a:noAutofit/>
                          </wps:bodyPr>
                        </wps:wsp>
                      </wpg:grpSp>
                    </wpg:wgp>
                  </a:graphicData>
                </a:graphic>
              </wp:inline>
            </w:drawing>
          </mc:Choice>
          <mc:Fallback>
            <w:pict>
              <v:group w14:anchorId="21BAA3D6" id="Group 117692" o:spid="_x0000_s1325" alt="P1550#y1" style="width:209.95pt;height:.5pt;mso-position-horizontal-relative:char;mso-position-vertical-relative:line" coordorigin="40128,37769" coordsize="26663,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">
                <v:group id="Group 117693" o:spid="_x0000_s1326" style="position:absolute;left:40128;top:37769;width:26663;height:61" coordsize="26663,6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">
                  <v:rect id="Rectangle 117694" o:spid="_x0000_s1327" style="position:absolute;width:26663;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" filled="f" stroked="f">
                    <v:textbox inset="2.53958mm,2.53958mm,2.53958mm,2.53958mm">
                      <w:txbxContent>
                        <w:p w14:paraId="33B85B8B" w14:textId="77777777" w:rsidR="00CF54CB" w:rsidRDefault="00CF54CB">
                          <w:pPr>
                            <w:spacing w:after="0" w:line="240" w:lineRule="auto"/>
                            <w:ind w:left="0" w:firstLine="0"/>
                            <w:jc w:val="left"/>
                            <w:textDirection w:val="btLr"/>
                          </w:pPr>
                        </w:p>
                      </w:txbxContent>
                    </v:textbox>
                  </v:rect>
                  <v:shape id="Freeform: Shape 117695" o:spid="_x0000_s1328" style="position:absolute;width:26663;height:0;visibility:visible;mso-wrap-style:square;v-text-anchor:middle" coordsize="2666365,12000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" path="m,l2666365,e" filled="f">
                    <v:stroke startarrowwidth="narrow" startarrowlength="short" endarrowwidth="narrow" endarrowlength="short"/>
                    <v:path arrowok="t" o:extrusionok="f"/>
                  </v:shape>
                </v:group>
                <w10:anchorlock/>
              </v:group>
            </w:pict>
          </mc:Fallback>
        </mc:AlternateContent>
      </w:r>
    </w:p>
    <w:p w14:paraId="38F7DB1F" w14:textId="77777777" w:rsidR="00CF54CB" w:rsidRDefault="00344004">
      <w:pPr>
        <w:spacing w:after="14"/>
        <w:ind w:left="10" w:right="1471" w:hanging="10"/>
        <w:jc w:val="right"/>
      </w:pPr>
      <w:r>
        <w:t xml:space="preserve">(name), (Title) </w:t>
      </w:r>
    </w:p>
    <w:p w14:paraId="179E15D2" w14:textId="77777777" w:rsidR="00CF54CB" w:rsidRDefault="00344004">
      <w:pPr>
        <w:spacing w:after="495" w:line="265" w:lineRule="auto"/>
        <w:ind w:left="1263" w:right="56" w:hanging="10"/>
        <w:jc w:val="left"/>
      </w:pPr>
      <w:r>
        <w:rPr>
          <w:b/>
        </w:rPr>
        <w:t>2. S</w:t>
      </w:r>
      <w:r>
        <w:rPr>
          <w:b/>
          <w:sz w:val="19"/>
          <w:szCs w:val="19"/>
        </w:rPr>
        <w:t xml:space="preserve">AMPLE </w:t>
      </w:r>
      <w:r>
        <w:rPr>
          <w:b/>
        </w:rPr>
        <w:t>R</w:t>
      </w:r>
      <w:r>
        <w:rPr>
          <w:b/>
          <w:sz w:val="19"/>
          <w:szCs w:val="19"/>
        </w:rPr>
        <w:t xml:space="preserve">EINSURER </w:t>
      </w:r>
      <w:r>
        <w:rPr>
          <w:b/>
        </w:rPr>
        <w:t>L</w:t>
      </w:r>
      <w:r>
        <w:rPr>
          <w:b/>
          <w:sz w:val="19"/>
          <w:szCs w:val="19"/>
        </w:rPr>
        <w:t xml:space="preserve">ETTER </w:t>
      </w:r>
      <w:r>
        <w:rPr>
          <w:b/>
        </w:rPr>
        <w:t>A</w:t>
      </w:r>
      <w:r>
        <w:rPr>
          <w:b/>
          <w:sz w:val="19"/>
          <w:szCs w:val="19"/>
        </w:rPr>
        <w:t>GREEMENT</w:t>
      </w:r>
    </w:p>
    <w:p w14:paraId="26B7DFCC" w14:textId="77777777" w:rsidR="00CF54CB" w:rsidRDefault="00344004">
      <w:pPr>
        <w:spacing w:after="1300"/>
        <w:ind w:left="105" w:right="396" w:firstLine="6"/>
      </w:pPr>
      <w:r>
        <w:t xml:space="preserve">November , 20XX </w:t>
      </w:r>
    </w:p>
    <w:p w14:paraId="77116C06" w14:textId="77777777" w:rsidR="00CF54CB" w:rsidRDefault="00344004">
      <w:pPr>
        <w:ind w:left="105" w:right="396" w:firstLine="6"/>
      </w:pPr>
      <w:r>
        <w:t xml:space="preserve">President </w:t>
      </w:r>
    </w:p>
    <w:p w14:paraId="726A16FD" w14:textId="77777777" w:rsidR="00CF54CB" w:rsidRDefault="00344004">
      <w:pPr>
        <w:spacing w:after="266"/>
        <w:ind w:left="105" w:right="3826" w:firstLine="6"/>
      </w:pPr>
      <w:r>
        <w:t xml:space="preserve">Restructured Troubled Reinsurance Company XXX Street Anywhere, XX 00000 </w:t>
      </w:r>
    </w:p>
    <w:p w14:paraId="6B00EF01" w14:textId="77777777" w:rsidR="00CF54CB" w:rsidRDefault="00344004">
      <w:pPr>
        <w:spacing w:after="258"/>
        <w:ind w:left="105" w:right="396" w:firstLine="6"/>
      </w:pPr>
      <w:r>
        <w:t xml:space="preserve">Dear </w:t>
      </w:r>
      <w:r>
        <w:rPr>
          <w:rFonts w:ascii="Calibri" w:eastAsia="Calibri" w:hAnsi="Calibri" w:cs="Calibri"/>
          <w:noProof/>
          <w:sz w:val="22"/>
          <w:szCs w:val="22"/>
        </w:rPr>
        <mc:AlternateContent>
          <mc:Choice Requires="wpg">
            <w:drawing>
              <wp:inline distT="0" distB="0" distL="0" distR="0" wp14:anchorId="04AB28AC" wp14:editId="3543FF6A">
                <wp:extent cx="1182611" cy="6096"/>
                <wp:effectExtent l="0" t="0" r="0" b="0"/>
                <wp:docPr id="117696" name="Group 117696" descr="P1556#y1"/>
                <wp:cNvGraphicFramePr/>
                <a:graphic xmlns:a="http://schemas.openxmlformats.org/drawingml/2006/main">
                  <a:graphicData uri="http://schemas.microsoft.com/office/word/2010/wordprocessingGroup">
                    <wpg:wgp>
                      <wpg:cNvGrpSpPr/>
                      <wpg:grpSpPr>
                        <a:xfrm>
                          <a:off x="0" y="0"/>
                          <a:ext cx="1182611" cy="6096"/>
                          <a:chOff x="4754695" y="3776952"/>
                          <a:chExt cx="1182611" cy="9144"/>
                        </a:xfrm>
                      </wpg:grpSpPr>
                      <wpg:grpSp>
                        <wpg:cNvPr id="117697" name="Group 117697"/>
                        <wpg:cNvGrpSpPr/>
                        <wpg:grpSpPr>
                          <a:xfrm>
                            <a:off x="4754695" y="3776952"/>
                            <a:ext cx="1182611" cy="9144"/>
                            <a:chOff x="0" y="0"/>
                            <a:chExt cx="1182611" cy="9144"/>
                          </a:xfrm>
                        </wpg:grpSpPr>
                        <wps:wsp>
                          <wps:cNvPr id="117698" name="Rectangle 117698"/>
                          <wps:cNvSpPr/>
                          <wps:spPr>
                            <a:xfrm>
                              <a:off x="0" y="0"/>
                              <a:ext cx="1182600" cy="6075"/>
                            </a:xfrm>
                            <a:prstGeom prst="rect">
                              <a:avLst/>
                            </a:prstGeom>
                            <a:noFill/>
                            <a:ln>
                              <a:noFill/>
                            </a:ln>
                          </wps:spPr>
                          <wps:txbx>
                            <w:txbxContent>
                              <w:p w14:paraId="0E38AA89"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699" name="Freeform: Shape 117699"/>
                          <wps:cNvSpPr/>
                          <wps:spPr>
                            <a:xfrm>
                              <a:off x="0" y="0"/>
                              <a:ext cx="1182611" cy="9144"/>
                            </a:xfrm>
                            <a:custGeom>
                              <a:avLst/>
                              <a:gdLst/>
                              <a:ahLst/>
                              <a:cxnLst/>
                              <a:rect l="l" t="t" r="r" b="b"/>
                              <a:pathLst>
                                <a:path w="1182611" h="9144" extrusionOk="0">
                                  <a:moveTo>
                                    <a:pt x="0" y="0"/>
                                  </a:moveTo>
                                  <a:lnTo>
                                    <a:pt x="1182611" y="0"/>
                                  </a:lnTo>
                                  <a:lnTo>
                                    <a:pt x="1182611"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04AB28AC" id="Group 117696" o:spid="_x0000_s1329" alt="P1556#y1" style="width:93.1pt;height:.5pt;mso-position-horizontal-relative:char;mso-position-vertical-relative:line" coordorigin="47546,37769" coordsize="11826,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">
                <v:group id="Group 117697" o:spid="_x0000_s1330" style="position:absolute;left:47546;top:37769;width:11827;height:91" coordsize="11826,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">
                  <v:rect id="Rectangle 117698" o:spid="_x0000_s1331" style="position:absolute;width:11826;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" filled="f" stroked="f">
                    <v:textbox inset="2.53958mm,2.53958mm,2.53958mm,2.53958mm">
                      <w:txbxContent>
                        <w:p w14:paraId="0E38AA89" w14:textId="77777777" w:rsidR="00CF54CB" w:rsidRDefault="00CF54CB">
                          <w:pPr>
                            <w:spacing w:after="0" w:line="240" w:lineRule="auto"/>
                            <w:ind w:left="0" w:firstLine="0"/>
                            <w:jc w:val="left"/>
                            <w:textDirection w:val="btLr"/>
                          </w:pPr>
                        </w:p>
                      </w:txbxContent>
                    </v:textbox>
                  </v:rect>
                  <v:shape id="Freeform: Shape 117699" o:spid="_x0000_s1332" style="position:absolute;width:11826;height:91;visibility:visible;mso-wrap-style:square;v-text-anchor:middle" coordsize="1182611,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" path="m,l1182611,r,9144l,9144,,e" fillcolor="black" stroked="f">
                    <v:path arrowok="t" o:extrusionok="f"/>
                  </v:shape>
                </v:group>
                <w10:anchorlock/>
              </v:group>
            </w:pict>
          </mc:Fallback>
        </mc:AlternateContent>
      </w:r>
      <w:r>
        <w:t xml:space="preserve">: </w:t>
      </w:r>
    </w:p>
    <w:p w14:paraId="1DDDE663" w14:textId="77777777" w:rsidR="00CF54CB" w:rsidRDefault="00344004">
      <w:pPr>
        <w:spacing w:after="266"/>
        <w:ind w:left="105" w:right="396" w:firstLine="6"/>
      </w:pPr>
      <w:r>
        <w:t xml:space="preserve">The Any State Insurance Department (Department) continues its financial monitoring of Restructured Troubled Reinsurance Corporation (RTRC or Company). </w:t>
      </w:r>
    </w:p>
    <w:p w14:paraId="64DC2287" w14:textId="77777777" w:rsidR="00CF54CB" w:rsidRDefault="00344004">
      <w:pPr>
        <w:spacing w:after="266"/>
        <w:ind w:left="105" w:right="396" w:firstLine="6"/>
      </w:pPr>
      <w:r>
        <w:t>The Company’s parent, Restructured Troubled Group Ltd. (RTG) reported an operating loss of $245 million for the third quarter of 2002 and an operating loss of $252.6 million for the first nine months of 2002. The loss resulted principally from approximately $100.7 million of loss reserve increases recorded by the operating subsidiaries and a $64.5 million loss related to the establishment of a deferred tax valuation reserve. The operating results for the first nine months of 20XX included approximately $33 million of loss development related to the September 11</w:t>
      </w:r>
      <w:r>
        <w:rPr>
          <w:vertAlign w:val="superscript"/>
        </w:rPr>
        <w:t>th</w:t>
      </w:r>
      <w:r>
        <w:t xml:space="preserve"> terrorist attacks recorded in the first quarter of 20XX. On October 18, 20XX, A.M. Best Company lowered the ratings of the operating subsidiaries of RTG from A- to B+. Subsidiary Insurance Company was lowered from A- to B. The downgrade constituted an event of default under RTG’s bank credit facility, under which banks had issued $336 million in letters of credit to support RTG’s underwriting at its Lloyd’s operation. On November 1, 20XX, with the approval of the Department, the Company entered into an Underwriting and Reinsurance Arrangement with Facility Re, Inc., whereby new business is underwritten by Facility Insurance Company, a member of the Facility Group. On November 14, 2002, A.M. Best again lowered the ratings </w:t>
      </w:r>
      <w:r>
        <w:lastRenderedPageBreak/>
        <w:t xml:space="preserve">of the operating subsidiaries of RTG from B+ to B-. Subsidiary Insurance Company was lowered from B to C++. </w:t>
      </w:r>
    </w:p>
    <w:p w14:paraId="6C258894" w14:textId="77777777" w:rsidR="00CF54CB" w:rsidRDefault="00344004">
      <w:pPr>
        <w:spacing w:after="296"/>
        <w:ind w:left="105" w:right="396" w:firstLine="6"/>
      </w:pPr>
      <w:r>
        <w:t xml:space="preserve">In order to protect the existing quality and integrity of RTRC’s assets, reserves, and management to protect policyholders/reinsureds and the public, it is requested that the Company agree to the following: </w:t>
      </w:r>
    </w:p>
    <w:p w14:paraId="76F59969" w14:textId="77777777" w:rsidR="00CF54CB" w:rsidRDefault="00344004">
      <w:pPr>
        <w:numPr>
          <w:ilvl w:val="0"/>
          <w:numId w:val="26"/>
        </w:numPr>
        <w:spacing w:after="295"/>
        <w:ind w:right="396" w:hanging="360"/>
      </w:pPr>
      <w:r>
        <w:t>RTRC shall not take any of the following actions without the prior written approval of the Insurance Commissioner or her designee:</w:t>
      </w:r>
    </w:p>
    <w:p w14:paraId="470B56E4" w14:textId="77777777" w:rsidR="00CF54CB" w:rsidRDefault="00344004">
      <w:pPr>
        <w:numPr>
          <w:ilvl w:val="1"/>
          <w:numId w:val="26"/>
        </w:numPr>
        <w:ind w:right="396" w:hanging="360"/>
      </w:pPr>
      <w:r>
        <w:t>Dispose of, convey, or encumber any of its assets or its business in force.</w:t>
      </w:r>
    </w:p>
    <w:p w14:paraId="19114B83" w14:textId="77777777" w:rsidR="00CF54CB" w:rsidRDefault="00344004">
      <w:pPr>
        <w:numPr>
          <w:ilvl w:val="1"/>
          <w:numId w:val="26"/>
        </w:numPr>
        <w:spacing w:after="25"/>
        <w:ind w:right="396" w:hanging="360"/>
      </w:pPr>
      <w:r>
        <w:t>Withdraw any of its bank accounts except in the ordinary course of business.</w:t>
      </w:r>
    </w:p>
    <w:p w14:paraId="478A9C88" w14:textId="77777777" w:rsidR="00CF54CB" w:rsidRDefault="00344004">
      <w:pPr>
        <w:numPr>
          <w:ilvl w:val="1"/>
          <w:numId w:val="26"/>
        </w:numPr>
        <w:ind w:right="396" w:hanging="360"/>
      </w:pPr>
      <w:r>
        <w:t>Settle any intercompany balances.</w:t>
      </w:r>
    </w:p>
    <w:p w14:paraId="2BA3F33C" w14:textId="77777777" w:rsidR="00CF54CB" w:rsidRDefault="00344004">
      <w:pPr>
        <w:numPr>
          <w:ilvl w:val="1"/>
          <w:numId w:val="26"/>
        </w:numPr>
        <w:spacing w:after="25"/>
        <w:ind w:right="396" w:hanging="360"/>
      </w:pPr>
      <w:r>
        <w:t>Lend any of its funds.</w:t>
      </w:r>
    </w:p>
    <w:p w14:paraId="4BB718DE" w14:textId="77777777" w:rsidR="00CF54CB" w:rsidRDefault="00344004">
      <w:pPr>
        <w:numPr>
          <w:ilvl w:val="1"/>
          <w:numId w:val="26"/>
        </w:numPr>
        <w:ind w:right="396" w:hanging="360"/>
      </w:pPr>
      <w:r>
        <w:t>Transfer any of its property.</w:t>
      </w:r>
    </w:p>
    <w:p w14:paraId="4A41CED8" w14:textId="77777777" w:rsidR="00CF54CB" w:rsidRDefault="00344004">
      <w:pPr>
        <w:numPr>
          <w:ilvl w:val="1"/>
          <w:numId w:val="26"/>
        </w:numPr>
        <w:spacing w:after="25"/>
        <w:ind w:right="396" w:hanging="360"/>
      </w:pPr>
      <w:r>
        <w:t>Make any investments other than cash equivalents.</w:t>
      </w:r>
    </w:p>
    <w:p w14:paraId="59A91846" w14:textId="77777777" w:rsidR="00CF54CB" w:rsidRDefault="00344004">
      <w:pPr>
        <w:numPr>
          <w:ilvl w:val="1"/>
          <w:numId w:val="26"/>
        </w:numPr>
        <w:ind w:right="396" w:hanging="360"/>
      </w:pPr>
      <w:r>
        <w:t>Incur any debt, obligation, or liability, except liabilities in the ordinary course of business.</w:t>
      </w:r>
    </w:p>
    <w:p w14:paraId="47150D2C" w14:textId="77777777" w:rsidR="00CF54CB" w:rsidRDefault="00344004">
      <w:pPr>
        <w:numPr>
          <w:ilvl w:val="1"/>
          <w:numId w:val="26"/>
        </w:numPr>
        <w:ind w:right="396" w:hanging="360"/>
      </w:pPr>
      <w:r>
        <w:t>Make any material change in management.</w:t>
      </w:r>
    </w:p>
    <w:p w14:paraId="0DA71F5D" w14:textId="77777777" w:rsidR="00CF54CB" w:rsidRDefault="00344004">
      <w:pPr>
        <w:numPr>
          <w:ilvl w:val="1"/>
          <w:numId w:val="26"/>
        </w:numPr>
        <w:spacing w:after="92"/>
        <w:ind w:right="396" w:hanging="360"/>
      </w:pPr>
      <w:r>
        <w:t>Make any material change in the operations of the Company.</w:t>
      </w:r>
    </w:p>
    <w:p w14:paraId="5F6AE61C" w14:textId="77777777" w:rsidR="00CF54CB" w:rsidRDefault="00344004">
      <w:pPr>
        <w:numPr>
          <w:ilvl w:val="1"/>
          <w:numId w:val="26"/>
        </w:numPr>
        <w:ind w:right="396" w:hanging="360"/>
      </w:pPr>
      <w:r>
        <w:t>Move any books and records from its office in Stamford, Connecticut.</w:t>
      </w:r>
    </w:p>
    <w:p w14:paraId="230AAA46" w14:textId="77777777" w:rsidR="00CF54CB" w:rsidRDefault="00344004">
      <w:pPr>
        <w:numPr>
          <w:ilvl w:val="1"/>
          <w:numId w:val="26"/>
        </w:numPr>
        <w:ind w:right="396" w:hanging="360"/>
      </w:pPr>
      <w:r>
        <w:t>Pay any dividends, ordinary or extraordinary.</w:t>
      </w:r>
    </w:p>
    <w:p w14:paraId="6B32FAB2" w14:textId="77777777" w:rsidR="00CF54CB" w:rsidRDefault="00344004">
      <w:pPr>
        <w:numPr>
          <w:ilvl w:val="1"/>
          <w:numId w:val="26"/>
        </w:numPr>
        <w:ind w:right="396" w:hanging="360"/>
      </w:pPr>
      <w:r>
        <w:t>Enter into any affiliated reinsurance contracts, affiliated commutation agreements, or settlement agreements.</w:t>
      </w:r>
    </w:p>
    <w:p w14:paraId="1DC87281" w14:textId="77777777" w:rsidR="00CF54CB" w:rsidRDefault="00344004">
      <w:pPr>
        <w:numPr>
          <w:ilvl w:val="1"/>
          <w:numId w:val="26"/>
        </w:numPr>
        <w:ind w:right="396" w:hanging="360"/>
      </w:pPr>
      <w:r>
        <w:t>Enter into any unaffiliated insurance or reinsurance contracts that would constitute new or renewal business, or any unaffiliated commutation agreements or settlement agreements in excess of $1 million not in the ordinary course of business.</w:t>
      </w:r>
    </w:p>
    <w:p w14:paraId="2DDD91CF" w14:textId="77777777" w:rsidR="00CF54CB" w:rsidRDefault="00344004">
      <w:pPr>
        <w:numPr>
          <w:ilvl w:val="1"/>
          <w:numId w:val="26"/>
        </w:numPr>
        <w:spacing w:after="299"/>
        <w:ind w:right="396" w:hanging="360"/>
      </w:pPr>
      <w:r>
        <w:t>Enter into affiliated transactions of any nature.</w:t>
      </w:r>
    </w:p>
    <w:p w14:paraId="282F8EF6" w14:textId="77777777" w:rsidR="00CF54CB" w:rsidRDefault="00344004">
      <w:pPr>
        <w:numPr>
          <w:ilvl w:val="0"/>
          <w:numId w:val="26"/>
        </w:numPr>
        <w:spacing w:after="295"/>
        <w:ind w:right="396" w:hanging="360"/>
      </w:pPr>
      <w:r>
        <w:t>Senior management shall meet with the Department, in person or by conference call, with such frequency as may be deemed necessary by the Insurance Commissioner or her designee, to provide updates on the status of the parent and any changes in the status of the Company.</w:t>
      </w:r>
    </w:p>
    <w:p w14:paraId="438C4843" w14:textId="77777777" w:rsidR="00CF54CB" w:rsidRDefault="00344004">
      <w:pPr>
        <w:numPr>
          <w:ilvl w:val="0"/>
          <w:numId w:val="26"/>
        </w:numPr>
        <w:spacing w:after="295"/>
        <w:ind w:right="396" w:hanging="360"/>
      </w:pPr>
      <w:r>
        <w:t>A monthly financial statement consisting of a balance sheet and income statement shall be filed with the Department on the 25th day of each month as of the prior month end.</w:t>
      </w:r>
    </w:p>
    <w:p w14:paraId="77BD0475" w14:textId="77777777" w:rsidR="00CF54CB" w:rsidRDefault="00344004">
      <w:pPr>
        <w:numPr>
          <w:ilvl w:val="0"/>
          <w:numId w:val="26"/>
        </w:numPr>
        <w:spacing w:after="295"/>
        <w:ind w:right="396" w:hanging="360"/>
      </w:pPr>
      <w:r>
        <w:t>The above-described terms shall continue in effect until such time as the Insurance Commissioner shall deem they are no longer necessary or issues an order that supersedes this agreement.</w:t>
      </w:r>
    </w:p>
    <w:p w14:paraId="2960FFB4" w14:textId="77777777" w:rsidR="00CF54CB" w:rsidRDefault="00344004">
      <w:pPr>
        <w:numPr>
          <w:ilvl w:val="0"/>
          <w:numId w:val="26"/>
        </w:numPr>
        <w:spacing w:after="266"/>
        <w:ind w:right="396" w:hanging="360"/>
      </w:pPr>
      <w:r>
        <w:t>RTRC acknowledges that nothing contained herein shall in any way limit any power or authority given the Insurance Commissioner under the laws of the State of Connecticut, including the right to initiate any further actions as she deems in her discretion to be necessary for the protection of RTRC’s policyholders/reinsureds and the public.</w:t>
      </w:r>
    </w:p>
    <w:p w14:paraId="093E7855" w14:textId="77777777" w:rsidR="00CF54CB" w:rsidRDefault="00344004">
      <w:pPr>
        <w:spacing w:after="696" w:line="356" w:lineRule="auto"/>
        <w:ind w:left="105" w:right="1054" w:firstLine="6"/>
      </w:pPr>
      <w:r>
        <w:t xml:space="preserve">I have enclosed two originals of this letter to your attention. Please sign and date both originals, retain one for your file, and return one executed original to me. Sincerely, </w:t>
      </w:r>
    </w:p>
    <w:p w14:paraId="3C9B037C" w14:textId="77777777" w:rsidR="00CF54CB" w:rsidRDefault="00344004">
      <w:pPr>
        <w:spacing w:after="76"/>
        <w:ind w:left="105" w:right="396" w:firstLine="6"/>
      </w:pPr>
      <w:r>
        <w:rPr>
          <w:rFonts w:ascii="Calibri" w:eastAsia="Calibri" w:hAnsi="Calibri" w:cs="Calibri"/>
          <w:noProof/>
          <w:sz w:val="22"/>
          <w:szCs w:val="22"/>
        </w:rPr>
        <w:lastRenderedPageBreak/>
        <mc:AlternateContent>
          <mc:Choice Requires="wpg">
            <w:drawing>
              <wp:inline distT="0" distB="0" distL="0" distR="0" wp14:anchorId="0CAA5071" wp14:editId="7CDCA4BD">
                <wp:extent cx="1752600" cy="6096"/>
                <wp:effectExtent l="0" t="0" r="0" b="0"/>
                <wp:docPr id="117700" name="Group 117700" descr="P1580#y1"/>
                <wp:cNvGraphicFramePr/>
                <a:graphic xmlns:a="http://schemas.openxmlformats.org/drawingml/2006/main">
                  <a:graphicData uri="http://schemas.microsoft.com/office/word/2010/wordprocessingGroup">
                    <wpg:wgp>
                      <wpg:cNvGrpSpPr/>
                      <wpg:grpSpPr>
                        <a:xfrm>
                          <a:off x="0" y="0"/>
                          <a:ext cx="1752600" cy="6096"/>
                          <a:chOff x="4469700" y="3776952"/>
                          <a:chExt cx="1752600" cy="9144"/>
                        </a:xfrm>
                      </wpg:grpSpPr>
                      <wpg:grpSp>
                        <wpg:cNvPr id="117701" name="Group 117701"/>
                        <wpg:cNvGrpSpPr/>
                        <wpg:grpSpPr>
                          <a:xfrm>
                            <a:off x="4469700" y="3776952"/>
                            <a:ext cx="1752600" cy="9144"/>
                            <a:chOff x="0" y="0"/>
                            <a:chExt cx="1752600" cy="9144"/>
                          </a:xfrm>
                        </wpg:grpSpPr>
                        <wps:wsp>
                          <wps:cNvPr id="117702" name="Rectangle 117702"/>
                          <wps:cNvSpPr/>
                          <wps:spPr>
                            <a:xfrm>
                              <a:off x="0" y="0"/>
                              <a:ext cx="1752600" cy="6075"/>
                            </a:xfrm>
                            <a:prstGeom prst="rect">
                              <a:avLst/>
                            </a:prstGeom>
                            <a:noFill/>
                            <a:ln>
                              <a:noFill/>
                            </a:ln>
                          </wps:spPr>
                          <wps:txbx>
                            <w:txbxContent>
                              <w:p w14:paraId="3B320853"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703" name="Freeform: Shape 117703"/>
                          <wps:cNvSpPr/>
                          <wps:spPr>
                            <a:xfrm>
                              <a:off x="0" y="0"/>
                              <a:ext cx="1752600" cy="9144"/>
                            </a:xfrm>
                            <a:custGeom>
                              <a:avLst/>
                              <a:gdLst/>
                              <a:ahLst/>
                              <a:cxnLst/>
                              <a:rect l="l" t="t" r="r" b="b"/>
                              <a:pathLst>
                                <a:path w="1752600" h="9144" extrusionOk="0">
                                  <a:moveTo>
                                    <a:pt x="0" y="0"/>
                                  </a:moveTo>
                                  <a:lnTo>
                                    <a:pt x="1752600" y="0"/>
                                  </a:lnTo>
                                  <a:lnTo>
                                    <a:pt x="1752600"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0CAA5071" id="Group 117700" o:spid="_x0000_s1333" alt="P1580#y1" style="width:138pt;height:.5pt;mso-position-horizontal-relative:char;mso-position-vertical-relative:line" coordorigin="44697,37769" coordsize="17526,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">
                <v:group id="Group 117701" o:spid="_x0000_s1334" style="position:absolute;left:44697;top:37769;width:17526;height:91" coordsize="17526,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">
                  <v:rect id="Rectangle 117702" o:spid="_x0000_s1335" style="position:absolute;width:17526;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" filled="f" stroked="f">
                    <v:textbox inset="2.53958mm,2.53958mm,2.53958mm,2.53958mm">
                      <w:txbxContent>
                        <w:p w14:paraId="3B320853" w14:textId="77777777" w:rsidR="00CF54CB" w:rsidRDefault="00CF54CB">
                          <w:pPr>
                            <w:spacing w:after="0" w:line="240" w:lineRule="auto"/>
                            <w:ind w:left="0" w:firstLine="0"/>
                            <w:jc w:val="left"/>
                            <w:textDirection w:val="btLr"/>
                          </w:pPr>
                        </w:p>
                      </w:txbxContent>
                    </v:textbox>
                  </v:rect>
                  <v:shape id="Freeform: Shape 117703" o:spid="_x0000_s1336" style="position:absolute;width:17526;height:91;visibility:visible;mso-wrap-style:square;v-text-anchor:middle" coordsize="1752600,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" path="m,l1752600,r,9144l,9144,,e" fillcolor="black" stroked="f">
                    <v:path arrowok="t" o:extrusionok="f"/>
                  </v:shape>
                </v:group>
                <w10:anchorlock/>
              </v:group>
            </w:pict>
          </mc:Fallback>
        </mc:AlternateContent>
      </w:r>
      <w:r>
        <w:t xml:space="preserve">, Chief Examiner </w:t>
      </w:r>
    </w:p>
    <w:p w14:paraId="21E18524" w14:textId="77777777" w:rsidR="00CF54CB" w:rsidRDefault="00344004">
      <w:pPr>
        <w:spacing w:after="513"/>
        <w:ind w:left="105" w:right="396" w:firstLine="6"/>
      </w:pPr>
      <w:r>
        <w:t xml:space="preserve">Financial Analysis &amp; Compliance </w:t>
      </w:r>
    </w:p>
    <w:p w14:paraId="63BD686E" w14:textId="77777777" w:rsidR="00CF54CB" w:rsidRDefault="00344004">
      <w:pPr>
        <w:ind w:left="105" w:right="396" w:firstLine="6"/>
      </w:pPr>
      <w:r>
        <w:t xml:space="preserve">AGREED TO this </w:t>
      </w:r>
      <w:r>
        <w:rPr>
          <w:rFonts w:ascii="Calibri" w:eastAsia="Calibri" w:hAnsi="Calibri" w:cs="Calibri"/>
          <w:noProof/>
          <w:sz w:val="22"/>
          <w:szCs w:val="22"/>
        </w:rPr>
        <mc:AlternateContent>
          <mc:Choice Requires="wpg">
            <w:drawing>
              <wp:inline distT="0" distB="0" distL="0" distR="0" wp14:anchorId="37A8CE83" wp14:editId="62074823">
                <wp:extent cx="829056" cy="6097"/>
                <wp:effectExtent l="0" t="0" r="0" b="0"/>
                <wp:docPr id="117704" name="Group 117704" descr="P1582#y1"/>
                <wp:cNvGraphicFramePr/>
                <a:graphic xmlns:a="http://schemas.openxmlformats.org/drawingml/2006/main">
                  <a:graphicData uri="http://schemas.microsoft.com/office/word/2010/wordprocessingGroup">
                    <wpg:wgp>
                      <wpg:cNvGrpSpPr/>
                      <wpg:grpSpPr>
                        <a:xfrm>
                          <a:off x="0" y="0"/>
                          <a:ext cx="829056" cy="6097"/>
                          <a:chOff x="4931472" y="3776952"/>
                          <a:chExt cx="829056" cy="9144"/>
                        </a:xfrm>
                      </wpg:grpSpPr>
                      <wpg:grpSp>
                        <wpg:cNvPr id="117705" name="Group 117705"/>
                        <wpg:cNvGrpSpPr/>
                        <wpg:grpSpPr>
                          <a:xfrm>
                            <a:off x="4931472" y="3776952"/>
                            <a:ext cx="829056" cy="9144"/>
                            <a:chOff x="0" y="0"/>
                            <a:chExt cx="829056" cy="9144"/>
                          </a:xfrm>
                        </wpg:grpSpPr>
                        <wps:wsp>
                          <wps:cNvPr id="117706" name="Rectangle 117706"/>
                          <wps:cNvSpPr/>
                          <wps:spPr>
                            <a:xfrm>
                              <a:off x="0" y="0"/>
                              <a:ext cx="829050" cy="6075"/>
                            </a:xfrm>
                            <a:prstGeom prst="rect">
                              <a:avLst/>
                            </a:prstGeom>
                            <a:noFill/>
                            <a:ln>
                              <a:noFill/>
                            </a:ln>
                          </wps:spPr>
                          <wps:txbx>
                            <w:txbxContent>
                              <w:p w14:paraId="18263AE7" w14:textId="77777777" w:rsidR="00CF54CB" w:rsidRDefault="00CF54CB">
                                <w:pPr>
                                  <w:spacing w:after="0" w:line="240" w:lineRule="auto"/>
                                  <w:ind w:left="0" w:firstLine="0"/>
                                  <w:jc w:val="left"/>
                                  <w:textDirection w:val="btLr"/>
                                </w:pPr>
                              </w:p>
                            </w:txbxContent>
                          </wps:txbx>
                          <wps:bodyPr spcFirstLastPara="1" wrap="square" lIns="91425" tIns="91425" rIns="91425" bIns="91425" anchor="ctr" anchorCtr="0">
                            <a:noAutofit/>
                          </wps:bodyPr>
                        </wps:wsp>
                        <wps:wsp>
                          <wps:cNvPr id="117707" name="Freeform: Shape 117707"/>
                          <wps:cNvSpPr/>
                          <wps:spPr>
                            <a:xfrm>
                              <a:off x="0" y="0"/>
                              <a:ext cx="829056" cy="9144"/>
                            </a:xfrm>
                            <a:custGeom>
                              <a:avLst/>
                              <a:gdLst/>
                              <a:ahLst/>
                              <a:cxnLst/>
                              <a:rect l="l" t="t" r="r" b="b"/>
                              <a:pathLst>
                                <a:path w="829056" h="9144" extrusionOk="0">
                                  <a:moveTo>
                                    <a:pt x="0" y="0"/>
                                  </a:moveTo>
                                  <a:lnTo>
                                    <a:pt x="829056" y="0"/>
                                  </a:lnTo>
                                  <a:lnTo>
                                    <a:pt x="829056" y="9144"/>
                                  </a:lnTo>
                                  <a:lnTo>
                                    <a:pt x="0" y="9144"/>
                                  </a:lnTo>
                                  <a:lnTo>
                                    <a:pt x="0" y="0"/>
                                  </a:lnTo>
                                </a:path>
                              </a:pathLst>
                            </a:custGeom>
                            <a:solidFill>
                              <a:srgbClr val="000000"/>
                            </a:solidFill>
                            <a:ln>
                              <a:noFill/>
                            </a:ln>
                          </wps:spPr>
                          <wps:bodyPr spcFirstLastPara="1" wrap="square" lIns="91425" tIns="91425" rIns="91425" bIns="91425" anchor="ctr" anchorCtr="0">
                            <a:noAutofit/>
                          </wps:bodyPr>
                        </wps:wsp>
                      </wpg:grpSp>
                    </wpg:wgp>
                  </a:graphicData>
                </a:graphic>
              </wp:inline>
            </w:drawing>
          </mc:Choice>
          <mc:Fallback>
            <w:pict>
              <v:group w14:anchorId="37A8CE83" id="Group 117704" o:spid="_x0000_s1337" alt="P1582#y1" style="width:65.3pt;height:.5pt;mso-position-horizontal-relative:char;mso-position-vertical-relative:line" coordorigin="49314,37769" coordsize="8290,9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">
                <v:group id="Group 117705" o:spid="_x0000_s1338" style="position:absolute;left:49314;top:37769;width:8291;height:91" coordsize="8290,9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">
                  <v:rect id="Rectangle 117706" o:spid="_x0000_s1339" style="position:absolute;width:8290;height:6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" filled="f" stroked="f">
                    <v:textbox inset="2.53958mm,2.53958mm,2.53958mm,2.53958mm">
                      <w:txbxContent>
                        <w:p w14:paraId="18263AE7" w14:textId="77777777" w:rsidR="00CF54CB" w:rsidRDefault="00CF54CB">
                          <w:pPr>
                            <w:spacing w:after="0" w:line="240" w:lineRule="auto"/>
                            <w:ind w:left="0" w:firstLine="0"/>
                            <w:jc w:val="left"/>
                            <w:textDirection w:val="btLr"/>
                          </w:pPr>
                        </w:p>
                      </w:txbxContent>
                    </v:textbox>
                  </v:rect>
                  <v:shape id="Freeform: Shape 117707" o:spid="_x0000_s1340" style="position:absolute;width:8290;height:91;visibility:visible;mso-wrap-style:square;v-text-anchor:middle" coordsize="829056,914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" path="m,l829056,r,9144l,9144,,e" fillcolor="black" stroked="f">
                    <v:path arrowok="t" o:extrusionok="f"/>
                  </v:shape>
                </v:group>
                <w10:anchorlock/>
              </v:group>
            </w:pict>
          </mc:Fallback>
        </mc:AlternateContent>
      </w:r>
      <w:r>
        <w:t xml:space="preserve">day of November, 20XX, by a duly authorized representative of RTRC. </w:t>
      </w:r>
    </w:p>
    <w:p w14:paraId="745C2032" w14:textId="77777777" w:rsidR="00CF54CB" w:rsidRDefault="00344004">
      <w:pPr>
        <w:spacing w:after="230" w:line="259" w:lineRule="auto"/>
        <w:ind w:left="806" w:hanging="10"/>
        <w:jc w:val="left"/>
      </w:pPr>
      <w:r>
        <w:rPr>
          <w:b/>
          <w:sz w:val="28"/>
          <w:szCs w:val="28"/>
        </w:rPr>
        <w:t>C. S</w:t>
      </w:r>
      <w:r>
        <w:rPr>
          <w:b/>
          <w:sz w:val="22"/>
          <w:szCs w:val="22"/>
        </w:rPr>
        <w:t xml:space="preserve">AMPLE </w:t>
      </w:r>
      <w:r>
        <w:rPr>
          <w:b/>
          <w:sz w:val="28"/>
          <w:szCs w:val="28"/>
        </w:rPr>
        <w:t>O</w:t>
      </w:r>
      <w:r>
        <w:rPr>
          <w:b/>
          <w:sz w:val="22"/>
          <w:szCs w:val="22"/>
        </w:rPr>
        <w:t xml:space="preserve">UTLINE FOR </w:t>
      </w:r>
      <w:r>
        <w:rPr>
          <w:b/>
          <w:sz w:val="28"/>
          <w:szCs w:val="28"/>
        </w:rPr>
        <w:t>R</w:t>
      </w:r>
      <w:r>
        <w:rPr>
          <w:b/>
          <w:sz w:val="22"/>
          <w:szCs w:val="22"/>
        </w:rPr>
        <w:t>UN</w:t>
      </w:r>
      <w:r>
        <w:rPr>
          <w:b/>
          <w:sz w:val="28"/>
          <w:szCs w:val="28"/>
        </w:rPr>
        <w:t>-O</w:t>
      </w:r>
      <w:r>
        <w:rPr>
          <w:b/>
          <w:sz w:val="22"/>
          <w:szCs w:val="22"/>
        </w:rPr>
        <w:t xml:space="preserve">FF </w:t>
      </w:r>
      <w:r>
        <w:rPr>
          <w:b/>
          <w:sz w:val="28"/>
          <w:szCs w:val="28"/>
        </w:rPr>
        <w:t>P</w:t>
      </w:r>
      <w:r>
        <w:rPr>
          <w:b/>
          <w:sz w:val="22"/>
          <w:szCs w:val="22"/>
        </w:rPr>
        <w:t>LANS</w:t>
      </w:r>
    </w:p>
    <w:p w14:paraId="0D4C0F02" w14:textId="77777777" w:rsidR="00CF54CB" w:rsidRDefault="00344004">
      <w:pPr>
        <w:spacing w:after="288"/>
        <w:ind w:left="105" w:right="396" w:firstLine="6"/>
      </w:pPr>
      <w:r>
        <w:t xml:space="preserve">The following is a sample outline for a run-off plan. </w:t>
      </w:r>
    </w:p>
    <w:p w14:paraId="39E8887C" w14:textId="77777777" w:rsidR="00CF54CB" w:rsidRDefault="00344004">
      <w:pPr>
        <w:numPr>
          <w:ilvl w:val="0"/>
          <w:numId w:val="27"/>
        </w:numPr>
        <w:spacing w:after="169"/>
        <w:ind w:right="396" w:hanging="360"/>
      </w:pPr>
      <w:r>
        <w:t>Introductory Overview</w:t>
      </w:r>
    </w:p>
    <w:p w14:paraId="28C8BED6" w14:textId="77777777" w:rsidR="00CF54CB" w:rsidRDefault="00344004">
      <w:pPr>
        <w:numPr>
          <w:ilvl w:val="1"/>
          <w:numId w:val="27"/>
        </w:numPr>
        <w:spacing w:after="166"/>
        <w:ind w:right="396" w:hanging="360"/>
      </w:pPr>
      <w:r>
        <w:t>Executive Summary: Providing an executive level summary of the history, current business conditions, recent significant transactions, and proposed run-off solution.</w:t>
      </w:r>
    </w:p>
    <w:p w14:paraId="384DDDA7" w14:textId="77777777" w:rsidR="00CF54CB" w:rsidRDefault="00344004">
      <w:pPr>
        <w:numPr>
          <w:ilvl w:val="2"/>
          <w:numId w:val="27"/>
        </w:numPr>
        <w:spacing w:after="164"/>
        <w:ind w:right="396" w:hanging="360"/>
      </w:pPr>
      <w:r>
        <w:t>Status</w:t>
      </w:r>
    </w:p>
    <w:p w14:paraId="1E3D1534" w14:textId="77777777" w:rsidR="00CF54CB" w:rsidRDefault="00344004">
      <w:pPr>
        <w:numPr>
          <w:ilvl w:val="2"/>
          <w:numId w:val="27"/>
        </w:numPr>
        <w:spacing w:after="169"/>
        <w:ind w:right="396" w:hanging="360"/>
      </w:pPr>
      <w:r>
        <w:t>Mission</w:t>
      </w:r>
    </w:p>
    <w:p w14:paraId="286334F3" w14:textId="77777777" w:rsidR="00CF54CB" w:rsidRDefault="00344004">
      <w:pPr>
        <w:numPr>
          <w:ilvl w:val="2"/>
          <w:numId w:val="27"/>
        </w:numPr>
        <w:spacing w:after="164"/>
        <w:ind w:right="396" w:hanging="360"/>
      </w:pPr>
      <w:r>
        <w:t>Business (Guiding) Principles</w:t>
      </w:r>
    </w:p>
    <w:p w14:paraId="00F30594" w14:textId="77777777" w:rsidR="00CF54CB" w:rsidRDefault="00344004">
      <w:pPr>
        <w:numPr>
          <w:ilvl w:val="1"/>
          <w:numId w:val="27"/>
        </w:numPr>
        <w:spacing w:after="160"/>
        <w:ind w:right="396" w:hanging="360"/>
      </w:pPr>
      <w:r>
        <w:t>Plan Objectives: Describing the ability of the plan to fully and timely settle all valid policyholder claims in compliance with the liquidation priorities of state distribution scheme.</w:t>
      </w:r>
    </w:p>
    <w:p w14:paraId="0629B431" w14:textId="77777777" w:rsidR="00CF54CB" w:rsidRDefault="00344004">
      <w:pPr>
        <w:numPr>
          <w:ilvl w:val="1"/>
          <w:numId w:val="27"/>
        </w:numPr>
        <w:spacing w:after="169"/>
        <w:ind w:right="396" w:hanging="360"/>
      </w:pPr>
      <w:r>
        <w:t>Advantages</w:t>
      </w:r>
    </w:p>
    <w:p w14:paraId="08F282D6" w14:textId="77777777" w:rsidR="00CF54CB" w:rsidRDefault="00344004">
      <w:pPr>
        <w:numPr>
          <w:ilvl w:val="1"/>
          <w:numId w:val="27"/>
        </w:numPr>
        <w:spacing w:after="284"/>
        <w:ind w:right="396" w:hanging="360"/>
      </w:pPr>
      <w:r>
        <w:t>Benefits</w:t>
      </w:r>
    </w:p>
    <w:p w14:paraId="5A921235" w14:textId="77777777" w:rsidR="00CF54CB" w:rsidRDefault="00344004">
      <w:pPr>
        <w:numPr>
          <w:ilvl w:val="0"/>
          <w:numId w:val="27"/>
        </w:numPr>
        <w:spacing w:after="169"/>
        <w:ind w:right="396" w:hanging="360"/>
      </w:pPr>
      <w:r>
        <w:t>Corporate History</w:t>
      </w:r>
    </w:p>
    <w:p w14:paraId="30D15A3F" w14:textId="77777777" w:rsidR="00CF54CB" w:rsidRDefault="00344004">
      <w:pPr>
        <w:numPr>
          <w:ilvl w:val="1"/>
          <w:numId w:val="27"/>
        </w:numPr>
        <w:spacing w:after="164"/>
        <w:ind w:right="396" w:hanging="360"/>
      </w:pPr>
      <w:r>
        <w:t>Summary</w:t>
      </w:r>
    </w:p>
    <w:p w14:paraId="6A7FEA84" w14:textId="77777777" w:rsidR="00CF54CB" w:rsidRDefault="00344004">
      <w:pPr>
        <w:numPr>
          <w:ilvl w:val="1"/>
          <w:numId w:val="27"/>
        </w:numPr>
        <w:spacing w:after="160"/>
        <w:ind w:right="396" w:hanging="360"/>
      </w:pPr>
      <w:r>
        <w:t>Recent Happenings: Description of business plans, significant transactions, prior restructuring plans, and financial performance related thereto.</w:t>
      </w:r>
    </w:p>
    <w:p w14:paraId="4854BCAB" w14:textId="77777777" w:rsidR="00CF54CB" w:rsidRDefault="00344004">
      <w:pPr>
        <w:numPr>
          <w:ilvl w:val="2"/>
          <w:numId w:val="27"/>
        </w:numPr>
        <w:spacing w:after="169"/>
        <w:ind w:right="396" w:hanging="360"/>
      </w:pPr>
      <w:r>
        <w:t>Mergers &amp; Acquisitions</w:t>
      </w:r>
    </w:p>
    <w:p w14:paraId="75D6C97B" w14:textId="77777777" w:rsidR="00CF54CB" w:rsidRDefault="00344004">
      <w:pPr>
        <w:numPr>
          <w:ilvl w:val="2"/>
          <w:numId w:val="27"/>
        </w:numPr>
        <w:spacing w:after="164"/>
        <w:ind w:right="396" w:hanging="360"/>
      </w:pPr>
      <w:r>
        <w:t>Employment</w:t>
      </w:r>
    </w:p>
    <w:p w14:paraId="4BFC59F6" w14:textId="77777777" w:rsidR="00CF54CB" w:rsidRDefault="00344004">
      <w:pPr>
        <w:numPr>
          <w:ilvl w:val="2"/>
          <w:numId w:val="27"/>
        </w:numPr>
        <w:spacing w:after="169"/>
        <w:ind w:right="396" w:hanging="360"/>
      </w:pPr>
      <w:r>
        <w:t>Internal Growth</w:t>
      </w:r>
    </w:p>
    <w:p w14:paraId="2B1409F6" w14:textId="77777777" w:rsidR="00CF54CB" w:rsidRDefault="00344004">
      <w:pPr>
        <w:numPr>
          <w:ilvl w:val="2"/>
          <w:numId w:val="27"/>
        </w:numPr>
        <w:spacing w:after="164"/>
        <w:ind w:right="396" w:hanging="360"/>
      </w:pPr>
      <w:r>
        <w:t>External Factors</w:t>
      </w:r>
    </w:p>
    <w:p w14:paraId="3ACEE2CE" w14:textId="77777777" w:rsidR="00CF54CB" w:rsidRDefault="00344004">
      <w:pPr>
        <w:numPr>
          <w:ilvl w:val="2"/>
          <w:numId w:val="27"/>
        </w:numPr>
        <w:spacing w:after="169"/>
        <w:ind w:right="396" w:hanging="360"/>
      </w:pPr>
      <w:r>
        <w:t>Current Position</w:t>
      </w:r>
    </w:p>
    <w:p w14:paraId="2DDFDAC5" w14:textId="77777777" w:rsidR="00CF54CB" w:rsidRDefault="00344004">
      <w:pPr>
        <w:numPr>
          <w:ilvl w:val="1"/>
          <w:numId w:val="27"/>
        </w:numPr>
        <w:spacing w:after="161"/>
        <w:ind w:right="396" w:hanging="360"/>
      </w:pPr>
      <w:r>
        <w:t>Business Description: Including a comprehensive description of organizational and corporate structure, lines of insurance, nature of policyholder and other risks, and claim-handling function associated with the run-off.</w:t>
      </w:r>
    </w:p>
    <w:p w14:paraId="7FD87A8C" w14:textId="77777777" w:rsidR="00CF54CB" w:rsidRDefault="00344004">
      <w:pPr>
        <w:numPr>
          <w:ilvl w:val="2"/>
          <w:numId w:val="27"/>
        </w:numPr>
        <w:spacing w:after="169"/>
        <w:ind w:right="396" w:hanging="360"/>
      </w:pPr>
      <w:r>
        <w:t>Lines</w:t>
      </w:r>
    </w:p>
    <w:p w14:paraId="2EE25BE6" w14:textId="77777777" w:rsidR="00CF54CB" w:rsidRDefault="00344004">
      <w:pPr>
        <w:numPr>
          <w:ilvl w:val="2"/>
          <w:numId w:val="27"/>
        </w:numPr>
        <w:spacing w:after="164"/>
        <w:ind w:right="396" w:hanging="360"/>
      </w:pPr>
      <w:r>
        <w:t>Programs</w:t>
      </w:r>
    </w:p>
    <w:p w14:paraId="3CEC56F4" w14:textId="77777777" w:rsidR="00CF54CB" w:rsidRDefault="00344004">
      <w:pPr>
        <w:numPr>
          <w:ilvl w:val="2"/>
          <w:numId w:val="27"/>
        </w:numPr>
        <w:spacing w:after="169"/>
        <w:ind w:right="396" w:hanging="360"/>
      </w:pPr>
      <w:r>
        <w:t>Markets</w:t>
      </w:r>
    </w:p>
    <w:p w14:paraId="51D0A4A8" w14:textId="77777777" w:rsidR="00CF54CB" w:rsidRDefault="00344004">
      <w:pPr>
        <w:numPr>
          <w:ilvl w:val="1"/>
          <w:numId w:val="27"/>
        </w:numPr>
        <w:spacing w:after="164"/>
        <w:ind w:right="396" w:hanging="360"/>
      </w:pPr>
      <w:r>
        <w:t>Reserve Development</w:t>
      </w:r>
    </w:p>
    <w:p w14:paraId="4C49AEF3" w14:textId="77777777" w:rsidR="00CF54CB" w:rsidRDefault="00344004">
      <w:pPr>
        <w:numPr>
          <w:ilvl w:val="2"/>
          <w:numId w:val="27"/>
        </w:numPr>
        <w:spacing w:after="169"/>
        <w:ind w:right="396" w:hanging="360"/>
      </w:pPr>
      <w:r>
        <w:lastRenderedPageBreak/>
        <w:t>Environmental Issues</w:t>
      </w:r>
    </w:p>
    <w:p w14:paraId="41C98C06" w14:textId="77777777" w:rsidR="00CF54CB" w:rsidRDefault="00344004">
      <w:pPr>
        <w:numPr>
          <w:ilvl w:val="2"/>
          <w:numId w:val="27"/>
        </w:numPr>
        <w:spacing w:after="164"/>
        <w:ind w:right="396" w:hanging="360"/>
      </w:pPr>
      <w:r>
        <w:t>Underwriting Issues</w:t>
      </w:r>
    </w:p>
    <w:p w14:paraId="6C0DA3A9" w14:textId="77777777" w:rsidR="00CF54CB" w:rsidRDefault="00344004">
      <w:pPr>
        <w:numPr>
          <w:ilvl w:val="2"/>
          <w:numId w:val="27"/>
        </w:numPr>
        <w:spacing w:after="169"/>
        <w:ind w:right="396" w:hanging="360"/>
      </w:pPr>
      <w:r>
        <w:t>Adverse Development</w:t>
      </w:r>
    </w:p>
    <w:p w14:paraId="624C704C" w14:textId="77777777" w:rsidR="00CF54CB" w:rsidRDefault="00344004">
      <w:pPr>
        <w:numPr>
          <w:ilvl w:val="2"/>
          <w:numId w:val="27"/>
        </w:numPr>
        <w:ind w:right="396" w:hanging="360"/>
      </w:pPr>
      <w:r>
        <w:t>Reserves by Line – Summary</w:t>
      </w:r>
    </w:p>
    <w:p w14:paraId="297CEEA6" w14:textId="77777777" w:rsidR="00CF54CB" w:rsidRDefault="00344004">
      <w:pPr>
        <w:numPr>
          <w:ilvl w:val="1"/>
          <w:numId w:val="27"/>
        </w:numPr>
        <w:spacing w:after="164"/>
        <w:ind w:right="396" w:hanging="360"/>
      </w:pPr>
      <w:r>
        <w:t>Financial Condition: Summary of recent financials</w:t>
      </w:r>
    </w:p>
    <w:p w14:paraId="38DC2461" w14:textId="77777777" w:rsidR="00CF54CB" w:rsidRDefault="00344004">
      <w:pPr>
        <w:numPr>
          <w:ilvl w:val="2"/>
          <w:numId w:val="27"/>
        </w:numPr>
        <w:spacing w:after="164"/>
        <w:ind w:right="396" w:hanging="360"/>
      </w:pPr>
      <w:r>
        <w:t>Summary</w:t>
      </w:r>
    </w:p>
    <w:p w14:paraId="706C816A" w14:textId="77777777" w:rsidR="00CF54CB" w:rsidRDefault="00344004">
      <w:pPr>
        <w:numPr>
          <w:ilvl w:val="2"/>
          <w:numId w:val="27"/>
        </w:numPr>
        <w:spacing w:after="174"/>
        <w:ind w:right="396" w:hanging="360"/>
      </w:pPr>
      <w:r>
        <w:t>Statutory Surplus</w:t>
      </w:r>
    </w:p>
    <w:p w14:paraId="0DADBA18" w14:textId="77777777" w:rsidR="00CF54CB" w:rsidRDefault="00344004">
      <w:pPr>
        <w:numPr>
          <w:ilvl w:val="2"/>
          <w:numId w:val="27"/>
        </w:numPr>
        <w:spacing w:after="164"/>
        <w:ind w:right="396" w:hanging="360"/>
      </w:pPr>
      <w:r>
        <w:t>Consolidated Financial Statement(s)</w:t>
      </w:r>
    </w:p>
    <w:p w14:paraId="5CC8E47D" w14:textId="77777777" w:rsidR="00CF54CB" w:rsidRDefault="00344004">
      <w:pPr>
        <w:numPr>
          <w:ilvl w:val="2"/>
          <w:numId w:val="27"/>
        </w:numPr>
        <w:spacing w:after="164"/>
        <w:ind w:right="396" w:hanging="360"/>
      </w:pPr>
      <w:r>
        <w:t>Operating Expenses</w:t>
      </w:r>
    </w:p>
    <w:p w14:paraId="21F26AFA" w14:textId="77777777" w:rsidR="00CF54CB" w:rsidRDefault="00344004">
      <w:pPr>
        <w:numPr>
          <w:ilvl w:val="3"/>
          <w:numId w:val="27"/>
        </w:numPr>
        <w:spacing w:after="169"/>
        <w:ind w:right="396" w:hanging="360"/>
      </w:pPr>
      <w:r>
        <w:t>Staffing</w:t>
      </w:r>
    </w:p>
    <w:p w14:paraId="6BFEAAF2" w14:textId="77777777" w:rsidR="00CF54CB" w:rsidRDefault="00344004">
      <w:pPr>
        <w:numPr>
          <w:ilvl w:val="3"/>
          <w:numId w:val="27"/>
        </w:numPr>
        <w:spacing w:after="164"/>
        <w:ind w:right="396" w:hanging="360"/>
      </w:pPr>
      <w:r>
        <w:t>Insurance</w:t>
      </w:r>
    </w:p>
    <w:p w14:paraId="23F0F39C" w14:textId="77777777" w:rsidR="00CF54CB" w:rsidRDefault="00344004">
      <w:pPr>
        <w:numPr>
          <w:ilvl w:val="3"/>
          <w:numId w:val="27"/>
        </w:numPr>
        <w:spacing w:after="169"/>
        <w:ind w:right="396" w:hanging="360"/>
      </w:pPr>
      <w:r>
        <w:t>Real Estate</w:t>
      </w:r>
    </w:p>
    <w:p w14:paraId="6DBE7E83" w14:textId="77777777" w:rsidR="00CF54CB" w:rsidRDefault="00344004">
      <w:pPr>
        <w:numPr>
          <w:ilvl w:val="3"/>
          <w:numId w:val="27"/>
        </w:numPr>
        <w:spacing w:after="164"/>
        <w:ind w:right="396" w:hanging="360"/>
      </w:pPr>
      <w:r>
        <w:t>Fixed Costs</w:t>
      </w:r>
    </w:p>
    <w:p w14:paraId="4008556F" w14:textId="77777777" w:rsidR="00CF54CB" w:rsidRDefault="00344004">
      <w:pPr>
        <w:numPr>
          <w:ilvl w:val="3"/>
          <w:numId w:val="27"/>
        </w:numPr>
        <w:spacing w:after="169"/>
        <w:ind w:right="396" w:hanging="360"/>
      </w:pPr>
      <w:r>
        <w:t>Information Technology</w:t>
      </w:r>
    </w:p>
    <w:p w14:paraId="1AC26841" w14:textId="77777777" w:rsidR="00CF54CB" w:rsidRDefault="00344004">
      <w:pPr>
        <w:numPr>
          <w:ilvl w:val="2"/>
          <w:numId w:val="27"/>
        </w:numPr>
        <w:spacing w:after="164"/>
        <w:ind w:right="396" w:hanging="360"/>
      </w:pPr>
      <w:r>
        <w:t>Taxes</w:t>
      </w:r>
    </w:p>
    <w:p w14:paraId="2F2652CA" w14:textId="77777777" w:rsidR="00CF54CB" w:rsidRDefault="00344004">
      <w:pPr>
        <w:numPr>
          <w:ilvl w:val="1"/>
          <w:numId w:val="27"/>
        </w:numPr>
        <w:spacing w:after="160"/>
        <w:ind w:right="396" w:hanging="360"/>
      </w:pPr>
      <w:r>
        <w:t>Operations: Description and historical comparison of staffing, real estate, expenses, insurance and information technology, and other pertinent operations associated with run-off.</w:t>
      </w:r>
    </w:p>
    <w:p w14:paraId="6C42ECAB" w14:textId="77777777" w:rsidR="00CF54CB" w:rsidRDefault="00344004">
      <w:pPr>
        <w:numPr>
          <w:ilvl w:val="2"/>
          <w:numId w:val="27"/>
        </w:numPr>
        <w:spacing w:after="169"/>
        <w:ind w:right="396" w:hanging="360"/>
      </w:pPr>
      <w:r>
        <w:t>Claims Handling</w:t>
      </w:r>
    </w:p>
    <w:p w14:paraId="5E7E3B6E" w14:textId="77777777" w:rsidR="00CF54CB" w:rsidRDefault="00344004">
      <w:pPr>
        <w:numPr>
          <w:ilvl w:val="2"/>
          <w:numId w:val="27"/>
        </w:numPr>
        <w:spacing w:after="164"/>
        <w:ind w:right="396" w:hanging="360"/>
      </w:pPr>
      <w:r>
        <w:t>Reinsurance</w:t>
      </w:r>
    </w:p>
    <w:p w14:paraId="2BBAC69A" w14:textId="77777777" w:rsidR="00CF54CB" w:rsidRDefault="00344004">
      <w:pPr>
        <w:numPr>
          <w:ilvl w:val="3"/>
          <w:numId w:val="27"/>
        </w:numPr>
        <w:spacing w:after="169"/>
        <w:ind w:right="396" w:hanging="360"/>
      </w:pPr>
      <w:r>
        <w:t>Outstanding Balances</w:t>
      </w:r>
    </w:p>
    <w:p w14:paraId="3761BB0B" w14:textId="77777777" w:rsidR="00CF54CB" w:rsidRDefault="00344004">
      <w:pPr>
        <w:numPr>
          <w:ilvl w:val="3"/>
          <w:numId w:val="27"/>
        </w:numPr>
        <w:spacing w:after="164"/>
        <w:ind w:right="396" w:hanging="360"/>
      </w:pPr>
      <w:r>
        <w:t>Disputes</w:t>
      </w:r>
    </w:p>
    <w:p w14:paraId="3B515835" w14:textId="77777777" w:rsidR="00CF54CB" w:rsidRDefault="00344004">
      <w:pPr>
        <w:numPr>
          <w:ilvl w:val="3"/>
          <w:numId w:val="27"/>
        </w:numPr>
        <w:spacing w:after="169"/>
        <w:ind w:right="396" w:hanging="360"/>
      </w:pPr>
      <w:r>
        <w:t>Solvency Issues</w:t>
      </w:r>
    </w:p>
    <w:p w14:paraId="3AB1C079" w14:textId="77777777" w:rsidR="00CF54CB" w:rsidRDefault="00344004">
      <w:pPr>
        <w:numPr>
          <w:ilvl w:val="3"/>
          <w:numId w:val="27"/>
        </w:numPr>
        <w:spacing w:after="164"/>
        <w:ind w:right="396" w:hanging="360"/>
      </w:pPr>
      <w:r>
        <w:t>Uncollectables</w:t>
      </w:r>
    </w:p>
    <w:p w14:paraId="5031A5EB" w14:textId="77777777" w:rsidR="00CF54CB" w:rsidRDefault="00344004">
      <w:pPr>
        <w:numPr>
          <w:ilvl w:val="3"/>
          <w:numId w:val="27"/>
        </w:numPr>
        <w:spacing w:after="169"/>
        <w:ind w:right="396" w:hanging="360"/>
      </w:pPr>
      <w:r>
        <w:t>Write-offs</w:t>
      </w:r>
    </w:p>
    <w:p w14:paraId="1BB6F88C" w14:textId="77777777" w:rsidR="00CF54CB" w:rsidRDefault="00344004">
      <w:pPr>
        <w:numPr>
          <w:ilvl w:val="3"/>
          <w:numId w:val="27"/>
        </w:numPr>
        <w:spacing w:after="164"/>
        <w:ind w:right="396" w:hanging="360"/>
      </w:pPr>
      <w:r>
        <w:t>Collateral</w:t>
      </w:r>
    </w:p>
    <w:p w14:paraId="5569D3F9" w14:textId="77777777" w:rsidR="00CF54CB" w:rsidRDefault="00344004">
      <w:pPr>
        <w:numPr>
          <w:ilvl w:val="3"/>
          <w:numId w:val="27"/>
        </w:numPr>
        <w:spacing w:after="169"/>
        <w:ind w:right="396" w:hanging="360"/>
      </w:pPr>
      <w:r>
        <w:t>Lines of Business</w:t>
      </w:r>
    </w:p>
    <w:p w14:paraId="57F5CB60" w14:textId="77777777" w:rsidR="00CF54CB" w:rsidRDefault="00344004">
      <w:pPr>
        <w:numPr>
          <w:ilvl w:val="3"/>
          <w:numId w:val="27"/>
        </w:numPr>
        <w:spacing w:after="164"/>
        <w:ind w:right="396" w:hanging="360"/>
      </w:pPr>
      <w:r>
        <w:t>Programs</w:t>
      </w:r>
    </w:p>
    <w:p w14:paraId="0B880C80" w14:textId="77777777" w:rsidR="00CF54CB" w:rsidRDefault="00344004">
      <w:pPr>
        <w:numPr>
          <w:ilvl w:val="3"/>
          <w:numId w:val="27"/>
        </w:numPr>
        <w:spacing w:after="284"/>
        <w:ind w:right="396" w:hanging="360"/>
      </w:pPr>
      <w:r>
        <w:t>Processes &amp; Systems</w:t>
      </w:r>
    </w:p>
    <w:p w14:paraId="7D54502E" w14:textId="77777777" w:rsidR="00CF54CB" w:rsidRDefault="00344004">
      <w:pPr>
        <w:numPr>
          <w:ilvl w:val="0"/>
          <w:numId w:val="27"/>
        </w:numPr>
        <w:spacing w:after="160"/>
        <w:ind w:right="396" w:hanging="360"/>
      </w:pPr>
      <w:r>
        <w:t>Run-off Plan: Description of initiatives and priorities, including demonstration of Run-Off Plan serving the best interests of policyholders and other claimants.</w:t>
      </w:r>
    </w:p>
    <w:p w14:paraId="2694F211" w14:textId="77777777" w:rsidR="00CF54CB" w:rsidRDefault="00344004">
      <w:pPr>
        <w:numPr>
          <w:ilvl w:val="1"/>
          <w:numId w:val="27"/>
        </w:numPr>
        <w:spacing w:after="169"/>
        <w:ind w:right="396" w:hanging="360"/>
      </w:pPr>
      <w:r>
        <w:t>Summary</w:t>
      </w:r>
    </w:p>
    <w:p w14:paraId="3B174BAB" w14:textId="77777777" w:rsidR="00CF54CB" w:rsidRDefault="00344004">
      <w:pPr>
        <w:numPr>
          <w:ilvl w:val="1"/>
          <w:numId w:val="27"/>
        </w:numPr>
        <w:spacing w:after="166"/>
        <w:ind w:right="396" w:hanging="360"/>
      </w:pPr>
      <w:r>
        <w:lastRenderedPageBreak/>
        <w:t>Financial Projections: Including description of surplus-enhancing initiatives and transactions, loss development, liquidity and expense projections.</w:t>
      </w:r>
    </w:p>
    <w:p w14:paraId="07BEC2A1" w14:textId="77777777" w:rsidR="00CF54CB" w:rsidRDefault="00344004">
      <w:pPr>
        <w:numPr>
          <w:ilvl w:val="2"/>
          <w:numId w:val="27"/>
        </w:numPr>
        <w:spacing w:after="164"/>
        <w:ind w:right="396" w:hanging="360"/>
      </w:pPr>
      <w:r>
        <w:t>Key Factors</w:t>
      </w:r>
    </w:p>
    <w:p w14:paraId="3C3D565B" w14:textId="77777777" w:rsidR="00CF54CB" w:rsidRDefault="00344004">
      <w:pPr>
        <w:numPr>
          <w:ilvl w:val="2"/>
          <w:numId w:val="27"/>
        </w:numPr>
        <w:spacing w:after="169"/>
        <w:ind w:right="396" w:hanging="360"/>
      </w:pPr>
      <w:r>
        <w:t>Assumptions</w:t>
      </w:r>
    </w:p>
    <w:p w14:paraId="1826BFEC" w14:textId="77777777" w:rsidR="00CF54CB" w:rsidRDefault="00344004">
      <w:pPr>
        <w:numPr>
          <w:ilvl w:val="2"/>
          <w:numId w:val="27"/>
        </w:numPr>
        <w:ind w:right="396" w:hanging="360"/>
      </w:pPr>
      <w:r>
        <w:t>Revenues</w:t>
      </w:r>
    </w:p>
    <w:p w14:paraId="219D7290" w14:textId="77777777" w:rsidR="00CF54CB" w:rsidRDefault="00344004">
      <w:pPr>
        <w:spacing w:after="173" w:line="259" w:lineRule="auto"/>
        <w:ind w:left="91" w:firstLine="0"/>
        <w:jc w:val="left"/>
      </w:pPr>
      <w:r>
        <w:rPr>
          <w:rFonts w:ascii="Calibri" w:eastAsia="Calibri" w:hAnsi="Calibri" w:cs="Calibri"/>
          <w:sz w:val="22"/>
          <w:szCs w:val="22"/>
        </w:rPr>
        <w:t xml:space="preserve"> </w:t>
      </w:r>
    </w:p>
    <w:p w14:paraId="3040D023" w14:textId="77777777" w:rsidR="00CF54CB" w:rsidRDefault="00344004">
      <w:pPr>
        <w:numPr>
          <w:ilvl w:val="2"/>
          <w:numId w:val="27"/>
        </w:numPr>
        <w:spacing w:after="69"/>
        <w:ind w:right="396" w:hanging="360"/>
      </w:pPr>
      <w:r>
        <w:t xml:space="preserve">Expenses </w:t>
      </w:r>
    </w:p>
    <w:p w14:paraId="417D8FAE" w14:textId="77777777" w:rsidR="00CF54CB" w:rsidRDefault="00344004">
      <w:pPr>
        <w:numPr>
          <w:ilvl w:val="2"/>
          <w:numId w:val="27"/>
        </w:numPr>
        <w:spacing w:after="137"/>
        <w:ind w:right="396" w:hanging="360"/>
      </w:pPr>
      <w:r>
        <w:t xml:space="preserve">Surplus Projection </w:t>
      </w:r>
    </w:p>
    <w:p w14:paraId="08FDCC33" w14:textId="77777777" w:rsidR="00CF54CB" w:rsidRDefault="00344004">
      <w:pPr>
        <w:numPr>
          <w:ilvl w:val="2"/>
          <w:numId w:val="27"/>
        </w:numPr>
        <w:spacing w:after="136"/>
        <w:ind w:right="396" w:hanging="360"/>
      </w:pPr>
      <w:r>
        <w:t xml:space="preserve">Liquidity Projection </w:t>
      </w:r>
    </w:p>
    <w:p w14:paraId="0B8F66AB" w14:textId="77777777" w:rsidR="00CF54CB" w:rsidRDefault="00344004">
      <w:pPr>
        <w:numPr>
          <w:ilvl w:val="1"/>
          <w:numId w:val="27"/>
        </w:numPr>
        <w:spacing w:after="141"/>
        <w:ind w:right="396" w:hanging="360"/>
      </w:pPr>
      <w:r>
        <w:t xml:space="preserve">Initiatives </w:t>
      </w:r>
    </w:p>
    <w:p w14:paraId="1762730F" w14:textId="77777777" w:rsidR="00CF54CB" w:rsidRDefault="00344004">
      <w:pPr>
        <w:numPr>
          <w:ilvl w:val="2"/>
          <w:numId w:val="27"/>
        </w:numPr>
        <w:spacing w:after="137"/>
        <w:ind w:right="396" w:hanging="360"/>
      </w:pPr>
      <w:r>
        <w:t xml:space="preserve">Surplus Enhancing </w:t>
      </w:r>
    </w:p>
    <w:p w14:paraId="36E4BE1F" w14:textId="77777777" w:rsidR="00CF54CB" w:rsidRDefault="00344004">
      <w:pPr>
        <w:numPr>
          <w:ilvl w:val="3"/>
          <w:numId w:val="27"/>
        </w:numPr>
        <w:spacing w:after="141"/>
        <w:ind w:right="396" w:hanging="360"/>
      </w:pPr>
      <w:r>
        <w:t xml:space="preserve">Policy Buybacks </w:t>
      </w:r>
    </w:p>
    <w:p w14:paraId="005E8388" w14:textId="77777777" w:rsidR="00CF54CB" w:rsidRDefault="00344004">
      <w:pPr>
        <w:numPr>
          <w:ilvl w:val="3"/>
          <w:numId w:val="27"/>
        </w:numPr>
        <w:spacing w:after="137"/>
        <w:ind w:right="396" w:hanging="360"/>
      </w:pPr>
      <w:r>
        <w:t xml:space="preserve">Expense Reductions </w:t>
      </w:r>
    </w:p>
    <w:p w14:paraId="44E8AAD5" w14:textId="77777777" w:rsidR="00CF54CB" w:rsidRDefault="00344004">
      <w:pPr>
        <w:numPr>
          <w:ilvl w:val="4"/>
          <w:numId w:val="27"/>
        </w:numPr>
        <w:spacing w:after="141"/>
        <w:ind w:right="396" w:hanging="360"/>
      </w:pPr>
      <w:r>
        <w:t xml:space="preserve">Operating Expenses </w:t>
      </w:r>
    </w:p>
    <w:p w14:paraId="2CEE9096" w14:textId="77777777" w:rsidR="00CF54CB" w:rsidRDefault="00344004">
      <w:pPr>
        <w:numPr>
          <w:ilvl w:val="5"/>
          <w:numId w:val="27"/>
        </w:numPr>
        <w:spacing w:after="137"/>
        <w:ind w:right="396" w:hanging="360"/>
      </w:pPr>
      <w:r>
        <w:t xml:space="preserve">Staffing </w:t>
      </w:r>
    </w:p>
    <w:p w14:paraId="572D9F3C" w14:textId="77777777" w:rsidR="00CF54CB" w:rsidRDefault="00344004">
      <w:pPr>
        <w:numPr>
          <w:ilvl w:val="5"/>
          <w:numId w:val="27"/>
        </w:numPr>
        <w:spacing w:after="141"/>
        <w:ind w:right="396" w:hanging="360"/>
      </w:pPr>
      <w:r>
        <w:t xml:space="preserve">Real Estate </w:t>
      </w:r>
    </w:p>
    <w:p w14:paraId="0C42AB59" w14:textId="77777777" w:rsidR="00CF54CB" w:rsidRDefault="00344004">
      <w:pPr>
        <w:numPr>
          <w:ilvl w:val="5"/>
          <w:numId w:val="27"/>
        </w:numPr>
        <w:spacing w:after="137"/>
        <w:ind w:right="396" w:hanging="360"/>
      </w:pPr>
      <w:r>
        <w:t xml:space="preserve">Fixed Costs </w:t>
      </w:r>
    </w:p>
    <w:p w14:paraId="74B4340B" w14:textId="77777777" w:rsidR="00CF54CB" w:rsidRDefault="00344004">
      <w:pPr>
        <w:numPr>
          <w:ilvl w:val="5"/>
          <w:numId w:val="27"/>
        </w:numPr>
        <w:spacing w:after="141"/>
        <w:ind w:right="396" w:hanging="360"/>
      </w:pPr>
      <w:r>
        <w:t xml:space="preserve">Insurance/Benefits </w:t>
      </w:r>
    </w:p>
    <w:p w14:paraId="403D8B79" w14:textId="77777777" w:rsidR="00CF54CB" w:rsidRDefault="00344004">
      <w:pPr>
        <w:numPr>
          <w:ilvl w:val="5"/>
          <w:numId w:val="27"/>
        </w:numPr>
        <w:spacing w:after="137"/>
        <w:ind w:right="396" w:hanging="360"/>
      </w:pPr>
      <w:r>
        <w:t xml:space="preserve">Information Technology </w:t>
      </w:r>
    </w:p>
    <w:p w14:paraId="141C7601" w14:textId="77777777" w:rsidR="00CF54CB" w:rsidRDefault="00344004">
      <w:pPr>
        <w:numPr>
          <w:ilvl w:val="4"/>
          <w:numId w:val="27"/>
        </w:numPr>
        <w:spacing w:after="142"/>
        <w:ind w:right="396" w:hanging="360"/>
      </w:pPr>
      <w:r>
        <w:t xml:space="preserve">Allocated Loss Adjustment Expenses </w:t>
      </w:r>
    </w:p>
    <w:p w14:paraId="22E7BE0F" w14:textId="77777777" w:rsidR="00CF54CB" w:rsidRDefault="00344004">
      <w:pPr>
        <w:numPr>
          <w:ilvl w:val="3"/>
          <w:numId w:val="27"/>
        </w:numPr>
        <w:spacing w:after="136"/>
        <w:ind w:right="396" w:hanging="360"/>
      </w:pPr>
      <w:r>
        <w:t xml:space="preserve">Reinsurance Commutations </w:t>
      </w:r>
    </w:p>
    <w:p w14:paraId="2F731A0B" w14:textId="77777777" w:rsidR="00CF54CB" w:rsidRDefault="00344004">
      <w:pPr>
        <w:numPr>
          <w:ilvl w:val="2"/>
          <w:numId w:val="27"/>
        </w:numPr>
        <w:spacing w:after="142"/>
        <w:ind w:right="396" w:hanging="360"/>
      </w:pPr>
      <w:r>
        <w:t xml:space="preserve">Liquidity </w:t>
      </w:r>
    </w:p>
    <w:p w14:paraId="6DBAF49B" w14:textId="77777777" w:rsidR="00CF54CB" w:rsidRDefault="00344004">
      <w:pPr>
        <w:numPr>
          <w:ilvl w:val="3"/>
          <w:numId w:val="27"/>
        </w:numPr>
        <w:spacing w:after="137"/>
        <w:ind w:right="396" w:hanging="360"/>
      </w:pPr>
      <w:r>
        <w:t xml:space="preserve">Asset Portfolio Assessment </w:t>
      </w:r>
    </w:p>
    <w:p w14:paraId="3846CBA1" w14:textId="77777777" w:rsidR="00CF54CB" w:rsidRDefault="00344004">
      <w:pPr>
        <w:numPr>
          <w:ilvl w:val="3"/>
          <w:numId w:val="27"/>
        </w:numPr>
        <w:spacing w:after="141"/>
        <w:ind w:right="396" w:hanging="360"/>
      </w:pPr>
      <w:r>
        <w:t xml:space="preserve">Encumbered Assets </w:t>
      </w:r>
    </w:p>
    <w:p w14:paraId="0EFEB9EE" w14:textId="77777777" w:rsidR="00CF54CB" w:rsidRDefault="00344004">
      <w:pPr>
        <w:numPr>
          <w:ilvl w:val="3"/>
          <w:numId w:val="27"/>
        </w:numPr>
        <w:spacing w:after="137"/>
        <w:ind w:right="396" w:hanging="360"/>
      </w:pPr>
      <w:r>
        <w:t xml:space="preserve">Unencumbered Assets </w:t>
      </w:r>
    </w:p>
    <w:p w14:paraId="5D2F9C27" w14:textId="77777777" w:rsidR="00CF54CB" w:rsidRDefault="00344004">
      <w:pPr>
        <w:numPr>
          <w:ilvl w:val="3"/>
          <w:numId w:val="27"/>
        </w:numPr>
        <w:spacing w:after="142"/>
        <w:ind w:right="396" w:hanging="360"/>
      </w:pPr>
      <w:r>
        <w:t xml:space="preserve">Statutory Deposits </w:t>
      </w:r>
    </w:p>
    <w:p w14:paraId="068662F5" w14:textId="77777777" w:rsidR="00CF54CB" w:rsidRDefault="00344004">
      <w:pPr>
        <w:numPr>
          <w:ilvl w:val="1"/>
          <w:numId w:val="27"/>
        </w:numPr>
        <w:spacing w:after="140"/>
        <w:ind w:right="396" w:hanging="360"/>
      </w:pPr>
      <w:r>
        <w:t xml:space="preserve">Risk Factors: Description and projection of risks associated with Run-Off Plan, including regulatory concerns, preferences, and risks associated with policyholders, and guaranty funds/associations, including identification of critical elements for plan success. </w:t>
      </w:r>
    </w:p>
    <w:p w14:paraId="6C8EFBDC" w14:textId="77777777" w:rsidR="00CF54CB" w:rsidRDefault="00344004">
      <w:pPr>
        <w:numPr>
          <w:ilvl w:val="2"/>
          <w:numId w:val="27"/>
        </w:numPr>
        <w:spacing w:after="141"/>
        <w:ind w:right="396" w:hanging="360"/>
      </w:pPr>
      <w:r>
        <w:t xml:space="preserve">Define Uncertainties </w:t>
      </w:r>
    </w:p>
    <w:p w14:paraId="4461233A" w14:textId="77777777" w:rsidR="00CF54CB" w:rsidRDefault="00344004">
      <w:pPr>
        <w:numPr>
          <w:ilvl w:val="3"/>
          <w:numId w:val="27"/>
        </w:numPr>
        <w:spacing w:after="137"/>
        <w:ind w:right="396" w:hanging="360"/>
      </w:pPr>
      <w:r>
        <w:t xml:space="preserve">Business </w:t>
      </w:r>
    </w:p>
    <w:p w14:paraId="5D914F18" w14:textId="77777777" w:rsidR="00CF54CB" w:rsidRDefault="00344004">
      <w:pPr>
        <w:numPr>
          <w:ilvl w:val="3"/>
          <w:numId w:val="27"/>
        </w:numPr>
        <w:spacing w:after="141"/>
        <w:ind w:right="396" w:hanging="360"/>
      </w:pPr>
      <w:r>
        <w:t xml:space="preserve">Economic </w:t>
      </w:r>
    </w:p>
    <w:p w14:paraId="2A94428F" w14:textId="77777777" w:rsidR="00CF54CB" w:rsidRDefault="00344004">
      <w:pPr>
        <w:numPr>
          <w:ilvl w:val="3"/>
          <w:numId w:val="27"/>
        </w:numPr>
        <w:spacing w:after="137"/>
        <w:ind w:right="396" w:hanging="360"/>
      </w:pPr>
      <w:r>
        <w:t xml:space="preserve">Regulatory </w:t>
      </w:r>
    </w:p>
    <w:p w14:paraId="14CA1E93" w14:textId="77777777" w:rsidR="00CF54CB" w:rsidRDefault="00344004">
      <w:pPr>
        <w:numPr>
          <w:ilvl w:val="2"/>
          <w:numId w:val="27"/>
        </w:numPr>
        <w:spacing w:after="137"/>
        <w:ind w:right="396" w:hanging="360"/>
      </w:pPr>
      <w:r>
        <w:lastRenderedPageBreak/>
        <w:t xml:space="preserve">Additional Adverse Loss Reserve Development </w:t>
      </w:r>
    </w:p>
    <w:p w14:paraId="2903B0D7" w14:textId="77777777" w:rsidR="00CF54CB" w:rsidRDefault="00344004">
      <w:pPr>
        <w:numPr>
          <w:ilvl w:val="2"/>
          <w:numId w:val="27"/>
        </w:numPr>
        <w:spacing w:after="141"/>
        <w:ind w:right="396" w:hanging="360"/>
      </w:pPr>
      <w:r>
        <w:t xml:space="preserve">Increased Reinsurance Disputes </w:t>
      </w:r>
    </w:p>
    <w:p w14:paraId="0DA3EDDE" w14:textId="77777777" w:rsidR="00CF54CB" w:rsidRDefault="00344004">
      <w:pPr>
        <w:numPr>
          <w:ilvl w:val="2"/>
          <w:numId w:val="27"/>
        </w:numPr>
        <w:spacing w:after="137"/>
        <w:ind w:right="396" w:hanging="360"/>
      </w:pPr>
      <w:r>
        <w:t xml:space="preserve">Unexpected Liabilities </w:t>
      </w:r>
    </w:p>
    <w:p w14:paraId="64E9153E" w14:textId="77777777" w:rsidR="00CF54CB" w:rsidRDefault="00344004">
      <w:pPr>
        <w:numPr>
          <w:ilvl w:val="2"/>
          <w:numId w:val="27"/>
        </w:numPr>
        <w:spacing w:after="142"/>
        <w:ind w:right="396" w:hanging="360"/>
      </w:pPr>
      <w:r>
        <w:t xml:space="preserve">Drastic Asset Value Changes </w:t>
      </w:r>
    </w:p>
    <w:p w14:paraId="5CE0E32F" w14:textId="77777777" w:rsidR="00CF54CB" w:rsidRDefault="00344004">
      <w:pPr>
        <w:numPr>
          <w:ilvl w:val="2"/>
          <w:numId w:val="27"/>
        </w:numPr>
        <w:spacing w:after="412"/>
        <w:ind w:right="396" w:hanging="360"/>
      </w:pPr>
      <w:r>
        <w:t xml:space="preserve">Financial Market – Investments </w:t>
      </w:r>
    </w:p>
    <w:p w14:paraId="3A785EFC" w14:textId="77777777" w:rsidR="00CF54CB" w:rsidRDefault="00344004">
      <w:pPr>
        <w:spacing w:after="0" w:line="259" w:lineRule="auto"/>
        <w:ind w:left="91" w:firstLine="0"/>
        <w:jc w:val="left"/>
      </w:pPr>
      <w:r>
        <w:rPr>
          <w:rFonts w:ascii="Calibri" w:eastAsia="Calibri" w:hAnsi="Calibri" w:cs="Calibri"/>
          <w:sz w:val="14"/>
          <w:szCs w:val="14"/>
        </w:rPr>
        <w:t xml:space="preserve"> </w:t>
      </w:r>
    </w:p>
    <w:p w14:paraId="36E0CC61" w14:textId="77777777" w:rsidR="00CF54CB" w:rsidRDefault="00344004">
      <w:pPr>
        <w:spacing w:after="173" w:line="259" w:lineRule="auto"/>
        <w:ind w:left="91" w:firstLine="0"/>
        <w:jc w:val="left"/>
      </w:pPr>
      <w:r>
        <w:rPr>
          <w:rFonts w:ascii="Calibri" w:eastAsia="Calibri" w:hAnsi="Calibri" w:cs="Calibri"/>
          <w:sz w:val="22"/>
          <w:szCs w:val="22"/>
        </w:rPr>
        <w:t xml:space="preserve"> </w:t>
      </w:r>
    </w:p>
    <w:p w14:paraId="690D6F1E" w14:textId="77777777" w:rsidR="00CF54CB" w:rsidRDefault="00344004">
      <w:pPr>
        <w:numPr>
          <w:ilvl w:val="1"/>
          <w:numId w:val="27"/>
        </w:numPr>
        <w:spacing w:after="68"/>
        <w:ind w:right="396" w:hanging="360"/>
      </w:pPr>
      <w:r>
        <w:t xml:space="preserve">Voluntary Run-off vs. Receivership: Analysis and comparison between the alternative mechanisms from best interests of policyholders, claimants, and guaranty funds/associations. </w:t>
      </w:r>
    </w:p>
    <w:p w14:paraId="436CAF7C" w14:textId="77777777" w:rsidR="00CF54CB" w:rsidRDefault="00344004">
      <w:pPr>
        <w:numPr>
          <w:ilvl w:val="1"/>
          <w:numId w:val="27"/>
        </w:numPr>
        <w:spacing w:after="145"/>
        <w:ind w:right="396" w:hanging="360"/>
      </w:pPr>
      <w:r>
        <w:t xml:space="preserve">Regulatory Reporting: Description of proposed regulatory supervision and reporting requirements—e.g., monthly statutory basis financial statements (balance sheet, statement of income and statement of cash flow), including comparison of actual results to Plan projections; quarterly reports demonstrating reinsurance recoverables and premium receivables past due, in dispute, litigation or arbitration; report demonstrating material credit exposures, related collateral held, and identity of credit impaired transactions; unpaid losses on state-by-state basis; weekly cash flow report; periodic review of loss reserves and amortization of any permitted loss reserve discounting, including appropriate actuarial certification; copies of all internal and external audit reports within five business days of issue; approval of all transactions exceeding pre-determined thresholds; and identification of prohibited transactions. </w:t>
      </w:r>
    </w:p>
    <w:p w14:paraId="3B94FCDE" w14:textId="77777777" w:rsidR="00CF54CB" w:rsidRDefault="00344004">
      <w:pPr>
        <w:numPr>
          <w:ilvl w:val="1"/>
          <w:numId w:val="27"/>
        </w:numPr>
        <w:spacing w:after="129"/>
        <w:ind w:right="396" w:hanging="360"/>
      </w:pPr>
      <w:r>
        <w:t xml:space="preserve">Corporate Governance: Description of proposed governance and internal controls. </w:t>
      </w:r>
    </w:p>
    <w:p w14:paraId="5DB59BCD" w14:textId="77777777" w:rsidR="00CF54CB" w:rsidRDefault="00344004">
      <w:pPr>
        <w:spacing w:after="122" w:line="259" w:lineRule="auto"/>
        <w:ind w:left="91" w:firstLine="0"/>
        <w:jc w:val="left"/>
      </w:pPr>
      <w:r>
        <w:t xml:space="preserve"> </w:t>
      </w:r>
    </w:p>
    <w:p w14:paraId="1B26E86F" w14:textId="77777777" w:rsidR="00CF54CB" w:rsidRDefault="00344004">
      <w:pPr>
        <w:spacing w:after="8412" w:line="259" w:lineRule="auto"/>
        <w:ind w:left="91" w:firstLine="0"/>
        <w:jc w:val="left"/>
      </w:pPr>
      <w:r>
        <w:t xml:space="preserve"> </w:t>
      </w:r>
    </w:p>
    <w:p w14:paraId="3EAF9F73" w14:textId="77777777" w:rsidR="00CF54CB" w:rsidRDefault="00344004">
      <w:pPr>
        <w:spacing w:after="0" w:line="259" w:lineRule="auto"/>
        <w:ind w:left="91" w:firstLine="0"/>
        <w:jc w:val="left"/>
        <w:sectPr w:rsidR="00CF54CB">
          <w:headerReference w:type="even" r:id="rId37"/>
          <w:headerReference w:type="default" r:id="rId38"/>
          <w:footerReference w:type="even" r:id="rId39"/>
          <w:footerReference w:type="default" r:id="rId40"/>
          <w:headerReference w:type="first" r:id="rId41"/>
          <w:footerReference w:type="first" r:id="rId42"/>
          <w:pgSz w:w="12240" w:h="15840"/>
          <w:pgMar w:top="1020" w:right="672" w:bottom="803" w:left="989" w:header="773" w:footer="704" w:gutter="0"/>
          <w:cols w:space="720"/>
        </w:sectPr>
      </w:pPr>
      <w:r>
        <w:rPr>
          <w:rFonts w:ascii="Calibri" w:eastAsia="Calibri" w:hAnsi="Calibri" w:cs="Calibri"/>
          <w:sz w:val="14"/>
          <w:szCs w:val="14"/>
        </w:rPr>
        <w:lastRenderedPageBreak/>
        <w:t xml:space="preserve"> </w:t>
      </w:r>
    </w:p>
    <w:p w14:paraId="7284D04C" w14:textId="77777777" w:rsidR="00CF54CB" w:rsidRDefault="00344004">
      <w:pPr>
        <w:spacing w:after="0" w:line="259" w:lineRule="auto"/>
        <w:ind w:left="806" w:hanging="10"/>
        <w:jc w:val="left"/>
      </w:pPr>
      <w:r>
        <w:rPr>
          <w:b/>
          <w:sz w:val="28"/>
          <w:szCs w:val="28"/>
        </w:rPr>
        <w:lastRenderedPageBreak/>
        <w:t>D. R</w:t>
      </w:r>
      <w:r>
        <w:rPr>
          <w:b/>
          <w:sz w:val="22"/>
          <w:szCs w:val="22"/>
        </w:rPr>
        <w:t xml:space="preserve">ELEVANT </w:t>
      </w:r>
      <w:r>
        <w:rPr>
          <w:b/>
          <w:sz w:val="28"/>
          <w:szCs w:val="28"/>
        </w:rPr>
        <w:t>NAIC M</w:t>
      </w:r>
      <w:r>
        <w:rPr>
          <w:b/>
          <w:sz w:val="22"/>
          <w:szCs w:val="22"/>
        </w:rPr>
        <w:t xml:space="preserve">ODEL </w:t>
      </w:r>
      <w:r>
        <w:rPr>
          <w:b/>
          <w:sz w:val="28"/>
          <w:szCs w:val="28"/>
        </w:rPr>
        <w:t>L</w:t>
      </w:r>
      <w:r>
        <w:rPr>
          <w:b/>
          <w:sz w:val="22"/>
          <w:szCs w:val="22"/>
        </w:rPr>
        <w:t xml:space="preserve">AWS </w:t>
      </w:r>
      <w:r>
        <w:rPr>
          <w:b/>
          <w:sz w:val="28"/>
          <w:szCs w:val="28"/>
        </w:rPr>
        <w:t>&amp; R</w:t>
      </w:r>
      <w:r>
        <w:rPr>
          <w:b/>
          <w:sz w:val="22"/>
          <w:szCs w:val="22"/>
        </w:rPr>
        <w:t xml:space="preserve">EGULATIONS AND </w:t>
      </w:r>
      <w:r>
        <w:rPr>
          <w:b/>
          <w:sz w:val="28"/>
          <w:szCs w:val="28"/>
        </w:rPr>
        <w:t>S</w:t>
      </w:r>
      <w:r>
        <w:rPr>
          <w:b/>
          <w:sz w:val="22"/>
          <w:szCs w:val="22"/>
        </w:rPr>
        <w:t xml:space="preserve">TATE </w:t>
      </w:r>
      <w:r>
        <w:rPr>
          <w:b/>
          <w:sz w:val="28"/>
          <w:szCs w:val="28"/>
        </w:rPr>
        <w:t>S</w:t>
      </w:r>
      <w:r>
        <w:rPr>
          <w:b/>
          <w:sz w:val="22"/>
          <w:szCs w:val="22"/>
        </w:rPr>
        <w:t xml:space="preserve">TATUTES </w:t>
      </w:r>
    </w:p>
    <w:p w14:paraId="6C37E56C" w14:textId="77777777" w:rsidR="00CF54CB" w:rsidRDefault="00344004">
      <w:pPr>
        <w:spacing w:after="0" w:line="259" w:lineRule="auto"/>
        <w:ind w:left="91" w:firstLine="0"/>
        <w:jc w:val="left"/>
      </w:pPr>
      <w:r>
        <w:rPr>
          <w:b/>
          <w:sz w:val="23"/>
          <w:szCs w:val="23"/>
        </w:rPr>
        <w:t xml:space="preserve"> </w:t>
      </w:r>
    </w:p>
    <w:p w14:paraId="37695D24" w14:textId="77777777" w:rsidR="00CF54CB" w:rsidRDefault="00344004">
      <w:pPr>
        <w:ind w:left="105" w:right="6" w:firstLine="6"/>
      </w:pPr>
      <w:r>
        <w:t xml:space="preserve">This appendix section provides current and relevant NAIC Model Laws and Regulations, as well as specific state statutes that pertain to an insurance department’s authority and responsibilities in dealing with troubled insurers. The sections are not intended to be all-inclusive, but rather a reference source. </w:t>
      </w:r>
    </w:p>
    <w:p w14:paraId="6027001F" w14:textId="77777777" w:rsidR="00CF54CB" w:rsidRDefault="00344004">
      <w:pPr>
        <w:spacing w:after="4" w:line="259" w:lineRule="auto"/>
        <w:ind w:left="91" w:firstLine="0"/>
        <w:jc w:val="left"/>
      </w:pPr>
      <w:r>
        <w:t xml:space="preserve"> </w:t>
      </w:r>
    </w:p>
    <w:p w14:paraId="533CA17E" w14:textId="77777777" w:rsidR="00CF54CB" w:rsidRDefault="00344004">
      <w:pPr>
        <w:spacing w:after="4" w:line="265" w:lineRule="auto"/>
        <w:ind w:left="1166" w:right="56" w:hanging="10"/>
        <w:jc w:val="left"/>
      </w:pPr>
      <w:r>
        <w:rPr>
          <w:b/>
        </w:rPr>
        <w:t>1.</w:t>
      </w:r>
      <w:r>
        <w:rPr>
          <w:rFonts w:ascii="Arial" w:eastAsia="Arial" w:hAnsi="Arial" w:cs="Arial"/>
          <w:b/>
        </w:rPr>
        <w:t xml:space="preserve"> </w:t>
      </w:r>
      <w:r>
        <w:rPr>
          <w:b/>
        </w:rPr>
        <w:t>NAIC M</w:t>
      </w:r>
      <w:r>
        <w:rPr>
          <w:b/>
          <w:sz w:val="19"/>
          <w:szCs w:val="19"/>
        </w:rPr>
        <w:t xml:space="preserve">ODEL </w:t>
      </w:r>
      <w:r>
        <w:rPr>
          <w:b/>
        </w:rPr>
        <w:t>L</w:t>
      </w:r>
      <w:r>
        <w:rPr>
          <w:b/>
          <w:sz w:val="19"/>
          <w:szCs w:val="19"/>
        </w:rPr>
        <w:t xml:space="preserve">AWS </w:t>
      </w:r>
      <w:r>
        <w:rPr>
          <w:b/>
        </w:rPr>
        <w:t>&amp; R</w:t>
      </w:r>
      <w:r>
        <w:rPr>
          <w:b/>
          <w:sz w:val="19"/>
          <w:szCs w:val="19"/>
        </w:rPr>
        <w:t xml:space="preserve">EGULATIONS </w:t>
      </w:r>
    </w:p>
    <w:p w14:paraId="580C3EC1" w14:textId="77777777" w:rsidR="00CF54CB" w:rsidRDefault="00344004">
      <w:pPr>
        <w:spacing w:after="8" w:line="259" w:lineRule="auto"/>
        <w:ind w:left="91" w:firstLine="0"/>
        <w:jc w:val="left"/>
      </w:pPr>
      <w:r>
        <w:rPr>
          <w:b/>
          <w:sz w:val="23"/>
          <w:szCs w:val="23"/>
        </w:rPr>
        <w:t xml:space="preserve"> </w:t>
      </w:r>
    </w:p>
    <w:p w14:paraId="68D0661A" w14:textId="77777777" w:rsidR="00CF54CB" w:rsidRDefault="00344004">
      <w:pPr>
        <w:numPr>
          <w:ilvl w:val="2"/>
          <w:numId w:val="28"/>
        </w:numPr>
        <w:ind w:right="396" w:hanging="360"/>
      </w:pPr>
      <w:r>
        <w:t xml:space="preserve">Administrative Supervision Model Act </w:t>
      </w:r>
    </w:p>
    <w:p w14:paraId="1DE9D42E" w14:textId="77777777" w:rsidR="00CF54CB" w:rsidRDefault="00344004">
      <w:pPr>
        <w:numPr>
          <w:ilvl w:val="2"/>
          <w:numId w:val="28"/>
        </w:numPr>
        <w:ind w:right="396" w:hanging="360"/>
      </w:pPr>
      <w:r>
        <w:t xml:space="preserve">Insurers Receivership Model Act </w:t>
      </w:r>
    </w:p>
    <w:p w14:paraId="2E7DAF4B" w14:textId="77777777" w:rsidR="00CF54CB" w:rsidRDefault="00344004">
      <w:pPr>
        <w:numPr>
          <w:ilvl w:val="2"/>
          <w:numId w:val="28"/>
        </w:numPr>
        <w:ind w:right="396" w:hanging="360"/>
      </w:pPr>
      <w:r>
        <w:t xml:space="preserve">Model Regulation to Define Standards and Commissioners’ Authority for Companies Deemed to be in a Hazardous Financial Condition </w:t>
      </w:r>
    </w:p>
    <w:p w14:paraId="26BAAE22" w14:textId="77777777" w:rsidR="00CF54CB" w:rsidRDefault="00344004">
      <w:pPr>
        <w:numPr>
          <w:ilvl w:val="2"/>
          <w:numId w:val="28"/>
        </w:numPr>
        <w:ind w:right="396" w:hanging="360"/>
      </w:pPr>
      <w:r>
        <w:t xml:space="preserve">Criminal Sanctions for Failure to Report Impairment Model Bill </w:t>
      </w:r>
    </w:p>
    <w:p w14:paraId="62B718AE" w14:textId="77777777" w:rsidR="00CF54CB" w:rsidRDefault="00344004">
      <w:pPr>
        <w:spacing w:after="16" w:line="259" w:lineRule="auto"/>
        <w:ind w:left="91" w:firstLine="0"/>
        <w:jc w:val="left"/>
      </w:pPr>
      <w:r>
        <w:t xml:space="preserve"> </w:t>
      </w:r>
    </w:p>
    <w:p w14:paraId="253AAC3F" w14:textId="77777777" w:rsidR="00CF54CB" w:rsidRDefault="00344004">
      <w:pPr>
        <w:spacing w:after="4" w:line="259" w:lineRule="auto"/>
        <w:ind w:left="213" w:hanging="10"/>
        <w:jc w:val="center"/>
      </w:pPr>
      <w:r>
        <w:rPr>
          <w:b/>
        </w:rPr>
        <w:t>2.</w:t>
      </w:r>
      <w:r>
        <w:rPr>
          <w:rFonts w:ascii="Arial" w:eastAsia="Arial" w:hAnsi="Arial" w:cs="Arial"/>
          <w:b/>
        </w:rPr>
        <w:t xml:space="preserve"> </w:t>
      </w:r>
      <w:r>
        <w:rPr>
          <w:b/>
        </w:rPr>
        <w:t>R</w:t>
      </w:r>
      <w:r>
        <w:rPr>
          <w:b/>
          <w:sz w:val="19"/>
          <w:szCs w:val="19"/>
        </w:rPr>
        <w:t xml:space="preserve">ULES AND </w:t>
      </w:r>
      <w:r>
        <w:rPr>
          <w:b/>
        </w:rPr>
        <w:t>R</w:t>
      </w:r>
      <w:r>
        <w:rPr>
          <w:b/>
          <w:sz w:val="19"/>
          <w:szCs w:val="19"/>
        </w:rPr>
        <w:t xml:space="preserve">EGULATIONS OF THE </w:t>
      </w:r>
      <w:r>
        <w:rPr>
          <w:b/>
        </w:rPr>
        <w:t>S</w:t>
      </w:r>
      <w:r>
        <w:rPr>
          <w:b/>
          <w:sz w:val="19"/>
          <w:szCs w:val="19"/>
        </w:rPr>
        <w:t xml:space="preserve">TATE OF </w:t>
      </w:r>
      <w:r>
        <w:rPr>
          <w:b/>
        </w:rPr>
        <w:t>N</w:t>
      </w:r>
      <w:r>
        <w:rPr>
          <w:b/>
          <w:sz w:val="19"/>
          <w:szCs w:val="19"/>
        </w:rPr>
        <w:t xml:space="preserve">EW </w:t>
      </w:r>
      <w:r>
        <w:rPr>
          <w:b/>
        </w:rPr>
        <w:t>Y</w:t>
      </w:r>
      <w:r>
        <w:rPr>
          <w:b/>
          <w:sz w:val="19"/>
          <w:szCs w:val="19"/>
        </w:rPr>
        <w:t xml:space="preserve">ORK </w:t>
      </w:r>
      <w:r>
        <w:rPr>
          <w:b/>
        </w:rPr>
        <w:t>– T</w:t>
      </w:r>
      <w:r>
        <w:rPr>
          <w:b/>
          <w:sz w:val="19"/>
          <w:szCs w:val="19"/>
        </w:rPr>
        <w:t xml:space="preserve">ITLE </w:t>
      </w:r>
      <w:r>
        <w:rPr>
          <w:b/>
        </w:rPr>
        <w:t>11 I</w:t>
      </w:r>
      <w:r>
        <w:rPr>
          <w:b/>
          <w:sz w:val="19"/>
          <w:szCs w:val="19"/>
        </w:rPr>
        <w:t xml:space="preserve">NSURANCE </w:t>
      </w:r>
    </w:p>
    <w:p w14:paraId="56EEA8FA" w14:textId="77777777" w:rsidR="00CF54CB" w:rsidRDefault="00344004">
      <w:pPr>
        <w:spacing w:after="4" w:line="265" w:lineRule="auto"/>
        <w:ind w:left="1541" w:right="56" w:hanging="10"/>
        <w:jc w:val="left"/>
      </w:pPr>
      <w:r>
        <w:rPr>
          <w:b/>
        </w:rPr>
        <w:t>D</w:t>
      </w:r>
      <w:r>
        <w:rPr>
          <w:b/>
          <w:sz w:val="19"/>
          <w:szCs w:val="19"/>
        </w:rPr>
        <w:t xml:space="preserve">EPARTMENT </w:t>
      </w:r>
      <w:r>
        <w:rPr>
          <w:b/>
        </w:rPr>
        <w:t>– C</w:t>
      </w:r>
      <w:r>
        <w:rPr>
          <w:b/>
          <w:sz w:val="19"/>
          <w:szCs w:val="19"/>
        </w:rPr>
        <w:t xml:space="preserve">HAPTER </w:t>
      </w:r>
      <w:r>
        <w:rPr>
          <w:b/>
        </w:rPr>
        <w:t>IV F</w:t>
      </w:r>
      <w:r>
        <w:rPr>
          <w:b/>
          <w:sz w:val="19"/>
          <w:szCs w:val="19"/>
        </w:rPr>
        <w:t xml:space="preserve">INANCIAL </w:t>
      </w:r>
      <w:r>
        <w:rPr>
          <w:b/>
        </w:rPr>
        <w:t>C</w:t>
      </w:r>
      <w:r>
        <w:rPr>
          <w:b/>
          <w:sz w:val="19"/>
          <w:szCs w:val="19"/>
        </w:rPr>
        <w:t xml:space="preserve">ONDITION OF </w:t>
      </w:r>
      <w:r>
        <w:rPr>
          <w:b/>
        </w:rPr>
        <w:t>I</w:t>
      </w:r>
      <w:r>
        <w:rPr>
          <w:b/>
          <w:sz w:val="19"/>
          <w:szCs w:val="19"/>
        </w:rPr>
        <w:t xml:space="preserve">NSURER AND </w:t>
      </w:r>
      <w:r>
        <w:rPr>
          <w:b/>
        </w:rPr>
        <w:t>R</w:t>
      </w:r>
      <w:r>
        <w:rPr>
          <w:b/>
          <w:sz w:val="19"/>
          <w:szCs w:val="19"/>
        </w:rPr>
        <w:t xml:space="preserve">EPORTS TO </w:t>
      </w:r>
    </w:p>
    <w:p w14:paraId="1CD57296" w14:textId="77777777" w:rsidR="00CF54CB" w:rsidRDefault="00344004">
      <w:pPr>
        <w:spacing w:after="4" w:line="265" w:lineRule="auto"/>
        <w:ind w:left="1541" w:right="56" w:hanging="10"/>
        <w:jc w:val="left"/>
      </w:pPr>
      <w:r>
        <w:rPr>
          <w:b/>
        </w:rPr>
        <w:t>S</w:t>
      </w:r>
      <w:r>
        <w:rPr>
          <w:b/>
          <w:sz w:val="19"/>
          <w:szCs w:val="19"/>
        </w:rPr>
        <w:t xml:space="preserve">UPERINTENDENT </w:t>
      </w:r>
      <w:r>
        <w:rPr>
          <w:b/>
        </w:rPr>
        <w:t>– S</w:t>
      </w:r>
      <w:r>
        <w:rPr>
          <w:b/>
          <w:sz w:val="19"/>
          <w:szCs w:val="19"/>
        </w:rPr>
        <w:t xml:space="preserve">UBCHAPTER </w:t>
      </w:r>
      <w:r>
        <w:rPr>
          <w:b/>
        </w:rPr>
        <w:t>D R</w:t>
      </w:r>
      <w:r>
        <w:rPr>
          <w:b/>
          <w:sz w:val="19"/>
          <w:szCs w:val="19"/>
        </w:rPr>
        <w:t xml:space="preserve">EINSURANCE </w:t>
      </w:r>
      <w:r>
        <w:rPr>
          <w:b/>
        </w:rPr>
        <w:t>– P</w:t>
      </w:r>
      <w:r>
        <w:rPr>
          <w:b/>
          <w:sz w:val="19"/>
          <w:szCs w:val="19"/>
        </w:rPr>
        <w:t xml:space="preserve">ART </w:t>
      </w:r>
      <w:r>
        <w:rPr>
          <w:b/>
        </w:rPr>
        <w:t>128 C</w:t>
      </w:r>
      <w:r>
        <w:rPr>
          <w:b/>
          <w:sz w:val="19"/>
          <w:szCs w:val="19"/>
        </w:rPr>
        <w:t xml:space="preserve">OMMUTATION OF </w:t>
      </w:r>
    </w:p>
    <w:p w14:paraId="4399B052" w14:textId="77777777" w:rsidR="00CF54CB" w:rsidRDefault="00344004">
      <w:pPr>
        <w:spacing w:after="4" w:line="265" w:lineRule="auto"/>
        <w:ind w:left="1541" w:right="56" w:hanging="10"/>
        <w:jc w:val="left"/>
      </w:pPr>
      <w:r>
        <w:rPr>
          <w:b/>
        </w:rPr>
        <w:t>R</w:t>
      </w:r>
      <w:r>
        <w:rPr>
          <w:b/>
          <w:sz w:val="19"/>
          <w:szCs w:val="19"/>
        </w:rPr>
        <w:t xml:space="preserve">EINSURANCE </w:t>
      </w:r>
      <w:r>
        <w:rPr>
          <w:b/>
        </w:rPr>
        <w:t>A</w:t>
      </w:r>
      <w:r>
        <w:rPr>
          <w:b/>
          <w:sz w:val="19"/>
          <w:szCs w:val="19"/>
        </w:rPr>
        <w:t xml:space="preserve">GREEMENTS </w:t>
      </w:r>
      <w:r>
        <w:rPr>
          <w:b/>
        </w:rPr>
        <w:t>(R</w:t>
      </w:r>
      <w:r>
        <w:rPr>
          <w:b/>
          <w:sz w:val="19"/>
          <w:szCs w:val="19"/>
        </w:rPr>
        <w:t xml:space="preserve">EGULATION </w:t>
      </w:r>
      <w:r>
        <w:rPr>
          <w:b/>
        </w:rPr>
        <w:t xml:space="preserve">141) </w:t>
      </w:r>
    </w:p>
    <w:p w14:paraId="7A0E0CBB" w14:textId="77777777" w:rsidR="00CF54CB" w:rsidRDefault="00344004">
      <w:pPr>
        <w:spacing w:after="4"/>
        <w:ind w:left="2736" w:hanging="10"/>
      </w:pPr>
      <w:r>
        <w:rPr>
          <w:sz w:val="22"/>
          <w:szCs w:val="22"/>
        </w:rPr>
        <w:t xml:space="preserve">(Text is current through February 15, 2008.) </w:t>
      </w:r>
    </w:p>
    <w:p w14:paraId="080B6510" w14:textId="77777777" w:rsidR="00CF54CB" w:rsidRDefault="00344004">
      <w:pPr>
        <w:spacing w:after="0" w:line="259" w:lineRule="auto"/>
        <w:ind w:left="91" w:firstLine="0"/>
        <w:jc w:val="left"/>
      </w:pPr>
      <w:r>
        <w:rPr>
          <w:sz w:val="22"/>
          <w:szCs w:val="22"/>
        </w:rPr>
        <w:t xml:space="preserve"> </w:t>
      </w:r>
    </w:p>
    <w:p w14:paraId="3830C57E" w14:textId="77777777" w:rsidR="00CF54CB" w:rsidRDefault="00344004">
      <w:pPr>
        <w:spacing w:after="4"/>
        <w:ind w:left="86" w:hanging="10"/>
      </w:pPr>
      <w:r>
        <w:rPr>
          <w:sz w:val="22"/>
          <w:szCs w:val="22"/>
        </w:rPr>
        <w:t xml:space="preserve">Section 128.0. Purpose. </w:t>
      </w:r>
    </w:p>
    <w:p w14:paraId="421552D5" w14:textId="77777777" w:rsidR="00CF54CB" w:rsidRDefault="00344004">
      <w:pPr>
        <w:spacing w:after="4"/>
        <w:ind w:left="86" w:hanging="10"/>
      </w:pPr>
      <w:r>
        <w:rPr>
          <w:sz w:val="22"/>
          <w:szCs w:val="22"/>
        </w:rPr>
        <w:t xml:space="preserve">Section 1321 of the Insurance Law authorizes the Superintendent of Insurance to permit an impaired or insolvent domestic insurer or an impaired or insolvent United States branch of an alien insurer entered through this state to commute reinsurance agreements as a means of eliminating such an impairment or insolvency. This Part sets forth applicable standards that the superintendent will use in determining whether such commutations will be approved. </w:t>
      </w:r>
    </w:p>
    <w:p w14:paraId="471789F9" w14:textId="77777777" w:rsidR="00CF54CB" w:rsidRDefault="00344004">
      <w:pPr>
        <w:spacing w:after="0" w:line="259" w:lineRule="auto"/>
        <w:ind w:left="91" w:firstLine="0"/>
        <w:jc w:val="left"/>
      </w:pPr>
      <w:r>
        <w:rPr>
          <w:sz w:val="22"/>
          <w:szCs w:val="22"/>
        </w:rPr>
        <w:t xml:space="preserve"> </w:t>
      </w:r>
    </w:p>
    <w:p w14:paraId="6D14F211" w14:textId="77777777" w:rsidR="00CF54CB" w:rsidRDefault="00344004">
      <w:pPr>
        <w:spacing w:after="4"/>
        <w:ind w:left="86" w:hanging="10"/>
      </w:pPr>
      <w:r>
        <w:rPr>
          <w:sz w:val="22"/>
          <w:szCs w:val="22"/>
        </w:rPr>
        <w:t xml:space="preserve">Section 128.1. Applicability. </w:t>
      </w:r>
    </w:p>
    <w:p w14:paraId="5797637F" w14:textId="77777777" w:rsidR="00CF54CB" w:rsidRDefault="00344004">
      <w:pPr>
        <w:spacing w:after="4"/>
        <w:ind w:left="86" w:hanging="10"/>
      </w:pPr>
      <w:r>
        <w:rPr>
          <w:sz w:val="22"/>
          <w:szCs w:val="22"/>
        </w:rPr>
        <w:t xml:space="preserve">This Part shall be applicable to any domestic insurer or United States branch of an alien insurer entered through this state, other than a life insurance company as defined in section 107(a)(28) of the Insurance Law. </w:t>
      </w:r>
    </w:p>
    <w:p w14:paraId="65D0D993" w14:textId="77777777" w:rsidR="00CF54CB" w:rsidRDefault="00344004">
      <w:pPr>
        <w:spacing w:after="0" w:line="259" w:lineRule="auto"/>
        <w:ind w:left="91" w:firstLine="0"/>
        <w:jc w:val="left"/>
      </w:pPr>
      <w:r>
        <w:rPr>
          <w:sz w:val="22"/>
          <w:szCs w:val="22"/>
        </w:rPr>
        <w:t xml:space="preserve"> </w:t>
      </w:r>
    </w:p>
    <w:p w14:paraId="1837BF76" w14:textId="77777777" w:rsidR="00CF54CB" w:rsidRDefault="00344004">
      <w:pPr>
        <w:spacing w:after="4"/>
        <w:ind w:left="86" w:hanging="10"/>
      </w:pPr>
      <w:r>
        <w:rPr>
          <w:sz w:val="22"/>
          <w:szCs w:val="22"/>
        </w:rPr>
        <w:t xml:space="preserve">Section 128.3. General provisions. </w:t>
      </w:r>
    </w:p>
    <w:p w14:paraId="2DB8CA4A" w14:textId="77777777" w:rsidR="00CF54CB" w:rsidRDefault="00344004">
      <w:pPr>
        <w:numPr>
          <w:ilvl w:val="0"/>
          <w:numId w:val="44"/>
        </w:numPr>
        <w:spacing w:after="4"/>
        <w:ind w:hanging="360"/>
      </w:pPr>
      <w:r>
        <w:rPr>
          <w:sz w:val="22"/>
          <w:szCs w:val="22"/>
        </w:rPr>
        <w:t xml:space="preserve">Nothing in this Part shall require the superintendent to give prior consideration to a plan which contains the commutation of reinsurance agreements in lieu of taking any other action against an impaired or insolvent insurer in accordance with the Insurance Law, including proceeding against such insurer pursuant to article 74 of the Insurance Law. </w:t>
      </w:r>
    </w:p>
    <w:p w14:paraId="25354A1B" w14:textId="77777777" w:rsidR="00CF54CB" w:rsidRDefault="00344004">
      <w:pPr>
        <w:numPr>
          <w:ilvl w:val="0"/>
          <w:numId w:val="44"/>
        </w:numPr>
        <w:spacing w:after="4"/>
        <w:ind w:hanging="360"/>
      </w:pPr>
      <w:r>
        <w:rPr>
          <w:sz w:val="22"/>
          <w:szCs w:val="22"/>
        </w:rPr>
        <w:t xml:space="preserve">All the terms and conditions of any plan which contains the commutation of reinsurance agreements are subject to approval by the superintendent and no such plan will be approved by the superintendent unless the effect of the plan shall eliminate the insurer’s impairment or insolvency and restore the insurer’s surplus to policyholders to the greater of the minimum amount required to be maintained </w:t>
      </w:r>
      <w:r>
        <w:rPr>
          <w:sz w:val="22"/>
          <w:szCs w:val="22"/>
        </w:rPr>
        <w:lastRenderedPageBreak/>
        <w:t xml:space="preserve">pursuant to the applicable provisions of the Insurance Law or to the amount the superintendent determines is adequate in relation to the insurer’s outstanding liabilities or financial needs. The determination regarding the adequacy of the insurer’s surplus to policyholders shall be made in accordance with the factors set forth in section 1104(c) of the Insurance Law. </w:t>
      </w:r>
    </w:p>
    <w:p w14:paraId="0868C3C1" w14:textId="77777777" w:rsidR="00CF54CB" w:rsidRDefault="00344004">
      <w:pPr>
        <w:spacing w:after="0" w:line="259" w:lineRule="auto"/>
        <w:ind w:left="91" w:firstLine="0"/>
        <w:jc w:val="left"/>
      </w:pPr>
      <w:r>
        <w:t xml:space="preserve"> </w:t>
      </w:r>
    </w:p>
    <w:p w14:paraId="362A83B4" w14:textId="77777777" w:rsidR="00CF54CB" w:rsidRDefault="00344004">
      <w:pPr>
        <w:spacing w:after="4"/>
        <w:ind w:left="86" w:hanging="10"/>
      </w:pPr>
      <w:r>
        <w:rPr>
          <w:sz w:val="22"/>
          <w:szCs w:val="22"/>
        </w:rPr>
        <w:t xml:space="preserve">Section 128.4. Requirements. </w:t>
      </w:r>
    </w:p>
    <w:p w14:paraId="180B59E6" w14:textId="77777777" w:rsidR="00CF54CB" w:rsidRDefault="00344004">
      <w:pPr>
        <w:numPr>
          <w:ilvl w:val="0"/>
          <w:numId w:val="45"/>
        </w:numPr>
        <w:spacing w:after="4"/>
        <w:ind w:hanging="360"/>
      </w:pPr>
      <w:r>
        <w:rPr>
          <w:sz w:val="22"/>
          <w:szCs w:val="22"/>
        </w:rPr>
        <w:t xml:space="preserve">Any plan submitted by an impaired or insolvent insurer which contains the commutation of reinsurance agreements shall provide that: </w:t>
      </w:r>
    </w:p>
    <w:p w14:paraId="0684874D" w14:textId="77777777" w:rsidR="00CF54CB" w:rsidRDefault="00344004">
      <w:pPr>
        <w:numPr>
          <w:ilvl w:val="1"/>
          <w:numId w:val="45"/>
        </w:numPr>
        <w:spacing w:after="67"/>
        <w:ind w:hanging="360"/>
      </w:pPr>
      <w:r>
        <w:rPr>
          <w:sz w:val="22"/>
          <w:szCs w:val="22"/>
        </w:rPr>
        <w:t xml:space="preserve">the offer to commute reinsurance agreements is made to each and every ceding insurer to which the impaired or insolvent insurer has obligations; </w:t>
      </w:r>
    </w:p>
    <w:p w14:paraId="25475809" w14:textId="77777777" w:rsidR="00CF54CB" w:rsidRDefault="00344004">
      <w:pPr>
        <w:numPr>
          <w:ilvl w:val="1"/>
          <w:numId w:val="45"/>
        </w:numPr>
        <w:spacing w:after="4"/>
        <w:ind w:hanging="360"/>
      </w:pPr>
      <w:r>
        <w:rPr>
          <w:sz w:val="22"/>
          <w:szCs w:val="22"/>
        </w:rPr>
        <w:t xml:space="preserve">the terms of the commutation agreement to be offered to each and every ceding insurer are the same, except that the percentage by which the impaired or insolvent insurer proposes to discount obligations due to each ceding insurer may vary in regard to the type of business being commuted. Any variance by typeof business shall be reasonable, actuarially sound and supported by documentation justifying such a variance; and </w:t>
      </w:r>
    </w:p>
    <w:p w14:paraId="3D091A8D" w14:textId="77777777" w:rsidR="00CF54CB" w:rsidRDefault="00344004">
      <w:pPr>
        <w:numPr>
          <w:ilvl w:val="1"/>
          <w:numId w:val="45"/>
        </w:numPr>
        <w:spacing w:after="4"/>
        <w:ind w:hanging="360"/>
      </w:pPr>
      <w:r>
        <w:rPr>
          <w:sz w:val="22"/>
          <w:szCs w:val="22"/>
        </w:rPr>
        <w:t xml:space="preserve">the impaired or insolvent insurer agrees to enter into a stipulation with the superintendent consenting to an order of rehabilitation or liquidation in the event that the implementation of the plan by the insurer does not result in restoring the insurer’s surplus to policyholders to the minimum required as determined in accordance with section 128.3(b) of this Part. </w:t>
      </w:r>
    </w:p>
    <w:p w14:paraId="214C5F6D" w14:textId="77777777" w:rsidR="00CF54CB" w:rsidRDefault="00344004">
      <w:pPr>
        <w:numPr>
          <w:ilvl w:val="0"/>
          <w:numId w:val="45"/>
        </w:numPr>
        <w:spacing w:after="4"/>
        <w:ind w:hanging="360"/>
      </w:pPr>
      <w:r>
        <w:rPr>
          <w:sz w:val="22"/>
          <w:szCs w:val="22"/>
        </w:rPr>
        <w:t xml:space="preserve">Any plan submitted by an impaired or insolvent insurer which contains the commutation of reinsurance agreements shall include: </w:t>
      </w:r>
    </w:p>
    <w:p w14:paraId="09F5A806" w14:textId="77777777" w:rsidR="00CF54CB" w:rsidRDefault="00344004">
      <w:pPr>
        <w:numPr>
          <w:ilvl w:val="1"/>
          <w:numId w:val="45"/>
        </w:numPr>
        <w:spacing w:after="4"/>
        <w:ind w:hanging="360"/>
      </w:pPr>
      <w:r>
        <w:rPr>
          <w:sz w:val="22"/>
          <w:szCs w:val="22"/>
        </w:rPr>
        <w:t xml:space="preserve">a balance sheet that reflects the insurer’s impairment or insolvency as determined by the superintendent, a pro forma balance sheet reflecting the financial condition of such insurer subsequent to the effective date of the plan, and a reconciliation between both balance sheets; </w:t>
      </w:r>
    </w:p>
    <w:p w14:paraId="303BB656" w14:textId="77777777" w:rsidR="00CF54CB" w:rsidRDefault="00344004">
      <w:pPr>
        <w:numPr>
          <w:ilvl w:val="1"/>
          <w:numId w:val="45"/>
        </w:numPr>
        <w:spacing w:after="4"/>
        <w:ind w:hanging="360"/>
      </w:pPr>
      <w:r>
        <w:rPr>
          <w:sz w:val="22"/>
          <w:szCs w:val="22"/>
        </w:rPr>
        <w:t xml:space="preserve">an exhibit setting forth the obligations due to each and every ceding insurer as of the proposed effective date of such plan and the consideration to be offered each and every ceding insurer for the commutation of such obligations. The obligations shall be classified in accordance with the categories contained in the definition set forth in section 128.2(c) of this Part; and </w:t>
      </w:r>
    </w:p>
    <w:p w14:paraId="7DCED801" w14:textId="77777777" w:rsidR="00CF54CB" w:rsidRDefault="00344004">
      <w:pPr>
        <w:numPr>
          <w:ilvl w:val="1"/>
          <w:numId w:val="45"/>
        </w:numPr>
        <w:spacing w:after="4"/>
        <w:ind w:hanging="360"/>
      </w:pPr>
      <w:r>
        <w:rPr>
          <w:sz w:val="22"/>
          <w:szCs w:val="22"/>
        </w:rPr>
        <w:t xml:space="preserve">details regarding any retrocessionaire’s participation in the plan. </w:t>
      </w:r>
    </w:p>
    <w:p w14:paraId="0341AB9B" w14:textId="77777777" w:rsidR="00CF54CB" w:rsidRDefault="00344004">
      <w:pPr>
        <w:spacing w:after="0" w:line="259" w:lineRule="auto"/>
        <w:ind w:left="91" w:firstLine="0"/>
        <w:jc w:val="left"/>
      </w:pPr>
      <w:r>
        <w:rPr>
          <w:sz w:val="23"/>
          <w:szCs w:val="23"/>
        </w:rPr>
        <w:t xml:space="preserve"> </w:t>
      </w:r>
    </w:p>
    <w:p w14:paraId="09611BEC" w14:textId="77777777" w:rsidR="00CF54CB" w:rsidRDefault="00344004">
      <w:pPr>
        <w:spacing w:after="4"/>
        <w:ind w:left="86" w:hanging="10"/>
      </w:pPr>
      <w:r>
        <w:rPr>
          <w:sz w:val="22"/>
          <w:szCs w:val="22"/>
        </w:rPr>
        <w:t xml:space="preserve">Section 128.5. Procedures. </w:t>
      </w:r>
    </w:p>
    <w:p w14:paraId="6D78F291" w14:textId="77777777" w:rsidR="00CF54CB" w:rsidRDefault="00344004">
      <w:pPr>
        <w:numPr>
          <w:ilvl w:val="0"/>
          <w:numId w:val="43"/>
        </w:numPr>
        <w:spacing w:after="4"/>
        <w:ind w:hanging="360"/>
      </w:pPr>
      <w:r>
        <w:rPr>
          <w:sz w:val="22"/>
          <w:szCs w:val="22"/>
        </w:rPr>
        <w:t xml:space="preserve">Any plan which contains the commutation of reinsurance agreements shall be submitted to the superintendent by the impaired or insolvent insurer within a period designated by the superintendent, which shall not be more than 90 days from the determination of the insurer’s impairment or insolvency. </w:t>
      </w:r>
    </w:p>
    <w:p w14:paraId="53FEA099" w14:textId="77777777" w:rsidR="00CF54CB" w:rsidRDefault="00344004">
      <w:pPr>
        <w:numPr>
          <w:ilvl w:val="0"/>
          <w:numId w:val="43"/>
        </w:numPr>
        <w:spacing w:after="4"/>
        <w:ind w:hanging="360"/>
      </w:pPr>
      <w:r>
        <w:rPr>
          <w:sz w:val="22"/>
          <w:szCs w:val="22"/>
        </w:rPr>
        <w:t xml:space="preserve">If the superintendent has no objection to any of the plan’s terms and conditions and determines that the impaired or insolvent insurer’s surplus to policyholders will be restored to the minimum required as determined in accordance with section 128.3(b) of this Part, the proposed plan shall be approved and the insurer shall offer the commutation proposals to its ceding insurers. No commutation agreement shall become effective and no consideration for any commutation agreement shall be paid by the impaired or insolvent insurer until the superintendent determines that, as a result of the commutation proposals agreed to and executed by the ceding insurers, along with the effect of any other components of the plan, the impaired or insolvent insurer’s surplus to policyholders is restored to the minimum required. </w:t>
      </w:r>
    </w:p>
    <w:p w14:paraId="6A63E8EB" w14:textId="77777777" w:rsidR="00CF54CB" w:rsidRDefault="00344004">
      <w:pPr>
        <w:numPr>
          <w:ilvl w:val="0"/>
          <w:numId w:val="43"/>
        </w:numPr>
        <w:spacing w:after="4"/>
        <w:ind w:hanging="360"/>
      </w:pPr>
      <w:r>
        <w:rPr>
          <w:sz w:val="22"/>
          <w:szCs w:val="22"/>
        </w:rPr>
        <w:t xml:space="preserve">Within 10 days after the superintendent approves the plan, the impaired or insolvent insurer shall deliver the proposed commutation agreements to each ceding insurer. The terms of any commutation agreement shall not be subject to negotiation between the impaired or insolvent insurer and the ceding insurer. </w:t>
      </w:r>
    </w:p>
    <w:p w14:paraId="15EB6953" w14:textId="77777777" w:rsidR="00CF54CB" w:rsidRDefault="00344004">
      <w:pPr>
        <w:numPr>
          <w:ilvl w:val="0"/>
          <w:numId w:val="43"/>
        </w:numPr>
        <w:spacing w:after="4"/>
        <w:ind w:hanging="360"/>
      </w:pPr>
      <w:r>
        <w:rPr>
          <w:sz w:val="22"/>
          <w:szCs w:val="22"/>
        </w:rPr>
        <w:lastRenderedPageBreak/>
        <w:t xml:space="preserve">The impaired or insolvent insurer shall submit to the superintendent, within a designated period as determinedb y the superintendent, copies of the executed commutation agreements from those ceding insurers agreeing to the proposed terms, copies of rejections of the commutation agreements by those ceding insurers not agreeing to the proposed terms and copies of any other correspondence pertaining to all such offers made to the ceding insurers. This submission shall include a balance sheet that reflects the effect of the executed agreements, together with any other components of the plan, upon the insurer’s impairment or insolvency as determined by the superintendent. The insurer shall also submit copies of executed agreements with any retrocessionaires which either modify, commute or assign any retrocession agreement. </w:t>
      </w:r>
    </w:p>
    <w:p w14:paraId="0334427D" w14:textId="77777777" w:rsidR="00CF54CB" w:rsidRDefault="00344004">
      <w:pPr>
        <w:numPr>
          <w:ilvl w:val="0"/>
          <w:numId w:val="43"/>
        </w:numPr>
        <w:spacing w:after="4"/>
        <w:ind w:hanging="360"/>
      </w:pPr>
      <w:r>
        <w:rPr>
          <w:sz w:val="22"/>
          <w:szCs w:val="22"/>
        </w:rPr>
        <w:t xml:space="preserve">If the superintendent determines that, as a result of the executed commutation agreements submitted by the impaired or insolvent insurer, together with any other components of the plan, the insurer’s surplus to policyholders is restored to the minimum required as determined in accordance with section 128.3(b) of this Part, the executed commutation agreements shall become effective. </w:t>
      </w:r>
    </w:p>
    <w:p w14:paraId="06E764C5" w14:textId="77777777" w:rsidR="00CF54CB" w:rsidRDefault="00344004">
      <w:pPr>
        <w:numPr>
          <w:ilvl w:val="0"/>
          <w:numId w:val="43"/>
        </w:numPr>
        <w:spacing w:after="4"/>
        <w:ind w:hanging="360"/>
      </w:pPr>
      <w:r>
        <w:rPr>
          <w:sz w:val="22"/>
          <w:szCs w:val="22"/>
        </w:rPr>
        <w:t xml:space="preserve">If the superintendent determines that, as a result of the executed commutation agreements submitted by the impaired or insolvent insurer, together with any other components of the plan, the insurer’s surplus to policyholders is not restored to the minimum required as determined in accordance with section 128.3(b) of this Part, the superintendent may proceed against the insurer in accordance with the stipulation executed pursuant to section 128.4(a)(3) of this Part. </w:t>
      </w:r>
    </w:p>
    <w:p w14:paraId="76118540" w14:textId="77777777" w:rsidR="00CF54CB" w:rsidRDefault="00344004">
      <w:pPr>
        <w:spacing w:after="0" w:line="259" w:lineRule="auto"/>
        <w:ind w:left="91" w:firstLine="0"/>
        <w:jc w:val="left"/>
      </w:pPr>
      <w:r>
        <w:t xml:space="preserve"> </w:t>
      </w:r>
    </w:p>
    <w:p w14:paraId="1931D51D" w14:textId="77777777" w:rsidR="00CF54CB" w:rsidRDefault="00344004">
      <w:pPr>
        <w:spacing w:after="4"/>
        <w:ind w:left="86" w:hanging="10"/>
      </w:pPr>
      <w:r>
        <w:rPr>
          <w:sz w:val="22"/>
          <w:szCs w:val="22"/>
        </w:rPr>
        <w:t xml:space="preserve">Section 128.6. Reporting requirements. </w:t>
      </w:r>
    </w:p>
    <w:p w14:paraId="27C9813E" w14:textId="77777777" w:rsidR="00CF54CB" w:rsidRDefault="00344004">
      <w:pPr>
        <w:spacing w:after="4"/>
        <w:ind w:left="86" w:hanging="10"/>
      </w:pPr>
      <w:r>
        <w:rPr>
          <w:sz w:val="22"/>
          <w:szCs w:val="22"/>
        </w:rPr>
        <w:t xml:space="preserve">Any impaired or insolvent insurer which eliminates such impairment or insolvency using commutations approved by the superintendent in accordance with the provisions of this Part shall exclude all historical data pertaining to such commutations from the loss development schedules contained in future financial statements filed in accordance with applicable provisions of the Insurance Law. The historical data pertaining to the business commuted shall be reported on a supplemental loss development schedule in a form consistent with the schedule contained in statutory financial statements as filed with this department. The supplemental schedule shall show the aggregate experience of such business as of the effective date of commutation agreement. </w:t>
      </w:r>
    </w:p>
    <w:p w14:paraId="786FFAD7" w14:textId="77777777" w:rsidR="00CF54CB" w:rsidRDefault="00344004">
      <w:pPr>
        <w:spacing w:after="13" w:line="259" w:lineRule="auto"/>
        <w:ind w:left="91" w:firstLine="0"/>
        <w:jc w:val="left"/>
      </w:pPr>
      <w:r>
        <w:t xml:space="preserve"> </w:t>
      </w:r>
    </w:p>
    <w:p w14:paraId="7AF709B5" w14:textId="77777777" w:rsidR="00CF54CB" w:rsidRDefault="00344004">
      <w:pPr>
        <w:spacing w:after="4" w:line="265" w:lineRule="auto"/>
        <w:ind w:left="1516" w:right="56" w:hanging="360"/>
        <w:jc w:val="left"/>
      </w:pPr>
      <w:r>
        <w:rPr>
          <w:b/>
        </w:rPr>
        <w:t>3.</w:t>
      </w:r>
      <w:r>
        <w:rPr>
          <w:rFonts w:ascii="Arial" w:eastAsia="Arial" w:hAnsi="Arial" w:cs="Arial"/>
          <w:b/>
        </w:rPr>
        <w:t xml:space="preserve"> </w:t>
      </w:r>
      <w:r>
        <w:rPr>
          <w:b/>
        </w:rPr>
        <w:t>R</w:t>
      </w:r>
      <w:r>
        <w:rPr>
          <w:b/>
          <w:sz w:val="19"/>
          <w:szCs w:val="19"/>
        </w:rPr>
        <w:t xml:space="preserve">HODE </w:t>
      </w:r>
      <w:r>
        <w:rPr>
          <w:b/>
        </w:rPr>
        <w:t>I</w:t>
      </w:r>
      <w:r>
        <w:rPr>
          <w:b/>
          <w:sz w:val="19"/>
          <w:szCs w:val="19"/>
        </w:rPr>
        <w:t xml:space="preserve">SLAND </w:t>
      </w:r>
      <w:r>
        <w:rPr>
          <w:b/>
        </w:rPr>
        <w:t>S</w:t>
      </w:r>
      <w:r>
        <w:rPr>
          <w:b/>
          <w:sz w:val="19"/>
          <w:szCs w:val="19"/>
        </w:rPr>
        <w:t xml:space="preserve">TATUTE AND </w:t>
      </w:r>
      <w:r>
        <w:rPr>
          <w:b/>
        </w:rPr>
        <w:t>R</w:t>
      </w:r>
      <w:r>
        <w:rPr>
          <w:b/>
          <w:sz w:val="19"/>
          <w:szCs w:val="19"/>
        </w:rPr>
        <w:t xml:space="preserve">EGULATION </w:t>
      </w:r>
      <w:r>
        <w:rPr>
          <w:b/>
        </w:rPr>
        <w:t>– V</w:t>
      </w:r>
      <w:r>
        <w:rPr>
          <w:b/>
          <w:sz w:val="19"/>
          <w:szCs w:val="19"/>
        </w:rPr>
        <w:t xml:space="preserve">OLUNTARY </w:t>
      </w:r>
      <w:r>
        <w:rPr>
          <w:b/>
        </w:rPr>
        <w:t>R</w:t>
      </w:r>
      <w:r>
        <w:rPr>
          <w:b/>
          <w:sz w:val="19"/>
          <w:szCs w:val="19"/>
        </w:rPr>
        <w:t xml:space="preserve">ESTRUCTURING OF </w:t>
      </w:r>
      <w:r>
        <w:rPr>
          <w:b/>
        </w:rPr>
        <w:t>S</w:t>
      </w:r>
      <w:r>
        <w:rPr>
          <w:b/>
          <w:sz w:val="19"/>
          <w:szCs w:val="19"/>
        </w:rPr>
        <w:t xml:space="preserve">OLVENT </w:t>
      </w:r>
      <w:r>
        <w:rPr>
          <w:b/>
        </w:rPr>
        <w:t>I</w:t>
      </w:r>
      <w:r>
        <w:rPr>
          <w:b/>
          <w:sz w:val="19"/>
          <w:szCs w:val="19"/>
        </w:rPr>
        <w:t xml:space="preserve">NSURERS </w:t>
      </w:r>
      <w:r>
        <w:rPr>
          <w:b/>
        </w:rPr>
        <w:t>T</w:t>
      </w:r>
      <w:r>
        <w:rPr>
          <w:b/>
          <w:sz w:val="19"/>
          <w:szCs w:val="19"/>
        </w:rPr>
        <w:t xml:space="preserve">ITLE </w:t>
      </w:r>
      <w:r>
        <w:rPr>
          <w:b/>
        </w:rPr>
        <w:t>27 C</w:t>
      </w:r>
      <w:r>
        <w:rPr>
          <w:b/>
          <w:sz w:val="19"/>
          <w:szCs w:val="19"/>
        </w:rPr>
        <w:t xml:space="preserve">HAPTER </w:t>
      </w:r>
      <w:r>
        <w:rPr>
          <w:b/>
        </w:rPr>
        <w:t xml:space="preserve">14.5 </w:t>
      </w:r>
      <w:r>
        <w:rPr>
          <w:b/>
          <w:sz w:val="19"/>
          <w:szCs w:val="19"/>
        </w:rPr>
        <w:t xml:space="preserve">AND </w:t>
      </w:r>
      <w:r>
        <w:rPr>
          <w:b/>
        </w:rPr>
        <w:t>R</w:t>
      </w:r>
      <w:r>
        <w:rPr>
          <w:b/>
          <w:sz w:val="19"/>
          <w:szCs w:val="19"/>
        </w:rPr>
        <w:t xml:space="preserve">EGULATION </w:t>
      </w:r>
      <w:r>
        <w:rPr>
          <w:b/>
        </w:rPr>
        <w:t xml:space="preserve">68 </w:t>
      </w:r>
    </w:p>
    <w:p w14:paraId="723C4B7A" w14:textId="77777777" w:rsidR="00CF54CB" w:rsidRDefault="00344004">
      <w:pPr>
        <w:spacing w:after="0" w:line="259" w:lineRule="auto"/>
        <w:ind w:left="91" w:firstLine="0"/>
        <w:jc w:val="left"/>
      </w:pPr>
      <w:r>
        <w:rPr>
          <w:b/>
          <w:sz w:val="23"/>
          <w:szCs w:val="23"/>
        </w:rPr>
        <w:t xml:space="preserve"> </w:t>
      </w:r>
    </w:p>
    <w:p w14:paraId="0E2888BA" w14:textId="77777777" w:rsidR="00CF54CB" w:rsidRDefault="00344004">
      <w:pPr>
        <w:spacing w:after="4"/>
        <w:ind w:left="86" w:hanging="10"/>
      </w:pPr>
      <w:r>
        <w:rPr>
          <w:sz w:val="22"/>
          <w:szCs w:val="22"/>
        </w:rPr>
        <w:t xml:space="preserve">§ 27-14.5-2 Jurisdiction, venue, and court orders. </w:t>
      </w:r>
    </w:p>
    <w:p w14:paraId="4411EF5B" w14:textId="77777777" w:rsidR="00CF54CB" w:rsidRDefault="00344004">
      <w:pPr>
        <w:numPr>
          <w:ilvl w:val="0"/>
          <w:numId w:val="32"/>
        </w:numPr>
        <w:spacing w:after="4"/>
      </w:pPr>
      <w:r>
        <w:rPr>
          <w:sz w:val="22"/>
          <w:szCs w:val="22"/>
        </w:rPr>
        <w:t xml:space="preserve">The court considering applications brought under this chapter shall have the same jurisdiction as a court under chapter 14.3 of this title. </w:t>
      </w:r>
    </w:p>
    <w:p w14:paraId="7F186134" w14:textId="77777777" w:rsidR="00CF54CB" w:rsidRDefault="00344004">
      <w:pPr>
        <w:numPr>
          <w:ilvl w:val="0"/>
          <w:numId w:val="32"/>
        </w:numPr>
        <w:spacing w:after="4"/>
      </w:pPr>
      <w:r>
        <w:rPr>
          <w:sz w:val="22"/>
          <w:szCs w:val="22"/>
        </w:rPr>
        <w:t xml:space="preserve">Venue for all court proceedings under this chapter shall lie in the superior court for the county of Providence. </w:t>
      </w:r>
    </w:p>
    <w:p w14:paraId="6555FE5A" w14:textId="77777777" w:rsidR="00CF54CB" w:rsidRDefault="00344004">
      <w:pPr>
        <w:numPr>
          <w:ilvl w:val="0"/>
          <w:numId w:val="32"/>
        </w:numPr>
        <w:spacing w:after="4"/>
      </w:pPr>
      <w:r>
        <w:rPr>
          <w:sz w:val="22"/>
          <w:szCs w:val="22"/>
        </w:rPr>
        <w:t xml:space="preserve">The court may  issue any order, process, or judgment that is necessary or appropriate to carry out the provisions of this chapter. No provision of this chapter providing for the raising of an issue by a party in interest shall be construed to preclude the court from, on its own motion, taking any action or making any determination necessary or appropriate to enforce or implement court orders or rules, or to prevent an abuse of process. </w:t>
      </w:r>
    </w:p>
    <w:p w14:paraId="2F0BA347" w14:textId="77777777" w:rsidR="00CF54CB" w:rsidRDefault="00344004">
      <w:pPr>
        <w:spacing w:after="0" w:line="259" w:lineRule="auto"/>
        <w:ind w:left="91" w:firstLine="0"/>
        <w:jc w:val="left"/>
      </w:pPr>
      <w:r>
        <w:rPr>
          <w:sz w:val="22"/>
          <w:szCs w:val="22"/>
        </w:rPr>
        <w:t xml:space="preserve"> </w:t>
      </w:r>
    </w:p>
    <w:p w14:paraId="6C83B9CD" w14:textId="77777777" w:rsidR="00CF54CB" w:rsidRDefault="00344004">
      <w:pPr>
        <w:spacing w:after="4"/>
        <w:ind w:left="86" w:hanging="10"/>
      </w:pPr>
      <w:r>
        <w:rPr>
          <w:sz w:val="22"/>
          <w:szCs w:val="22"/>
        </w:rPr>
        <w:t xml:space="preserve">§ 27-14.5-3 Notice. </w:t>
      </w:r>
    </w:p>
    <w:p w14:paraId="147BD39A" w14:textId="77777777" w:rsidR="00CF54CB" w:rsidRDefault="00344004">
      <w:pPr>
        <w:numPr>
          <w:ilvl w:val="0"/>
          <w:numId w:val="33"/>
        </w:numPr>
        <w:spacing w:after="4"/>
        <w:ind w:hanging="360"/>
      </w:pPr>
      <w:r>
        <w:rPr>
          <w:sz w:val="22"/>
          <w:szCs w:val="22"/>
        </w:rPr>
        <w:t xml:space="preserve">Wherever in this chapter notice is required, the applicant shall, within ten (10) days of the event triggering the requirement, cause transmittal of the notice: </w:t>
      </w:r>
    </w:p>
    <w:p w14:paraId="6D718499" w14:textId="77777777" w:rsidR="00CF54CB" w:rsidRDefault="00344004">
      <w:pPr>
        <w:numPr>
          <w:ilvl w:val="1"/>
          <w:numId w:val="33"/>
        </w:numPr>
        <w:spacing w:after="4"/>
        <w:ind w:hanging="360"/>
      </w:pPr>
      <w:r>
        <w:rPr>
          <w:sz w:val="22"/>
          <w:szCs w:val="22"/>
        </w:rPr>
        <w:t xml:space="preserve">By first class mail and facsimile to the insurance regulator in each jurisdiction in which the applicant is doing business; </w:t>
      </w:r>
    </w:p>
    <w:p w14:paraId="36F8D0A0" w14:textId="77777777" w:rsidR="00CF54CB" w:rsidRDefault="00344004">
      <w:pPr>
        <w:numPr>
          <w:ilvl w:val="1"/>
          <w:numId w:val="33"/>
        </w:numPr>
        <w:spacing w:after="4"/>
        <w:ind w:hanging="360"/>
      </w:pPr>
      <w:r>
        <w:rPr>
          <w:sz w:val="22"/>
          <w:szCs w:val="22"/>
        </w:rPr>
        <w:lastRenderedPageBreak/>
        <w:t xml:space="preserve">By first class mail to all guarantee associations; </w:t>
      </w:r>
    </w:p>
    <w:p w14:paraId="02686B76" w14:textId="77777777" w:rsidR="00CF54CB" w:rsidRDefault="00344004">
      <w:pPr>
        <w:numPr>
          <w:ilvl w:val="1"/>
          <w:numId w:val="33"/>
        </w:numPr>
        <w:spacing w:after="4"/>
        <w:ind w:hanging="360"/>
      </w:pPr>
      <w:r>
        <w:rPr>
          <w:sz w:val="22"/>
          <w:szCs w:val="22"/>
        </w:rPr>
        <w:t xml:space="preserve">Pursuant to the notice provisions of reinsurance agreements or, where an agreement has no provision for notice, by first class mail to all reinsures of the applicant; </w:t>
      </w:r>
    </w:p>
    <w:p w14:paraId="7AEF3F77" w14:textId="77777777" w:rsidR="00CF54CB" w:rsidRDefault="00344004">
      <w:pPr>
        <w:numPr>
          <w:ilvl w:val="1"/>
          <w:numId w:val="33"/>
        </w:numPr>
        <w:spacing w:after="4"/>
        <w:ind w:hanging="360"/>
      </w:pPr>
      <w:r>
        <w:rPr>
          <w:sz w:val="22"/>
          <w:szCs w:val="22"/>
        </w:rPr>
        <w:t xml:space="preserve">By first class mail to all insurance agents or insurance producers of the applicant; </w:t>
      </w:r>
    </w:p>
    <w:p w14:paraId="4762C1E0" w14:textId="77777777" w:rsidR="00CF54CB" w:rsidRDefault="00344004">
      <w:pPr>
        <w:numPr>
          <w:ilvl w:val="1"/>
          <w:numId w:val="33"/>
        </w:numPr>
        <w:spacing w:after="4"/>
        <w:ind w:hanging="360"/>
      </w:pPr>
      <w:r>
        <w:rPr>
          <w:sz w:val="22"/>
          <w:szCs w:val="22"/>
        </w:rPr>
        <w:t xml:space="preserve">By first class mail to all persons known or reasonably expected to have claims against the applicant including all policyholders, at their last known address as indicated by the records of the applicant; </w:t>
      </w:r>
    </w:p>
    <w:p w14:paraId="32B492B5" w14:textId="77777777" w:rsidR="00CF54CB" w:rsidRDefault="00344004">
      <w:pPr>
        <w:numPr>
          <w:ilvl w:val="1"/>
          <w:numId w:val="33"/>
        </w:numPr>
        <w:spacing w:after="4"/>
        <w:ind w:hanging="360"/>
      </w:pPr>
      <w:r>
        <w:rPr>
          <w:sz w:val="22"/>
          <w:szCs w:val="22"/>
        </w:rPr>
        <w:t xml:space="preserve">By first class mail to federal, state, and local government agencies and instrumentalities as their interests may arise; and </w:t>
      </w:r>
    </w:p>
    <w:p w14:paraId="546CE58C" w14:textId="77777777" w:rsidR="00CF54CB" w:rsidRDefault="00344004">
      <w:pPr>
        <w:numPr>
          <w:ilvl w:val="1"/>
          <w:numId w:val="33"/>
        </w:numPr>
        <w:spacing w:after="4"/>
        <w:ind w:hanging="360"/>
      </w:pPr>
      <w:r>
        <w:rPr>
          <w:sz w:val="22"/>
          <w:szCs w:val="22"/>
        </w:rPr>
        <w:t xml:space="preserve">By publication in a newspaper of general circulation in the state in which the applicant has its principal place of business and in any other locations that the court overseeing the proceeding deems appropriate. </w:t>
      </w:r>
    </w:p>
    <w:p w14:paraId="70AF03BF" w14:textId="77777777" w:rsidR="00CF54CB" w:rsidRDefault="00344004">
      <w:pPr>
        <w:numPr>
          <w:ilvl w:val="0"/>
          <w:numId w:val="33"/>
        </w:numPr>
        <w:spacing w:after="4"/>
        <w:ind w:hanging="360"/>
      </w:pPr>
      <w:r>
        <w:rPr>
          <w:sz w:val="22"/>
          <w:szCs w:val="22"/>
        </w:rPr>
        <w:t xml:space="preserve">If notice is given in accordance with this section, any orders under this chapter shall be conclusive with respect to all claimants and policyholders, whether or not they received notice. </w:t>
      </w:r>
    </w:p>
    <w:p w14:paraId="052FB911" w14:textId="77777777" w:rsidR="00CF54CB" w:rsidRDefault="00344004">
      <w:pPr>
        <w:numPr>
          <w:ilvl w:val="0"/>
          <w:numId w:val="33"/>
        </w:numPr>
        <w:spacing w:after="4"/>
        <w:ind w:hanging="360"/>
      </w:pPr>
      <w:r>
        <w:rPr>
          <w:sz w:val="22"/>
          <w:szCs w:val="22"/>
        </w:rPr>
        <w:t xml:space="preserve">Where this chapter requires that the applicant provide notice but the commissioner has been named receiver of the applicant, the commissioner shall provide the required notice. </w:t>
      </w:r>
    </w:p>
    <w:p w14:paraId="12DB6C43" w14:textId="77777777" w:rsidR="00CF54CB" w:rsidRDefault="00344004">
      <w:pPr>
        <w:spacing w:after="0" w:line="259" w:lineRule="auto"/>
        <w:ind w:left="91" w:firstLine="0"/>
        <w:jc w:val="left"/>
      </w:pPr>
      <w:r>
        <w:t xml:space="preserve"> </w:t>
      </w:r>
    </w:p>
    <w:p w14:paraId="06D50AD4" w14:textId="77777777" w:rsidR="00CF54CB" w:rsidRDefault="00344004">
      <w:pPr>
        <w:spacing w:after="4"/>
        <w:ind w:left="86" w:hanging="10"/>
      </w:pPr>
      <w:r>
        <w:rPr>
          <w:sz w:val="22"/>
          <w:szCs w:val="22"/>
        </w:rPr>
        <w:t xml:space="preserve">§ 27-14.5-4 Commutation plans. </w:t>
      </w:r>
    </w:p>
    <w:p w14:paraId="360D1B3E" w14:textId="77777777" w:rsidR="00CF54CB" w:rsidRDefault="00344004">
      <w:pPr>
        <w:spacing w:after="4"/>
        <w:ind w:left="435" w:hanging="359"/>
      </w:pPr>
      <w:r>
        <w:rPr>
          <w:i/>
          <w:sz w:val="22"/>
          <w:szCs w:val="22"/>
        </w:rPr>
        <w:t>(a)</w:t>
      </w:r>
      <w:r>
        <w:rPr>
          <w:rFonts w:ascii="Arial" w:eastAsia="Arial" w:hAnsi="Arial" w:cs="Arial"/>
          <w:i/>
          <w:sz w:val="22"/>
          <w:szCs w:val="22"/>
        </w:rPr>
        <w:t xml:space="preserve"> </w:t>
      </w:r>
      <w:r>
        <w:rPr>
          <w:i/>
          <w:sz w:val="22"/>
          <w:szCs w:val="22"/>
        </w:rPr>
        <w:t xml:space="preserve">Application. </w:t>
      </w:r>
      <w:r>
        <w:rPr>
          <w:sz w:val="22"/>
          <w:szCs w:val="22"/>
        </w:rPr>
        <w:t xml:space="preserve">Any commercial run-off insurer may apply to the court for an order implementing a commutation plan. </w:t>
      </w:r>
    </w:p>
    <w:p w14:paraId="2FDAE427" w14:textId="77777777" w:rsidR="00CF54CB" w:rsidRDefault="00344004">
      <w:pPr>
        <w:numPr>
          <w:ilvl w:val="0"/>
          <w:numId w:val="38"/>
        </w:numPr>
        <w:spacing w:after="4"/>
        <w:ind w:hanging="360"/>
      </w:pPr>
      <w:r>
        <w:rPr>
          <w:sz w:val="22"/>
          <w:szCs w:val="22"/>
        </w:rPr>
        <w:t xml:space="preserve">The applicant shall give notice of the application and proposed commutation plan. </w:t>
      </w:r>
    </w:p>
    <w:p w14:paraId="7B6F82B5" w14:textId="77777777" w:rsidR="00CF54CB" w:rsidRDefault="00344004">
      <w:pPr>
        <w:numPr>
          <w:ilvl w:val="0"/>
          <w:numId w:val="38"/>
        </w:numPr>
        <w:spacing w:after="4"/>
        <w:ind w:hanging="360"/>
      </w:pPr>
      <w:r>
        <w:rPr>
          <w:sz w:val="22"/>
          <w:szCs w:val="22"/>
        </w:rPr>
        <w:t xml:space="preserve">All creditors shall be given the opportunity to vote on the plan. </w:t>
      </w:r>
    </w:p>
    <w:p w14:paraId="7FF65216" w14:textId="77777777" w:rsidR="00CF54CB" w:rsidRDefault="00344004">
      <w:pPr>
        <w:numPr>
          <w:ilvl w:val="0"/>
          <w:numId w:val="38"/>
        </w:numPr>
        <w:spacing w:after="4"/>
        <w:ind w:hanging="360"/>
      </w:pPr>
      <w:r>
        <w:rPr>
          <w:sz w:val="22"/>
          <w:szCs w:val="22"/>
        </w:rPr>
        <w:t xml:space="preserve">All creditors, assumption policyholders, reinsurers, and guaranty associations shall be provided with access to the same information relating to the proposed plan and shall be given the opportunity to file comments or objections with the court. </w:t>
      </w:r>
    </w:p>
    <w:p w14:paraId="27B80B68" w14:textId="77777777" w:rsidR="00CF54CB" w:rsidRDefault="00344004">
      <w:pPr>
        <w:numPr>
          <w:ilvl w:val="0"/>
          <w:numId w:val="38"/>
        </w:numPr>
        <w:spacing w:after="4"/>
        <w:ind w:hanging="360"/>
      </w:pPr>
      <w:r>
        <w:rPr>
          <w:sz w:val="22"/>
          <w:szCs w:val="22"/>
        </w:rPr>
        <w:t xml:space="preserve">Approval of a commutation plan requires consent of: (i) fifty percent (50%) of each class of creditors; and (ii) the holders of seventy-five percent (75%) in value of the liabilities owed to each class of creditors. </w:t>
      </w:r>
    </w:p>
    <w:p w14:paraId="5A9A6088" w14:textId="77777777" w:rsidR="00CF54CB" w:rsidRDefault="00344004">
      <w:pPr>
        <w:numPr>
          <w:ilvl w:val="0"/>
          <w:numId w:val="34"/>
        </w:numPr>
        <w:spacing w:after="4"/>
        <w:ind w:hanging="360"/>
      </w:pPr>
      <w:r>
        <w:rPr>
          <w:sz w:val="22"/>
          <w:szCs w:val="22"/>
        </w:rPr>
        <w:t xml:space="preserve">The court shall enter an implementation order if: (i) the plan is approved under subdivision (b)(4) of this section; and (ii) the court determines that implementation of the commutation plan would not materially adversely affect either the interests of objecting creditors or the interests of assumption policyholders. </w:t>
      </w:r>
    </w:p>
    <w:p w14:paraId="6F7633BF" w14:textId="77777777" w:rsidR="00CF54CB" w:rsidRDefault="00344004">
      <w:pPr>
        <w:numPr>
          <w:ilvl w:val="0"/>
          <w:numId w:val="34"/>
        </w:numPr>
        <w:spacing w:after="4"/>
        <w:ind w:hanging="360"/>
      </w:pPr>
      <w:r>
        <w:rPr>
          <w:sz w:val="22"/>
          <w:szCs w:val="22"/>
        </w:rPr>
        <w:t xml:space="preserve">The implementation order shall: </w:t>
      </w:r>
    </w:p>
    <w:p w14:paraId="24AC0745" w14:textId="77777777" w:rsidR="00CF54CB" w:rsidRDefault="00344004">
      <w:pPr>
        <w:numPr>
          <w:ilvl w:val="1"/>
          <w:numId w:val="34"/>
        </w:numPr>
        <w:spacing w:after="63"/>
        <w:ind w:hanging="360"/>
      </w:pPr>
      <w:r>
        <w:rPr>
          <w:sz w:val="22"/>
          <w:szCs w:val="22"/>
        </w:rPr>
        <w:t xml:space="preserve">Order implementation of the commutation plan; </w:t>
      </w:r>
    </w:p>
    <w:p w14:paraId="769FB6A8" w14:textId="77777777" w:rsidR="00CF54CB" w:rsidRDefault="00344004">
      <w:pPr>
        <w:numPr>
          <w:ilvl w:val="1"/>
          <w:numId w:val="34"/>
        </w:numPr>
        <w:spacing w:after="4"/>
        <w:ind w:hanging="360"/>
      </w:pPr>
      <w:r>
        <w:rPr>
          <w:sz w:val="22"/>
          <w:szCs w:val="22"/>
        </w:rPr>
        <w:t xml:space="preserve">Subject to any limitations in the commutation plan, enjoin all litigation in all jurisdictions between the applicant and creditors other than with the leave of the court; </w:t>
      </w:r>
    </w:p>
    <w:p w14:paraId="682F4E01" w14:textId="77777777" w:rsidR="00CF54CB" w:rsidRDefault="00344004">
      <w:pPr>
        <w:numPr>
          <w:ilvl w:val="1"/>
          <w:numId w:val="34"/>
        </w:numPr>
        <w:spacing w:after="4"/>
        <w:ind w:hanging="360"/>
      </w:pPr>
      <w:r>
        <w:rPr>
          <w:sz w:val="22"/>
          <w:szCs w:val="22"/>
        </w:rPr>
        <w:t xml:space="preserve">Require all creditors to submit information requested by the bar date specified in the plan; </w:t>
      </w:r>
    </w:p>
    <w:p w14:paraId="79D069AE" w14:textId="77777777" w:rsidR="00CF54CB" w:rsidRDefault="00344004">
      <w:pPr>
        <w:numPr>
          <w:ilvl w:val="1"/>
          <w:numId w:val="34"/>
        </w:numPr>
        <w:spacing w:after="4"/>
        <w:ind w:hanging="360"/>
      </w:pPr>
      <w:r>
        <w:rPr>
          <w:sz w:val="22"/>
          <w:szCs w:val="22"/>
        </w:rPr>
        <w:t xml:space="preserve">Require that upon a noticed application, the applicant obtain court approval before making any payments to creditors other than, to the extent permitted under the commutation plan, payments in theo rdinary course of business, this approval to be based upon a showing that the applicant’s assets exceed the payments required under the terms of the commutation plan as determined based upon the information submitted by creditors under paragraph (iii) of this subdivision; </w:t>
      </w:r>
    </w:p>
    <w:p w14:paraId="4B7338F0" w14:textId="77777777" w:rsidR="00CF54CB" w:rsidRDefault="00344004">
      <w:pPr>
        <w:numPr>
          <w:ilvl w:val="1"/>
          <w:numId w:val="34"/>
        </w:numPr>
        <w:spacing w:after="4"/>
        <w:ind w:hanging="360"/>
      </w:pPr>
      <w:r>
        <w:rPr>
          <w:sz w:val="22"/>
          <w:szCs w:val="22"/>
        </w:rPr>
        <w:t xml:space="preserve">Release the applicant of all obligations to its creditors upon payment of the amounts specified in the commutation plan; </w:t>
      </w:r>
    </w:p>
    <w:p w14:paraId="1E5C2B6D" w14:textId="77777777" w:rsidR="00CF54CB" w:rsidRDefault="00344004">
      <w:pPr>
        <w:numPr>
          <w:ilvl w:val="1"/>
          <w:numId w:val="34"/>
        </w:numPr>
        <w:spacing w:after="4"/>
        <w:ind w:hanging="360"/>
      </w:pPr>
      <w:r>
        <w:rPr>
          <w:sz w:val="22"/>
          <w:szCs w:val="22"/>
        </w:rPr>
        <w:t xml:space="preserve">Require quarterly reports from the applicant to the court and commissioner regarding progress in implementing the plan; and </w:t>
      </w:r>
    </w:p>
    <w:p w14:paraId="50FABF13" w14:textId="77777777" w:rsidR="00CF54CB" w:rsidRDefault="00344004">
      <w:pPr>
        <w:numPr>
          <w:ilvl w:val="1"/>
          <w:numId w:val="34"/>
        </w:numPr>
        <w:spacing w:after="4"/>
        <w:ind w:hanging="360"/>
      </w:pPr>
      <w:r>
        <w:rPr>
          <w:sz w:val="22"/>
          <w:szCs w:val="22"/>
        </w:rPr>
        <w:lastRenderedPageBreak/>
        <w:t xml:space="preserve">Be binding upon the applicant and upon all creditors and owners of the applicant, whether or not a particular creditor or owner is affected by the commutation plan or has accepted it or has filed any information on or before the bar date, and whether or not a creditor or owner ultimately receives any payments under the plan. </w:t>
      </w:r>
    </w:p>
    <w:p w14:paraId="3E812ADF" w14:textId="77777777" w:rsidR="00CF54CB" w:rsidRDefault="00344004">
      <w:pPr>
        <w:numPr>
          <w:ilvl w:val="0"/>
          <w:numId w:val="34"/>
        </w:numPr>
        <w:spacing w:after="4"/>
        <w:ind w:hanging="360"/>
      </w:pPr>
      <w:r>
        <w:rPr>
          <w:sz w:val="22"/>
          <w:szCs w:val="22"/>
        </w:rPr>
        <w:t xml:space="preserve">The applicant shall give notice of entry of the order. </w:t>
      </w:r>
    </w:p>
    <w:p w14:paraId="7C568739" w14:textId="77777777" w:rsidR="00CF54CB" w:rsidRDefault="00344004">
      <w:pPr>
        <w:numPr>
          <w:ilvl w:val="0"/>
          <w:numId w:val="36"/>
        </w:numPr>
        <w:spacing w:after="4"/>
        <w:ind w:hanging="360"/>
      </w:pPr>
      <w:r>
        <w:rPr>
          <w:sz w:val="22"/>
          <w:szCs w:val="22"/>
        </w:rPr>
        <w:t xml:space="preserve">Upon completion of the commutation plan, the applicant shall advise the court. </w:t>
      </w:r>
    </w:p>
    <w:p w14:paraId="1E8E8A39" w14:textId="77777777" w:rsidR="00CF54CB" w:rsidRDefault="00344004">
      <w:pPr>
        <w:numPr>
          <w:ilvl w:val="0"/>
          <w:numId w:val="36"/>
        </w:numPr>
        <w:spacing w:after="4"/>
        <w:ind w:hanging="360"/>
      </w:pPr>
      <w:r>
        <w:rPr>
          <w:sz w:val="22"/>
          <w:szCs w:val="22"/>
        </w:rPr>
        <w:t xml:space="preserve">The court shall then enter an order that: </w:t>
      </w:r>
    </w:p>
    <w:p w14:paraId="5D597191" w14:textId="77777777" w:rsidR="00CF54CB" w:rsidRDefault="00344004">
      <w:pPr>
        <w:numPr>
          <w:ilvl w:val="1"/>
          <w:numId w:val="34"/>
        </w:numPr>
        <w:spacing w:after="4"/>
        <w:ind w:hanging="360"/>
      </w:pPr>
      <w:r>
        <w:rPr>
          <w:sz w:val="22"/>
          <w:szCs w:val="22"/>
        </w:rPr>
        <w:t xml:space="preserve">Is effective upon filing with the court proof that the applicant has provided notice of entry of the order; </w:t>
      </w:r>
    </w:p>
    <w:p w14:paraId="4B669EBE" w14:textId="77777777" w:rsidR="00CF54CB" w:rsidRDefault="00344004">
      <w:pPr>
        <w:numPr>
          <w:ilvl w:val="1"/>
          <w:numId w:val="34"/>
        </w:numPr>
        <w:spacing w:after="4"/>
        <w:ind w:hanging="360"/>
      </w:pPr>
      <w:r>
        <w:rPr>
          <w:sz w:val="22"/>
          <w:szCs w:val="22"/>
        </w:rPr>
        <w:t xml:space="preserve">Transfers those liabilities subject to an assumption reinsurance agreement to the assumption reinsurer, thereby notating the original policy by substituting the assumption reinsurer for the applicant and releasing the applicant of any liability relating to the transferred liabilities; </w:t>
      </w:r>
    </w:p>
    <w:p w14:paraId="3AE4BB69" w14:textId="77777777" w:rsidR="00CF54CB" w:rsidRDefault="00344004">
      <w:pPr>
        <w:numPr>
          <w:ilvl w:val="1"/>
          <w:numId w:val="34"/>
        </w:numPr>
        <w:spacing w:after="4"/>
        <w:ind w:hanging="360"/>
      </w:pPr>
      <w:r>
        <w:rPr>
          <w:sz w:val="22"/>
          <w:szCs w:val="22"/>
        </w:rPr>
        <w:t xml:space="preserve">Assigns each assumption reinsurer the benefit of reinsurance on transferred liabilities, except that the assignment shall only be effective upon the consent of the reinsurer if either: </w:t>
      </w:r>
    </w:p>
    <w:p w14:paraId="73F6838F" w14:textId="77777777" w:rsidR="00CF54CB" w:rsidRDefault="00344004">
      <w:pPr>
        <w:numPr>
          <w:ilvl w:val="2"/>
          <w:numId w:val="34"/>
        </w:numPr>
        <w:spacing w:after="4"/>
        <w:ind w:right="1289" w:firstLine="360"/>
      </w:pPr>
      <w:r>
        <w:rPr>
          <w:sz w:val="22"/>
          <w:szCs w:val="22"/>
        </w:rPr>
        <w:t xml:space="preserve">The reinsurance contract requires that consent; or </w:t>
      </w:r>
    </w:p>
    <w:p w14:paraId="5321EBAD" w14:textId="77777777" w:rsidR="00CF54CB" w:rsidRDefault="00344004">
      <w:pPr>
        <w:numPr>
          <w:ilvl w:val="2"/>
          <w:numId w:val="34"/>
        </w:numPr>
        <w:spacing w:after="4"/>
        <w:ind w:right="1289" w:firstLine="360"/>
      </w:pPr>
      <w:r>
        <w:rPr>
          <w:sz w:val="22"/>
          <w:szCs w:val="22"/>
        </w:rPr>
        <w:t>The consent would otherwise be required under applicable law; and (iv)</w:t>
      </w:r>
      <w:r>
        <w:rPr>
          <w:rFonts w:ascii="Arial" w:eastAsia="Arial" w:hAnsi="Arial" w:cs="Arial"/>
          <w:sz w:val="22"/>
          <w:szCs w:val="22"/>
        </w:rPr>
        <w:t xml:space="preserve"> </w:t>
      </w:r>
      <w:r>
        <w:rPr>
          <w:sz w:val="22"/>
          <w:szCs w:val="22"/>
        </w:rPr>
        <w:t xml:space="preserve">Either: </w:t>
      </w:r>
    </w:p>
    <w:p w14:paraId="575B26E2" w14:textId="77777777" w:rsidR="00CF54CB" w:rsidRDefault="00344004">
      <w:pPr>
        <w:spacing w:after="4"/>
        <w:ind w:left="1181" w:right="1973" w:hanging="10"/>
      </w:pPr>
      <w:r>
        <w:rPr>
          <w:sz w:val="22"/>
          <w:szCs w:val="22"/>
        </w:rPr>
        <w:t>(A)</w:t>
      </w:r>
      <w:r>
        <w:rPr>
          <w:rFonts w:ascii="Arial" w:eastAsia="Arial" w:hAnsi="Arial" w:cs="Arial"/>
          <w:sz w:val="22"/>
          <w:szCs w:val="22"/>
        </w:rPr>
        <w:t xml:space="preserve"> </w:t>
      </w:r>
      <w:r>
        <w:rPr>
          <w:sz w:val="22"/>
          <w:szCs w:val="22"/>
        </w:rPr>
        <w:t>The applicant be discharged from the proceeding without any liabilities; or (B)</w:t>
      </w:r>
      <w:r>
        <w:rPr>
          <w:rFonts w:ascii="Arial" w:eastAsia="Arial" w:hAnsi="Arial" w:cs="Arial"/>
          <w:sz w:val="22"/>
          <w:szCs w:val="22"/>
        </w:rPr>
        <w:t xml:space="preserve"> </w:t>
      </w:r>
      <w:r>
        <w:rPr>
          <w:sz w:val="22"/>
          <w:szCs w:val="22"/>
        </w:rPr>
        <w:t xml:space="preserve">The applicant be dissolved. </w:t>
      </w:r>
    </w:p>
    <w:p w14:paraId="5EEFA08A" w14:textId="77777777" w:rsidR="00CF54CB" w:rsidRDefault="00344004">
      <w:pPr>
        <w:spacing w:after="4"/>
        <w:ind w:left="461" w:hanging="10"/>
      </w:pPr>
      <w:r>
        <w:rPr>
          <w:sz w:val="22"/>
          <w:szCs w:val="22"/>
        </w:rPr>
        <w:t>(3)</w:t>
      </w:r>
      <w:r>
        <w:rPr>
          <w:rFonts w:ascii="Arial" w:eastAsia="Arial" w:hAnsi="Arial" w:cs="Arial"/>
          <w:sz w:val="22"/>
          <w:szCs w:val="22"/>
        </w:rPr>
        <w:t xml:space="preserve"> </w:t>
      </w:r>
      <w:r>
        <w:rPr>
          <w:sz w:val="22"/>
          <w:szCs w:val="22"/>
        </w:rPr>
        <w:t xml:space="preserve">The applicant shall provide notice of entry of the order. </w:t>
      </w:r>
    </w:p>
    <w:p w14:paraId="29EEB250" w14:textId="77777777" w:rsidR="00CF54CB" w:rsidRDefault="00344004">
      <w:pPr>
        <w:numPr>
          <w:ilvl w:val="0"/>
          <w:numId w:val="40"/>
        </w:numPr>
        <w:spacing w:after="4"/>
        <w:ind w:hanging="10"/>
      </w:pPr>
      <w:r>
        <w:rPr>
          <w:i/>
          <w:sz w:val="22"/>
          <w:szCs w:val="22"/>
        </w:rPr>
        <w:t xml:space="preserve">Reinsurance. </w:t>
      </w:r>
      <w:r>
        <w:rPr>
          <w:sz w:val="22"/>
          <w:szCs w:val="22"/>
        </w:rPr>
        <w:t xml:space="preserve">Nothing in this chapter shall be construed as authorizing the applicant, or any other entity, to compel payment from a reinsurer on the basis of estimated incurred but not reported losses or loss expenses, or case reserves for unpaid losses and loss expenses. </w:t>
      </w:r>
    </w:p>
    <w:p w14:paraId="453B7B48" w14:textId="77777777" w:rsidR="00CF54CB" w:rsidRDefault="00344004">
      <w:pPr>
        <w:numPr>
          <w:ilvl w:val="0"/>
          <w:numId w:val="40"/>
        </w:numPr>
        <w:spacing w:after="4"/>
        <w:ind w:hanging="10"/>
      </w:pPr>
      <w:r>
        <w:rPr>
          <w:i/>
          <w:sz w:val="22"/>
          <w:szCs w:val="22"/>
        </w:rPr>
        <w:t xml:space="preserve">Modifications to plan. </w:t>
      </w:r>
      <w:r>
        <w:rPr>
          <w:sz w:val="22"/>
          <w:szCs w:val="22"/>
        </w:rPr>
        <w:t xml:space="preserve">After provision of notice and an opportunity to object, and upon a showing that some material factor in approving the plan has changed, the court may modify or change a commutation plan, except that upon entry of an order under subdivision (d)(2) of this section, there shall be no recourse against the applicant’s owners absent a showing of fraud. </w:t>
      </w:r>
    </w:p>
    <w:p w14:paraId="15F5594B" w14:textId="77777777" w:rsidR="00CF54CB" w:rsidRDefault="00344004">
      <w:pPr>
        <w:numPr>
          <w:ilvl w:val="1"/>
          <w:numId w:val="40"/>
        </w:numPr>
        <w:spacing w:after="4"/>
        <w:ind w:hanging="360"/>
      </w:pPr>
      <w:r>
        <w:rPr>
          <w:sz w:val="22"/>
          <w:szCs w:val="22"/>
        </w:rPr>
        <w:t xml:space="preserve">The commissioner and guaranty funds shall have the right to intervene in any and all proceedings under this section; provided, that notwithstanding any provision of title 27, any action taken by a commercial run-off insurer to restructure pursuant to chapter 14.5, including the formation or re-activation of an insurance company for the sole purpose of entering into a voluntary restructuring shall not affect the guaranty fund coverage existing on the business of such commercial run-off insurer prior to the taking of such action. </w:t>
      </w:r>
    </w:p>
    <w:p w14:paraId="006F4773" w14:textId="77777777" w:rsidR="00CF54CB" w:rsidRDefault="00344004">
      <w:pPr>
        <w:numPr>
          <w:ilvl w:val="1"/>
          <w:numId w:val="40"/>
        </w:numPr>
        <w:spacing w:after="4"/>
        <w:ind w:hanging="360"/>
      </w:pPr>
      <w:r>
        <w:rPr>
          <w:sz w:val="22"/>
          <w:szCs w:val="22"/>
        </w:rPr>
        <w:t xml:space="preserve">If, at any time, the conditions for placing an insurer in rehabilitation or liquidation specified in chapter 14.3 of this title exist, the commissioner may request and, upon a proper showing, the court shall order that the commissioner be named statutory receiver of the applicant. </w:t>
      </w:r>
    </w:p>
    <w:p w14:paraId="4814B8E7" w14:textId="77777777" w:rsidR="00CF54CB" w:rsidRDefault="00344004">
      <w:pPr>
        <w:numPr>
          <w:ilvl w:val="1"/>
          <w:numId w:val="40"/>
        </w:numPr>
        <w:spacing w:after="4"/>
        <w:ind w:hanging="360"/>
      </w:pPr>
      <w:r>
        <w:rPr>
          <w:sz w:val="22"/>
          <w:szCs w:val="22"/>
        </w:rPr>
        <w:t xml:space="preserve">If no implementation order has been entered, then upon being named receiver, the commissioner may request, and if requested, the court shall order, that the proceeding under this chapter be converted to a rehabilitation or liquidation pursuant to chapter 14.3 of this title. If an implementation order has already been entered, then the court may order a conversion upon a showing that some material factor in approving the original order has changed. </w:t>
      </w:r>
    </w:p>
    <w:p w14:paraId="5E06639D" w14:textId="77777777" w:rsidR="00CF54CB" w:rsidRDefault="00344004">
      <w:pPr>
        <w:numPr>
          <w:ilvl w:val="1"/>
          <w:numId w:val="40"/>
        </w:numPr>
        <w:spacing w:after="4"/>
        <w:ind w:hanging="360"/>
      </w:pPr>
      <w:r>
        <w:rPr>
          <w:sz w:val="22"/>
          <w:szCs w:val="22"/>
        </w:rPr>
        <w:t>he commissioner, any creditor, or the court on its own motion may move to have the commissioner named as receiver. The court may enter such an order only upon finding either that one or more grounds for rehabilitation or liquidation specified in chapter 14.3 of this title exist or that the applicant has materially failed to follow the commutation plan or any other court instructions.</w:t>
      </w:r>
    </w:p>
    <w:p w14:paraId="36286058" w14:textId="77777777" w:rsidR="00CF54CB" w:rsidRDefault="00344004">
      <w:pPr>
        <w:numPr>
          <w:ilvl w:val="1"/>
          <w:numId w:val="40"/>
        </w:numPr>
        <w:spacing w:after="285"/>
        <w:ind w:hanging="360"/>
      </w:pPr>
      <w:r>
        <w:rPr>
          <w:sz w:val="22"/>
          <w:szCs w:val="22"/>
        </w:rPr>
        <w:t>Unless and until the commissioner is named receiver, the board of directors or other controlling body of the applicant shall remain in control of the applicant.</w:t>
      </w:r>
    </w:p>
    <w:p w14:paraId="4604CF6F" w14:textId="77777777" w:rsidR="00CF54CB" w:rsidRDefault="00344004">
      <w:pPr>
        <w:spacing w:after="205" w:line="259" w:lineRule="auto"/>
        <w:ind w:left="91" w:firstLine="0"/>
        <w:jc w:val="left"/>
      </w:pPr>
      <w:r>
        <w:rPr>
          <w:sz w:val="22"/>
          <w:szCs w:val="22"/>
        </w:rPr>
        <w:lastRenderedPageBreak/>
        <w:t xml:space="preserve">RI Regulation 68 – </w:t>
      </w:r>
      <w:hyperlink r:id="rId43">
        <w:r>
          <w:rPr>
            <w:b/>
            <w:color w:val="344EA2"/>
            <w:u w:val="single"/>
          </w:rPr>
          <w:t>www.dbr.state.ri.us/documents/rules/insurance/InsuranceRegulation68.pdf</w:t>
        </w:r>
      </w:hyperlink>
      <w:hyperlink r:id="rId44">
        <w:r>
          <w:rPr>
            <w:b/>
            <w:color w:val="344EA2"/>
          </w:rPr>
          <w:t xml:space="preserve"> </w:t>
        </w:r>
      </w:hyperlink>
    </w:p>
    <w:p w14:paraId="4196A965" w14:textId="77777777" w:rsidR="00CF54CB" w:rsidRDefault="00344004">
      <w:pPr>
        <w:spacing w:after="4"/>
        <w:ind w:left="86" w:hanging="10"/>
      </w:pPr>
      <w:r>
        <w:rPr>
          <w:sz w:val="22"/>
          <w:szCs w:val="22"/>
        </w:rPr>
        <w:t xml:space="preserve">Section 2 </w:t>
      </w:r>
      <w:r>
        <w:rPr>
          <w:i/>
          <w:sz w:val="22"/>
          <w:szCs w:val="22"/>
        </w:rPr>
        <w:t xml:space="preserve">Purpose </w:t>
      </w:r>
    </w:p>
    <w:p w14:paraId="4BED59E3" w14:textId="77777777" w:rsidR="00CF54CB" w:rsidRDefault="00344004">
      <w:pPr>
        <w:spacing w:after="320"/>
        <w:ind w:left="86" w:hanging="10"/>
      </w:pPr>
      <w:r>
        <w:rPr>
          <w:sz w:val="22"/>
          <w:szCs w:val="22"/>
        </w:rPr>
        <w:t xml:space="preserve">The purpose of this Regulation is to outline the procedural requirements for insurance companies applying for the implementation of a Commutation Plan pursuant to R.I. Gen. Laws § 27-14.5-1, </w:t>
      </w:r>
      <w:r>
        <w:rPr>
          <w:i/>
          <w:sz w:val="22"/>
          <w:szCs w:val="22"/>
        </w:rPr>
        <w:t>et seq</w:t>
      </w:r>
      <w:r>
        <w:rPr>
          <w:sz w:val="22"/>
          <w:szCs w:val="22"/>
        </w:rPr>
        <w:t xml:space="preserve">. and related matters. </w:t>
      </w:r>
    </w:p>
    <w:p w14:paraId="6B9E3D44" w14:textId="77777777" w:rsidR="00CF54CB" w:rsidRDefault="00344004">
      <w:pPr>
        <w:spacing w:after="335" w:line="473" w:lineRule="auto"/>
        <w:ind w:left="451" w:right="59" w:firstLine="710"/>
        <w:jc w:val="left"/>
      </w:pPr>
      <w:r>
        <w:rPr>
          <w:b/>
        </w:rPr>
        <w:t>4.</w:t>
      </w:r>
      <w:r>
        <w:rPr>
          <w:b/>
        </w:rPr>
        <w:tab/>
        <w:t>P</w:t>
      </w:r>
      <w:r>
        <w:rPr>
          <w:b/>
          <w:sz w:val="19"/>
          <w:szCs w:val="19"/>
        </w:rPr>
        <w:t xml:space="preserve">ART </w:t>
      </w:r>
      <w:r>
        <w:rPr>
          <w:b/>
        </w:rPr>
        <w:t xml:space="preserve">VII </w:t>
      </w:r>
      <w:r>
        <w:rPr>
          <w:b/>
          <w:sz w:val="19"/>
          <w:szCs w:val="19"/>
        </w:rPr>
        <w:t xml:space="preserve">OF THE </w:t>
      </w:r>
      <w:r>
        <w:rPr>
          <w:b/>
        </w:rPr>
        <w:t>F</w:t>
      </w:r>
      <w:r>
        <w:rPr>
          <w:b/>
          <w:sz w:val="19"/>
          <w:szCs w:val="19"/>
        </w:rPr>
        <w:t xml:space="preserve">INANCIAL </w:t>
      </w:r>
      <w:r>
        <w:rPr>
          <w:b/>
        </w:rPr>
        <w:t>S</w:t>
      </w:r>
      <w:r>
        <w:rPr>
          <w:b/>
          <w:sz w:val="19"/>
          <w:szCs w:val="19"/>
        </w:rPr>
        <w:t xml:space="preserve">ERVICES AND </w:t>
      </w:r>
      <w:r>
        <w:rPr>
          <w:b/>
        </w:rPr>
        <w:t>M</w:t>
      </w:r>
      <w:r>
        <w:rPr>
          <w:b/>
          <w:sz w:val="19"/>
          <w:szCs w:val="19"/>
        </w:rPr>
        <w:t xml:space="preserve">ARKETS </w:t>
      </w:r>
      <w:r>
        <w:rPr>
          <w:b/>
        </w:rPr>
        <w:t>A</w:t>
      </w:r>
      <w:r>
        <w:rPr>
          <w:b/>
          <w:sz w:val="19"/>
          <w:szCs w:val="19"/>
        </w:rPr>
        <w:t xml:space="preserve">CT </w:t>
      </w:r>
      <w:r>
        <w:rPr>
          <w:b/>
        </w:rPr>
        <w:t xml:space="preserve">2000 (FSMA) </w:t>
      </w:r>
      <w:hyperlink r:id="rId45">
        <w:r>
          <w:rPr>
            <w:color w:val="0563C1"/>
            <w:u w:val="single"/>
          </w:rPr>
          <w:t>www.opsi.gov.uk/acts/acts2000/ukpga_20000008_en_1</w:t>
        </w:r>
      </w:hyperlink>
      <w:hyperlink r:id="rId46">
        <w:r>
          <w:t xml:space="preserve"> </w:t>
        </w:r>
      </w:hyperlink>
      <w:hyperlink r:id="rId47">
        <w:r>
          <w:t xml:space="preserve">http://fsahandbook.info/FSA/html/handbook/SUP/18 </w:t>
        </w:r>
      </w:hyperlink>
      <w:r>
        <w:t xml:space="preserve"> </w:t>
      </w:r>
      <w:hyperlink r:id="rId48">
        <w:r>
          <w:t xml:space="preserve">http://fsahandbook.info/FSA/html/handbook/PRIN </w:t>
        </w:r>
      </w:hyperlink>
    </w:p>
    <w:p w14:paraId="30A157CF" w14:textId="77777777" w:rsidR="00CF54CB" w:rsidRDefault="00344004">
      <w:pPr>
        <w:spacing w:after="187" w:line="259" w:lineRule="auto"/>
        <w:ind w:left="101" w:hanging="10"/>
        <w:jc w:val="left"/>
      </w:pPr>
      <w:r>
        <w:rPr>
          <w:b/>
          <w:sz w:val="28"/>
          <w:szCs w:val="28"/>
        </w:rPr>
        <w:t>E. R</w:t>
      </w:r>
      <w:r>
        <w:rPr>
          <w:b/>
          <w:sz w:val="22"/>
          <w:szCs w:val="22"/>
        </w:rPr>
        <w:t>EFERENCES</w:t>
      </w:r>
    </w:p>
    <w:p w14:paraId="38B26EA6" w14:textId="77777777" w:rsidR="00CF54CB" w:rsidRDefault="00344004">
      <w:pPr>
        <w:spacing w:after="238"/>
        <w:ind w:left="86" w:hanging="10"/>
      </w:pPr>
      <w:r>
        <w:rPr>
          <w:sz w:val="22"/>
          <w:szCs w:val="22"/>
        </w:rPr>
        <w:t xml:space="preserve">FSA Engagement with Insurance Business Scheme Transfers Under Part VII FSMA, October 21, 2008. </w:t>
      </w:r>
    </w:p>
    <w:p w14:paraId="304BB6F7" w14:textId="77777777" w:rsidR="00CF54CB" w:rsidRDefault="00344004">
      <w:pPr>
        <w:spacing w:after="250" w:line="239" w:lineRule="auto"/>
        <w:ind w:left="451" w:right="444" w:hanging="359"/>
      </w:pPr>
      <w:r>
        <w:rPr>
          <w:sz w:val="22"/>
          <w:szCs w:val="22"/>
        </w:rPr>
        <w:t xml:space="preserve">Goddard, William, 2003. </w:t>
      </w:r>
      <w:r>
        <w:rPr>
          <w:i/>
          <w:sz w:val="22"/>
          <w:szCs w:val="22"/>
        </w:rPr>
        <w:t xml:space="preserve">139 The Revolution of the Times: Recent Changes in UK Insurance Insolvency Laws and the Implications of Those Changes Viewed from a U.S. Perspective. </w:t>
      </w:r>
      <w:r>
        <w:rPr>
          <w:sz w:val="22"/>
          <w:szCs w:val="22"/>
        </w:rPr>
        <w:t xml:space="preserve">Connecticut Insurance Law Journal Association. </w:t>
      </w:r>
    </w:p>
    <w:p w14:paraId="63B6E158" w14:textId="77777777" w:rsidR="00CF54CB" w:rsidRDefault="00344004">
      <w:pPr>
        <w:spacing w:after="241"/>
        <w:ind w:left="436" w:hanging="360"/>
      </w:pPr>
      <w:r>
        <w:rPr>
          <w:sz w:val="22"/>
          <w:szCs w:val="22"/>
        </w:rPr>
        <w:t xml:space="preserve">Johnston, Susan Power. “Why U.S. Courts Should Deny or Severely Condition Recognition to Schemes of Arrangement for Solvent Insurance Companies,” Norton Journal of Bankruptcy Law and Practice [Vol. 16]. </w:t>
      </w:r>
    </w:p>
    <w:p w14:paraId="79EFCEF9" w14:textId="77777777" w:rsidR="00CF54CB" w:rsidRDefault="00344004">
      <w:pPr>
        <w:spacing w:after="232"/>
        <w:ind w:left="436" w:hanging="360"/>
      </w:pPr>
      <w:r>
        <w:rPr>
          <w:sz w:val="22"/>
          <w:szCs w:val="22"/>
        </w:rPr>
        <w:t xml:space="preserve">Johnston, Susan Power and Martin Beeler. “Solvent Insurance Schemes Should Not Be Recognized,” Norton Journal of Bankruptcy Law and Practice [Vol. 17]. </w:t>
      </w:r>
    </w:p>
    <w:p w14:paraId="7FE416C5" w14:textId="77777777" w:rsidR="00CF54CB" w:rsidRDefault="00344004">
      <w:pPr>
        <w:spacing w:after="238"/>
        <w:ind w:left="86" w:hanging="10"/>
      </w:pPr>
      <w:r>
        <w:rPr>
          <w:sz w:val="22"/>
          <w:szCs w:val="22"/>
        </w:rPr>
        <w:t xml:space="preserve">KPMG Run-Off Survey – Non-Life Insurance (October 2008). </w:t>
      </w:r>
    </w:p>
    <w:p w14:paraId="6C4A8E8E" w14:textId="77777777" w:rsidR="00CF54CB" w:rsidRDefault="00344004">
      <w:pPr>
        <w:spacing w:after="241"/>
        <w:ind w:left="436" w:right="438" w:hanging="360"/>
      </w:pPr>
      <w:r>
        <w:rPr>
          <w:sz w:val="22"/>
          <w:szCs w:val="22"/>
        </w:rPr>
        <w:t xml:space="preserve">No. 165 of 2005, In the High Court of Justice Chancery Division Companies Court, In the Matter of the British Aviation Insurance Company Limited and In the Matter of the Companies Act 1985, Witness Statement of Susan Power Johnston, NY: 479913-7. </w:t>
      </w:r>
    </w:p>
    <w:p w14:paraId="034BDBB2" w14:textId="77777777" w:rsidR="00CF54CB" w:rsidRDefault="00344004">
      <w:r>
        <w:rPr>
          <w:sz w:val="22"/>
          <w:szCs w:val="22"/>
        </w:rPr>
        <w:t xml:space="preserve">Wright, David. “A Question of Enforceability,” </w:t>
      </w:r>
      <w:r>
        <w:rPr>
          <w:sz w:val="22"/>
          <w:szCs w:val="22"/>
          <w:u w:val="single"/>
        </w:rPr>
        <w:t>Run Off Busi</w:t>
      </w:r>
    </w:p>
    <w:sectPr w:rsidR="00CF54CB">
      <w:pgSz w:w="12240" w:h="15840"/>
      <w:pgMar w:top="1440" w:right="1440" w:bottom="1440" w:left="1440" w:header="708" w:footer="708" w:gutter="0"/>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28ACAD8" w14:textId="77777777" w:rsidR="00DE74AE" w:rsidRDefault="00DE74AE">
      <w:pPr>
        <w:spacing w:after="0" w:line="240" w:lineRule="auto"/>
      </w:pPr>
      <w:r>
        <w:separator/>
      </w:r>
    </w:p>
  </w:endnote>
  <w:endnote w:type="continuationSeparator" w:id="0">
    <w:p w14:paraId="2C2D232B" w14:textId="77777777" w:rsidR="00DE74AE" w:rsidRDefault="00DE74A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Quattrocento Sans">
    <w:charset w:val="00"/>
    <w:family w:val="auto"/>
    <w:pitch w:val="default"/>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ZWAdobeF">
    <w:panose1 w:val="00000000000000000000"/>
    <w:charset w:val="00"/>
    <w:family w:val="auto"/>
    <w:pitch w:val="variable"/>
    <w:sig w:usb0="20002A87" w:usb1="00000000" w:usb2="00000000"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entury Schoolbook">
    <w:panose1 w:val="02040604050505020304"/>
    <w:charset w:val="00"/>
    <w:family w:val="roman"/>
    <w:pitch w:val="variable"/>
    <w:sig w:usb0="000002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AFC709" w14:textId="77777777" w:rsidR="00CF54CB" w:rsidRDefault="00344004">
    <w:pPr>
      <w:spacing w:after="0" w:line="259" w:lineRule="auto"/>
      <w:ind w:left="35" w:firstLine="0"/>
      <w:jc w:val="center"/>
    </w:pPr>
    <w:r>
      <w:fldChar w:fldCharType="begin"/>
    </w:r>
    <w:r>
      <w:instrText>PAGE</w:instrText>
    </w:r>
    <w:r w:rsidR="00DE74AE">
      <w:fldChar w:fldCharType="separate"/>
    </w:r>
    <w:r>
      <w:fldChar w:fldCharType="end"/>
    </w:r>
    <w:r>
      <w:rPr>
        <w:sz w:val="22"/>
        <w:szCs w:val="22"/>
      </w:rPr>
      <w:t xml:space="preserve"> </w:t>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953590" w14:textId="77777777" w:rsidR="00CF54CB" w:rsidRDefault="00344004">
    <w:pPr>
      <w:spacing w:after="0" w:line="259" w:lineRule="auto"/>
      <w:ind w:left="0" w:right="188" w:firstLine="0"/>
      <w:jc w:val="center"/>
    </w:pPr>
    <w:r>
      <w:fldChar w:fldCharType="begin"/>
    </w:r>
    <w:r>
      <w:instrText>PAGE</w:instrText>
    </w:r>
    <w:r w:rsidR="00DE74AE">
      <w:fldChar w:fldCharType="separate"/>
    </w:r>
    <w:r>
      <w:fldChar w:fldCharType="end"/>
    </w:r>
    <w:r>
      <w:rPr>
        <w:sz w:val="22"/>
        <w:szCs w:val="22"/>
      </w:rPr>
      <w:t xml:space="preserve"> </w:t>
    </w:r>
  </w:p>
  <w:p w14:paraId="7834BBF6" w14:textId="77777777" w:rsidR="00CF54CB" w:rsidRDefault="00344004">
    <w:pPr>
      <w:spacing w:after="0" w:line="259" w:lineRule="auto"/>
      <w:ind w:left="0" w:firstLine="0"/>
      <w:jc w:val="left"/>
    </w:pPr>
    <w:r>
      <w:rPr>
        <w:rFonts w:ascii="Calibri" w:eastAsia="Calibri" w:hAnsi="Calibri" w:cs="Calibri"/>
        <w:sz w:val="22"/>
        <w:szCs w:val="22"/>
      </w:rPr>
      <w:t xml:space="preserve"> </w:t>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A9589E" w14:textId="78C1E9C2" w:rsidR="00CF54CB" w:rsidRDefault="00344004">
    <w:pPr>
      <w:spacing w:after="0" w:line="259" w:lineRule="auto"/>
      <w:ind w:left="0" w:right="188" w:firstLine="0"/>
      <w:jc w:val="center"/>
    </w:pPr>
    <w:r>
      <w:fldChar w:fldCharType="begin"/>
    </w:r>
    <w:r>
      <w:instrText>PAGE</w:instrText>
    </w:r>
    <w:r>
      <w:fldChar w:fldCharType="separate"/>
    </w:r>
    <w:r w:rsidR="001B6672">
      <w:rPr>
        <w:noProof/>
      </w:rPr>
      <w:t>52</w:t>
    </w:r>
    <w:r>
      <w:fldChar w:fldCharType="end"/>
    </w:r>
    <w:r>
      <w:rPr>
        <w:sz w:val="22"/>
        <w:szCs w:val="22"/>
      </w:rPr>
      <w:t xml:space="preserve"> </w:t>
    </w:r>
  </w:p>
  <w:p w14:paraId="19B965B1" w14:textId="77777777" w:rsidR="00CF54CB" w:rsidRDefault="00344004">
    <w:pPr>
      <w:spacing w:after="0" w:line="259" w:lineRule="auto"/>
      <w:ind w:left="0" w:firstLine="0"/>
      <w:jc w:val="left"/>
    </w:pPr>
    <w:r>
      <w:rPr>
        <w:rFonts w:ascii="Calibri" w:eastAsia="Calibri" w:hAnsi="Calibri" w:cs="Calibri"/>
        <w:sz w:val="22"/>
        <w:szCs w:val="22"/>
      </w:rPr>
      <w:t xml:space="preserve"> </w:t>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D7D9AC" w14:textId="0F74392B" w:rsidR="00CF54CB" w:rsidRDefault="00344004">
    <w:pPr>
      <w:spacing w:after="0" w:line="259" w:lineRule="auto"/>
      <w:ind w:left="0" w:right="188" w:firstLine="0"/>
      <w:jc w:val="center"/>
    </w:pPr>
    <w:r>
      <w:fldChar w:fldCharType="begin"/>
    </w:r>
    <w:r>
      <w:instrText>PAGE</w:instrText>
    </w:r>
    <w:r>
      <w:fldChar w:fldCharType="separate"/>
    </w:r>
    <w:r w:rsidR="001B6672">
      <w:rPr>
        <w:noProof/>
      </w:rPr>
      <w:t>51</w:t>
    </w:r>
    <w:r>
      <w:fldChar w:fldCharType="end"/>
    </w:r>
    <w:r>
      <w:rPr>
        <w:sz w:val="22"/>
        <w:szCs w:val="22"/>
      </w:rPr>
      <w:t xml:space="preserve"> </w:t>
    </w:r>
  </w:p>
  <w:p w14:paraId="6FC66D61" w14:textId="77777777" w:rsidR="00CF54CB" w:rsidRDefault="00344004">
    <w:pPr>
      <w:spacing w:after="0" w:line="259" w:lineRule="auto"/>
      <w:ind w:left="0" w:firstLine="0"/>
      <w:jc w:val="left"/>
    </w:pPr>
    <w:r>
      <w:rPr>
        <w:rFonts w:ascii="Calibri" w:eastAsia="Calibri" w:hAnsi="Calibri" w:cs="Calibri"/>
        <w:sz w:val="22"/>
        <w:szCs w:val="22"/>
      </w:rPr>
      <w:t xml:space="preserve"> </w:t>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3F4EFF" w14:textId="77777777" w:rsidR="00CF54CB" w:rsidRDefault="00344004">
    <w:pPr>
      <w:tabs>
        <w:tab w:val="center" w:pos="5070"/>
      </w:tabs>
      <w:spacing w:after="0" w:line="259" w:lineRule="auto"/>
      <w:ind w:left="0" w:firstLine="0"/>
      <w:jc w:val="left"/>
    </w:pPr>
    <w:r>
      <w:rPr>
        <w:rFonts w:ascii="Calibri" w:eastAsia="Calibri" w:hAnsi="Calibri" w:cs="Calibri"/>
        <w:sz w:val="20"/>
        <w:szCs w:val="20"/>
        <w:vertAlign w:val="superscript"/>
      </w:rPr>
      <w:t xml:space="preserve"> </w:t>
    </w:r>
    <w:r>
      <w:rPr>
        <w:rFonts w:ascii="Calibri" w:eastAsia="Calibri" w:hAnsi="Calibri" w:cs="Calibri"/>
        <w:sz w:val="20"/>
        <w:szCs w:val="20"/>
        <w:vertAlign w:val="superscript"/>
      </w:rPr>
      <w:tab/>
    </w:r>
    <w:r>
      <w:fldChar w:fldCharType="begin"/>
    </w:r>
    <w:r>
      <w:instrText>PAGE</w:instrText>
    </w:r>
    <w:r w:rsidR="00DE74AE">
      <w:fldChar w:fldCharType="separate"/>
    </w:r>
    <w:r>
      <w:fldChar w:fldCharType="end"/>
    </w:r>
    <w:r>
      <w:rPr>
        <w:rFonts w:ascii="Calibri" w:eastAsia="Calibri" w:hAnsi="Calibri" w:cs="Calibri"/>
        <w:sz w:val="20"/>
        <w:szCs w:val="20"/>
      </w:rPr>
      <w:t xml:space="preserve"> </w:t>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FF1279" w14:textId="42319EBA" w:rsidR="00CF54CB" w:rsidRDefault="00344004">
    <w:pPr>
      <w:tabs>
        <w:tab w:val="center" w:pos="5070"/>
      </w:tabs>
      <w:spacing w:after="0" w:line="259" w:lineRule="auto"/>
      <w:ind w:left="0" w:firstLine="0"/>
      <w:jc w:val="left"/>
    </w:pPr>
    <w:r>
      <w:rPr>
        <w:rFonts w:ascii="Calibri" w:eastAsia="Calibri" w:hAnsi="Calibri" w:cs="Calibri"/>
        <w:sz w:val="20"/>
        <w:szCs w:val="20"/>
        <w:vertAlign w:val="superscript"/>
      </w:rPr>
      <w:t xml:space="preserve"> </w:t>
    </w:r>
    <w:r>
      <w:rPr>
        <w:rFonts w:ascii="Calibri" w:eastAsia="Calibri" w:hAnsi="Calibri" w:cs="Calibri"/>
        <w:sz w:val="20"/>
        <w:szCs w:val="20"/>
        <w:vertAlign w:val="superscript"/>
      </w:rPr>
      <w:tab/>
    </w:r>
    <w:r>
      <w:fldChar w:fldCharType="begin"/>
    </w:r>
    <w:r>
      <w:instrText>PAGE</w:instrText>
    </w:r>
    <w:r>
      <w:fldChar w:fldCharType="separate"/>
    </w:r>
    <w:r w:rsidR="001B6672">
      <w:rPr>
        <w:noProof/>
      </w:rPr>
      <w:t>56</w:t>
    </w:r>
    <w:r>
      <w:fldChar w:fldCharType="end"/>
    </w:r>
    <w:r>
      <w:rPr>
        <w:rFonts w:ascii="Calibri" w:eastAsia="Calibri" w:hAnsi="Calibri" w:cs="Calibri"/>
        <w:sz w:val="20"/>
        <w:szCs w:val="20"/>
      </w:rPr>
      <w:t xml:space="preserve"> </w:t>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483013" w14:textId="77777777" w:rsidR="00CF54CB" w:rsidRDefault="00344004">
    <w:pPr>
      <w:tabs>
        <w:tab w:val="center" w:pos="5070"/>
      </w:tabs>
      <w:spacing w:after="0" w:line="259" w:lineRule="auto"/>
      <w:ind w:left="0" w:firstLine="0"/>
      <w:jc w:val="left"/>
    </w:pPr>
    <w:r>
      <w:rPr>
        <w:rFonts w:ascii="Calibri" w:eastAsia="Calibri" w:hAnsi="Calibri" w:cs="Calibri"/>
        <w:sz w:val="20"/>
        <w:szCs w:val="20"/>
        <w:vertAlign w:val="superscript"/>
      </w:rPr>
      <w:t xml:space="preserve"> </w:t>
    </w:r>
    <w:r>
      <w:rPr>
        <w:rFonts w:ascii="Calibri" w:eastAsia="Calibri" w:hAnsi="Calibri" w:cs="Calibri"/>
        <w:sz w:val="20"/>
        <w:szCs w:val="20"/>
        <w:vertAlign w:val="superscript"/>
      </w:rPr>
      <w:tab/>
    </w:r>
    <w:r>
      <w:fldChar w:fldCharType="begin"/>
    </w:r>
    <w:r>
      <w:instrText>PAGE</w:instrText>
    </w:r>
    <w:r w:rsidR="00DE74AE">
      <w:fldChar w:fldCharType="separate"/>
    </w:r>
    <w:r>
      <w:fldChar w:fldCharType="end"/>
    </w:r>
    <w:r>
      <w:rPr>
        <w:rFonts w:ascii="Calibri" w:eastAsia="Calibri" w:hAnsi="Calibri" w:cs="Calibri"/>
        <w:sz w:val="20"/>
        <w:szCs w:val="20"/>
      </w:rPr>
      <w:t xml:space="preserve"> </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128ED0" w14:textId="77777777" w:rsidR="00CF54CB" w:rsidRDefault="00CF54CB">
    <w:pPr>
      <w:spacing w:after="160" w:line="259" w:lineRule="auto"/>
      <w:ind w:left="0" w:firstLine="0"/>
      <w:jc w:val="lef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68E460" w14:textId="77777777" w:rsidR="00CF54CB" w:rsidRDefault="00CF54CB">
    <w:pPr>
      <w:spacing w:after="160" w:line="259" w:lineRule="auto"/>
      <w:ind w:left="0" w:firstLine="0"/>
      <w:jc w:val="lef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AEB180" w14:textId="77777777" w:rsidR="00CF54CB" w:rsidRDefault="00344004">
    <w:pPr>
      <w:spacing w:after="0" w:line="259" w:lineRule="auto"/>
      <w:ind w:left="0" w:right="61" w:firstLine="0"/>
      <w:jc w:val="center"/>
    </w:pPr>
    <w:r>
      <w:fldChar w:fldCharType="begin"/>
    </w:r>
    <w:r>
      <w:instrText>PAGE</w:instrText>
    </w:r>
    <w:r w:rsidR="00DE74AE">
      <w:fldChar w:fldCharType="separate"/>
    </w:r>
    <w:r>
      <w:fldChar w:fldCharType="end"/>
    </w:r>
    <w:r>
      <w:rPr>
        <w:sz w:val="22"/>
        <w:szCs w:val="22"/>
      </w:rPr>
      <w:t xml:space="preserve"> </w: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461CEE" w14:textId="6B5F46B3" w:rsidR="00CF54CB" w:rsidRPr="0002070B" w:rsidRDefault="00CF54CB" w:rsidP="0002070B">
    <w:pPr>
      <w:pStyle w:val="Foo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88DC58" w14:textId="77777777" w:rsidR="00CF54CB" w:rsidRDefault="00344004">
    <w:pPr>
      <w:spacing w:after="0" w:line="259" w:lineRule="auto"/>
      <w:ind w:left="0" w:right="61" w:firstLine="0"/>
      <w:jc w:val="center"/>
    </w:pPr>
    <w:r>
      <w:fldChar w:fldCharType="begin"/>
    </w:r>
    <w:r>
      <w:instrText>PAGE</w:instrText>
    </w:r>
    <w:r w:rsidR="00DE74AE">
      <w:fldChar w:fldCharType="separate"/>
    </w:r>
    <w:r>
      <w:fldChar w:fldCharType="end"/>
    </w:r>
    <w:r>
      <w:rPr>
        <w:sz w:val="22"/>
        <w:szCs w:val="22"/>
      </w:rPr>
      <w:t xml:space="preserve"> </w:t>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BB95A8" w14:textId="77777777" w:rsidR="00CF54CB" w:rsidRDefault="00344004">
    <w:pPr>
      <w:spacing w:after="0" w:line="259" w:lineRule="auto"/>
      <w:ind w:left="85" w:firstLine="0"/>
      <w:jc w:val="center"/>
    </w:pPr>
    <w:r>
      <w:fldChar w:fldCharType="begin"/>
    </w:r>
    <w:r>
      <w:instrText>PAGE</w:instrText>
    </w:r>
    <w:r w:rsidR="00DE74AE">
      <w:fldChar w:fldCharType="separate"/>
    </w:r>
    <w:r>
      <w:fldChar w:fldCharType="end"/>
    </w:r>
    <w:r>
      <w:rPr>
        <w:sz w:val="22"/>
        <w:szCs w:val="22"/>
      </w:rPr>
      <w:t xml:space="preserve"> </w:t>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D7DFED" w14:textId="03452A4B" w:rsidR="00CF54CB" w:rsidRDefault="00344004">
    <w:pPr>
      <w:spacing w:after="0" w:line="259" w:lineRule="auto"/>
      <w:ind w:left="85" w:firstLine="0"/>
      <w:jc w:val="center"/>
    </w:pPr>
    <w:r>
      <w:fldChar w:fldCharType="begin"/>
    </w:r>
    <w:r>
      <w:instrText>PAGE</w:instrText>
    </w:r>
    <w:r>
      <w:fldChar w:fldCharType="separate"/>
    </w:r>
    <w:r w:rsidR="001B6672">
      <w:rPr>
        <w:noProof/>
      </w:rPr>
      <w:t>24</w:t>
    </w:r>
    <w:r>
      <w:fldChar w:fldCharType="end"/>
    </w:r>
    <w:r>
      <w:rPr>
        <w:sz w:val="22"/>
        <w:szCs w:val="22"/>
      </w:rPr>
      <w:t xml:space="preserve"> </w:t>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8750D7" w14:textId="77777777" w:rsidR="00CF54CB" w:rsidRDefault="00344004">
    <w:pPr>
      <w:spacing w:after="0" w:line="259" w:lineRule="auto"/>
      <w:ind w:left="85" w:firstLine="0"/>
      <w:jc w:val="center"/>
    </w:pPr>
    <w:r>
      <w:fldChar w:fldCharType="begin"/>
    </w:r>
    <w:r>
      <w:instrText>PAGE</w:instrText>
    </w:r>
    <w:r w:rsidR="00DE74AE">
      <w:fldChar w:fldCharType="separate"/>
    </w:r>
    <w:r>
      <w:fldChar w:fldCharType="end"/>
    </w:r>
    <w:r>
      <w:rPr>
        <w:sz w:val="22"/>
        <w:szCs w:val="22"/>
      </w:rPr>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9DFBA23" w14:textId="77777777" w:rsidR="00DE74AE" w:rsidRDefault="00DE74AE">
      <w:pPr>
        <w:spacing w:after="0" w:line="240" w:lineRule="auto"/>
      </w:pPr>
      <w:r>
        <w:separator/>
      </w:r>
    </w:p>
  </w:footnote>
  <w:footnote w:type="continuationSeparator" w:id="0">
    <w:p w14:paraId="5048FD66" w14:textId="77777777" w:rsidR="00DE74AE" w:rsidRDefault="00DE74AE">
      <w:pPr>
        <w:spacing w:after="0" w:line="240" w:lineRule="auto"/>
      </w:pPr>
      <w:r>
        <w:continuationSeparator/>
      </w:r>
    </w:p>
  </w:footnote>
  <w:footnote w:id="1">
    <w:p w14:paraId="0A9F1324" w14:textId="77777777" w:rsidR="00CF54CB" w:rsidRPr="009C4AC5" w:rsidRDefault="00344004">
      <w:pPr>
        <w:pBdr>
          <w:top w:val="nil"/>
          <w:left w:val="nil"/>
          <w:bottom w:val="nil"/>
          <w:right w:val="nil"/>
          <w:between w:val="nil"/>
        </w:pBdr>
        <w:spacing w:after="0" w:line="274" w:lineRule="auto"/>
        <w:ind w:hanging="4"/>
        <w:jc w:val="left"/>
        <w:rPr>
          <w:sz w:val="18"/>
          <w:szCs w:val="18"/>
        </w:rPr>
      </w:pPr>
      <w:r w:rsidRPr="009C4AC5">
        <w:rPr>
          <w:rStyle w:val="FootnoteReference"/>
          <w:sz w:val="18"/>
          <w:szCs w:val="18"/>
        </w:rPr>
        <w:footnoteRef/>
      </w:r>
      <w:r w:rsidRPr="009C4AC5">
        <w:rPr>
          <w:sz w:val="18"/>
          <w:szCs w:val="18"/>
        </w:rPr>
        <w:t xml:space="preserve"> Liability-Based Restructuring Working Group of the NAIC Financial Condition (EX4) Subcommittee, Liability-Based Restructuring White Paper 3 (1997) at pages 4-5. </w:t>
      </w:r>
    </w:p>
  </w:footnote>
  <w:footnote w:id="2">
    <w:p w14:paraId="13AE0374" w14:textId="77777777" w:rsidR="00CF54CB" w:rsidRPr="009C4AC5" w:rsidRDefault="00344004">
      <w:pPr>
        <w:pBdr>
          <w:top w:val="nil"/>
          <w:left w:val="nil"/>
          <w:bottom w:val="nil"/>
          <w:right w:val="nil"/>
          <w:between w:val="nil"/>
        </w:pBdr>
        <w:spacing w:after="0" w:line="274" w:lineRule="auto"/>
        <w:ind w:hanging="4"/>
        <w:jc w:val="left"/>
        <w:rPr>
          <w:sz w:val="18"/>
          <w:szCs w:val="18"/>
        </w:rPr>
      </w:pPr>
      <w:r w:rsidRPr="009C4AC5">
        <w:rPr>
          <w:rStyle w:val="FootnoteReference"/>
          <w:sz w:val="18"/>
          <w:szCs w:val="18"/>
        </w:rPr>
        <w:footnoteRef/>
      </w:r>
      <w:r w:rsidRPr="009C4AC5">
        <w:rPr>
          <w:sz w:val="18"/>
          <w:szCs w:val="18"/>
        </w:rPr>
        <w:t xml:space="preserve"> Liability-Based Restructuring Working Group of the NAIC Financial Condition (EX4) Subcommittee, Liability-Based Restructuring White Paper 3 (1997) at pages 4-5. </w:t>
      </w:r>
    </w:p>
  </w:footnote>
  <w:footnote w:id="3">
    <w:p w14:paraId="25BD9222" w14:textId="77777777" w:rsidR="009C4AC5" w:rsidRPr="009C4AC5" w:rsidRDefault="009C4AC5" w:rsidP="009C4AC5">
      <w:pPr>
        <w:pBdr>
          <w:top w:val="nil"/>
          <w:left w:val="nil"/>
          <w:bottom w:val="nil"/>
          <w:right w:val="nil"/>
          <w:between w:val="nil"/>
        </w:pBdr>
        <w:spacing w:after="0" w:line="274" w:lineRule="auto"/>
        <w:ind w:left="0" w:hanging="4"/>
        <w:jc w:val="left"/>
        <w:rPr>
          <w:sz w:val="18"/>
          <w:szCs w:val="18"/>
        </w:rPr>
      </w:pPr>
      <w:r w:rsidRPr="009C4AC5">
        <w:rPr>
          <w:sz w:val="18"/>
          <w:szCs w:val="18"/>
          <w:vertAlign w:val="superscript"/>
        </w:rPr>
        <w:t>3</w:t>
      </w:r>
      <w:r w:rsidRPr="009C4AC5">
        <w:rPr>
          <w:sz w:val="18"/>
          <w:szCs w:val="18"/>
        </w:rPr>
        <w:t xml:space="preserve"> David Scasbrook (Swiss Re America Holding Corporation) as stated during the April 6, 2019 meeting of the Restructuring Mechanisms (E) Working Group. </w:t>
      </w:r>
    </w:p>
    <w:p w14:paraId="15C73589" w14:textId="1141D60E" w:rsidR="00CF54CB" w:rsidRPr="009C4AC5" w:rsidRDefault="00CF54CB" w:rsidP="009C4AC5">
      <w:pPr>
        <w:pBdr>
          <w:top w:val="nil"/>
          <w:left w:val="nil"/>
          <w:bottom w:val="nil"/>
          <w:right w:val="nil"/>
          <w:between w:val="nil"/>
        </w:pBdr>
        <w:spacing w:after="0" w:line="274" w:lineRule="auto"/>
        <w:ind w:left="0" w:firstLine="0"/>
        <w:jc w:val="left"/>
        <w:rPr>
          <w:sz w:val="18"/>
          <w:szCs w:val="18"/>
        </w:rPr>
      </w:pPr>
    </w:p>
  </w:footnote>
  <w:footnote w:id="4">
    <w:p w14:paraId="1DC473EB" w14:textId="2CEF8ADB" w:rsidR="00CF54CB" w:rsidRPr="009C4AC5" w:rsidRDefault="00344004" w:rsidP="009C4AC5">
      <w:pPr>
        <w:pBdr>
          <w:top w:val="nil"/>
          <w:left w:val="nil"/>
          <w:bottom w:val="nil"/>
          <w:right w:val="nil"/>
          <w:between w:val="nil"/>
        </w:pBdr>
        <w:spacing w:after="15" w:line="259" w:lineRule="auto"/>
        <w:ind w:left="0" w:hanging="4"/>
        <w:jc w:val="left"/>
        <w:rPr>
          <w:sz w:val="18"/>
          <w:szCs w:val="18"/>
        </w:rPr>
      </w:pPr>
      <w:r w:rsidRPr="009C4AC5">
        <w:rPr>
          <w:rStyle w:val="FootnoteReference"/>
          <w:sz w:val="18"/>
          <w:szCs w:val="18"/>
        </w:rPr>
        <w:footnoteRef/>
      </w:r>
      <w:r w:rsidRPr="009C4AC5">
        <w:rPr>
          <w:sz w:val="18"/>
          <w:szCs w:val="18"/>
        </w:rPr>
        <w:t xml:space="preserve"> Financial Services and Markets Act of 2000, 48 Eliz. 2, part 7 (Eng.). FOR CITATION TO ONLINE SOURCE USE: </w:t>
      </w:r>
    </w:p>
    <w:p w14:paraId="149FD2D1" w14:textId="77777777" w:rsidR="00CF54CB" w:rsidRPr="009C4AC5" w:rsidRDefault="00344004">
      <w:pPr>
        <w:pBdr>
          <w:top w:val="nil"/>
          <w:left w:val="nil"/>
          <w:bottom w:val="nil"/>
          <w:right w:val="nil"/>
          <w:between w:val="nil"/>
        </w:pBdr>
        <w:spacing w:after="0" w:line="259" w:lineRule="auto"/>
        <w:ind w:hanging="4"/>
        <w:jc w:val="left"/>
        <w:rPr>
          <w:sz w:val="18"/>
          <w:szCs w:val="18"/>
        </w:rPr>
      </w:pPr>
      <w:r w:rsidRPr="009C4AC5">
        <w:rPr>
          <w:sz w:val="18"/>
          <w:szCs w:val="18"/>
        </w:rPr>
        <w:t xml:space="preserve">Financial Services and Markets Act of 2000, part 7 (Eng.), https://www.legislation.gov.uk/ukpga/2000/8/contents. </w:t>
      </w:r>
    </w:p>
  </w:footnote>
  <w:footnote w:id="5">
    <w:p w14:paraId="52676A9A" w14:textId="77777777" w:rsidR="00CF54CB" w:rsidRDefault="00344004">
      <w:pPr>
        <w:pBdr>
          <w:top w:val="nil"/>
          <w:left w:val="nil"/>
          <w:bottom w:val="nil"/>
          <w:right w:val="nil"/>
          <w:between w:val="nil"/>
        </w:pBdr>
        <w:spacing w:after="0" w:line="259" w:lineRule="auto"/>
        <w:ind w:hanging="4"/>
        <w:jc w:val="left"/>
        <w:rPr>
          <w:sz w:val="20"/>
          <w:szCs w:val="20"/>
        </w:rPr>
      </w:pPr>
      <w:r w:rsidRPr="009C4AC5">
        <w:rPr>
          <w:rStyle w:val="FootnoteReference"/>
          <w:sz w:val="18"/>
          <w:szCs w:val="18"/>
        </w:rPr>
        <w:footnoteRef/>
      </w:r>
      <w:r w:rsidRPr="009C4AC5">
        <w:rPr>
          <w:sz w:val="18"/>
          <w:szCs w:val="18"/>
        </w:rPr>
        <w:t xml:space="preserve"> Comment letter from the IBT Coalition Interested Parties to the Restructuring Mechanisms (E) Subgroup dated July 22, 2019</w:t>
      </w:r>
      <w:r>
        <w:rPr>
          <w:sz w:val="20"/>
          <w:szCs w:val="20"/>
        </w:rPr>
        <w:t>.</w:t>
      </w:r>
      <w:r>
        <w:rPr>
          <w:rFonts w:ascii="Calibri" w:eastAsia="Calibri" w:hAnsi="Calibri" w:cs="Calibri"/>
          <w:sz w:val="20"/>
          <w:szCs w:val="20"/>
        </w:rPr>
        <w:t xml:space="preserve"> </w:t>
      </w:r>
    </w:p>
  </w:footnote>
  <w:footnote w:id="6">
    <w:p w14:paraId="649DCB16" w14:textId="569310A1" w:rsidR="006D43A7" w:rsidRDefault="006D43A7">
      <w:pPr>
        <w:pStyle w:val="FootnoteText"/>
      </w:pPr>
      <w:ins w:id="44" w:author="Gendron, Matthew (DBR)" w:date="2022-03-11T16:47:00Z">
        <w:r>
          <w:rPr>
            <w:rStyle w:val="FootnoteReference"/>
          </w:rPr>
          <w:footnoteRef/>
        </w:r>
        <w:r>
          <w:t xml:space="preserve"> NEED A FN FOR THE LACK OF FAILURES </w:t>
        </w:r>
      </w:ins>
    </w:p>
  </w:footnote>
  <w:footnote w:id="7">
    <w:p w14:paraId="64716525" w14:textId="77777777" w:rsidR="00CF54CB" w:rsidRPr="009C4AC5" w:rsidRDefault="00344004">
      <w:pPr>
        <w:pBdr>
          <w:top w:val="nil"/>
          <w:left w:val="nil"/>
          <w:bottom w:val="nil"/>
          <w:right w:val="nil"/>
          <w:between w:val="nil"/>
        </w:pBdr>
        <w:spacing w:after="0" w:line="260" w:lineRule="auto"/>
        <w:ind w:hanging="4"/>
        <w:jc w:val="left"/>
        <w:rPr>
          <w:sz w:val="18"/>
          <w:szCs w:val="18"/>
        </w:rPr>
      </w:pPr>
      <w:r w:rsidRPr="009C4AC5">
        <w:rPr>
          <w:rStyle w:val="FootnoteReference"/>
          <w:sz w:val="18"/>
          <w:szCs w:val="18"/>
        </w:rPr>
        <w:footnoteRef/>
      </w:r>
      <w:r w:rsidRPr="009C4AC5">
        <w:rPr>
          <w:sz w:val="18"/>
          <w:szCs w:val="18"/>
        </w:rPr>
        <w:t xml:space="preserve"> As noted by Birny Birnbaum (Center for Economic Justice—CEJ) during the Dec 8, 2019 Meeting of the Restructuring Mechanisms (E) Working Group. Note this was overturned by The Prudential Assurance Company Limited v. Rothesay Life PLC [2020] EWCA Civ 1626. </w:t>
      </w:r>
    </w:p>
  </w:footnote>
  <w:footnote w:id="8">
    <w:p w14:paraId="6D42160E" w14:textId="77777777" w:rsidR="00CF54CB" w:rsidRDefault="00344004">
      <w:pPr>
        <w:pBdr>
          <w:top w:val="nil"/>
          <w:left w:val="nil"/>
          <w:bottom w:val="nil"/>
          <w:right w:val="nil"/>
          <w:between w:val="nil"/>
        </w:pBdr>
        <w:spacing w:after="0" w:line="253" w:lineRule="auto"/>
        <w:ind w:hanging="4"/>
        <w:rPr>
          <w:sz w:val="20"/>
          <w:szCs w:val="20"/>
        </w:rPr>
      </w:pPr>
      <w:r>
        <w:rPr>
          <w:rStyle w:val="FootnoteReference"/>
        </w:rPr>
        <w:footnoteRef/>
      </w:r>
      <w:r>
        <w:rPr>
          <w:sz w:val="20"/>
          <w:szCs w:val="20"/>
        </w:rPr>
        <w:t xml:space="preserve"> </w:t>
      </w:r>
      <w:r>
        <w:rPr>
          <w:i/>
          <w:sz w:val="20"/>
          <w:szCs w:val="20"/>
        </w:rPr>
        <w:t>Prudential Assurance Company Ltd and Rothesay Life Plc, Re</w:t>
      </w:r>
      <w:r>
        <w:rPr>
          <w:sz w:val="20"/>
          <w:szCs w:val="20"/>
        </w:rPr>
        <w:t>, England and Wales Court of Appeal (Civil Division)(Dec. 2, 2020).</w:t>
      </w:r>
      <w:r>
        <w:rPr>
          <w:rFonts w:ascii="Calibri" w:eastAsia="Calibri" w:hAnsi="Calibri" w:cs="Calibri"/>
          <w:sz w:val="20"/>
          <w:szCs w:val="20"/>
        </w:rPr>
        <w:t xml:space="preserve"> </w:t>
      </w:r>
    </w:p>
  </w:footnote>
  <w:footnote w:id="9">
    <w:p w14:paraId="1B54FA38" w14:textId="77777777" w:rsidR="00CF54CB" w:rsidRDefault="00344004">
      <w:pPr>
        <w:pBdr>
          <w:top w:val="nil"/>
          <w:left w:val="nil"/>
          <w:bottom w:val="nil"/>
          <w:right w:val="nil"/>
          <w:between w:val="nil"/>
        </w:pBdr>
        <w:spacing w:after="0" w:line="266" w:lineRule="auto"/>
        <w:ind w:right="3944" w:hanging="4"/>
        <w:jc w:val="left"/>
        <w:rPr>
          <w:sz w:val="20"/>
          <w:szCs w:val="20"/>
        </w:rPr>
      </w:pPr>
      <w:r>
        <w:rPr>
          <w:rStyle w:val="FootnoteReference"/>
        </w:rPr>
        <w:footnoteRef/>
      </w:r>
      <w:r>
        <w:rPr>
          <w:sz w:val="20"/>
          <w:szCs w:val="20"/>
        </w:rPr>
        <w:t xml:space="preserve"> </w:t>
      </w:r>
      <w:r>
        <w:rPr>
          <w:i/>
          <w:sz w:val="20"/>
          <w:szCs w:val="20"/>
        </w:rPr>
        <w:t>Id.</w:t>
      </w:r>
      <w:r>
        <w:rPr>
          <w:sz w:val="20"/>
          <w:szCs w:val="20"/>
        </w:rPr>
        <w:t xml:space="preserve"> at Page 6 of Appeal Nos: A2/2019/2407 and 2409 Case No: 1236/5/7/15 </w:t>
      </w:r>
      <w:r>
        <w:rPr>
          <w:sz w:val="20"/>
          <w:szCs w:val="20"/>
          <w:vertAlign w:val="superscript"/>
        </w:rPr>
        <w:t>11</w:t>
      </w:r>
      <w:hyperlink r:id="rId1">
        <w:r>
          <w:rPr>
            <w:sz w:val="20"/>
            <w:szCs w:val="20"/>
          </w:rPr>
          <w:t xml:space="preserve"> </w:t>
        </w:r>
      </w:hyperlink>
      <w:hyperlink r:id="rId2">
        <w:r>
          <w:rPr>
            <w:color w:val="0563C1"/>
            <w:sz w:val="20"/>
            <w:szCs w:val="20"/>
            <w:u w:val="single"/>
          </w:rPr>
          <w:t>R.I. Gen. Laws Chapter 27-14.5</w:t>
        </w:r>
      </w:hyperlink>
      <w:hyperlink r:id="rId3">
        <w:r>
          <w:rPr>
            <w:sz w:val="20"/>
            <w:szCs w:val="20"/>
          </w:rPr>
          <w:t>.</w:t>
        </w:r>
      </w:hyperlink>
      <w:r>
        <w:rPr>
          <w:sz w:val="20"/>
          <w:szCs w:val="20"/>
        </w:rPr>
        <w:t xml:space="preserve"> </w:t>
      </w:r>
    </w:p>
  </w:footnote>
  <w:footnote w:id="10">
    <w:p w14:paraId="4A101F36" w14:textId="49A54CE2" w:rsidR="00EC15AE" w:rsidRDefault="00EC15AE">
      <w:pPr>
        <w:pStyle w:val="FootnoteText"/>
      </w:pPr>
      <w:ins w:id="95" w:author="Gendron, Matthew (DBR)" w:date="2022-03-11T17:04:00Z">
        <w:r>
          <w:rPr>
            <w:rStyle w:val="FootnoteReference"/>
          </w:rPr>
          <w:footnoteRef/>
        </w:r>
        <w:r>
          <w:t xml:space="preserve"> The WG has identified references to this decision, but has not identified an official copy of the Judgment</w:t>
        </w:r>
        <w:r w:rsidR="000D160C">
          <w:t xml:space="preserve">.  See </w:t>
        </w:r>
        <w:r w:rsidR="000D160C">
          <w:fldChar w:fldCharType="begin"/>
        </w:r>
        <w:r w:rsidR="000D160C">
          <w:instrText xml:space="preserve"> HYPERLINK "</w:instrText>
        </w:r>
        <w:r w:rsidR="000D160C" w:rsidRPr="000D160C">
          <w:instrText>https://www.pru.co.uk/annuitytransfer/</w:instrText>
        </w:r>
        <w:r w:rsidR="000D160C">
          <w:instrText xml:space="preserve">" </w:instrText>
        </w:r>
        <w:r w:rsidR="000D160C">
          <w:fldChar w:fldCharType="separate"/>
        </w:r>
        <w:r w:rsidR="000D160C" w:rsidRPr="000D7914">
          <w:rPr>
            <w:rStyle w:val="Hyperlink"/>
          </w:rPr>
          <w:t>https://www.pru.co.uk/annuitytransfer/</w:t>
        </w:r>
        <w:r w:rsidR="000D160C">
          <w:fldChar w:fldCharType="end"/>
        </w:r>
        <w:r w:rsidR="000D160C">
          <w:t xml:space="preserve"> or medi</w:t>
        </w:r>
      </w:ins>
      <w:ins w:id="96" w:author="Gendron, Matthew (DBR)" w:date="2022-03-11T17:05:00Z">
        <w:r w:rsidR="000D160C">
          <w:t xml:space="preserve">a reports here </w:t>
        </w:r>
        <w:r w:rsidR="000D160C" w:rsidRPr="000D160C">
          <w:t>https://www.reuters.com/markets/funds/uk-high-court-approves-12-bln-pound-annuity-transfer-rothesay-mg-2021-11-24/</w:t>
        </w:r>
      </w:ins>
    </w:p>
  </w:footnote>
  <w:footnote w:id="11">
    <w:p w14:paraId="260FF5CF" w14:textId="77777777" w:rsidR="00CF54CB" w:rsidRDefault="00344004">
      <w:pPr>
        <w:pBdr>
          <w:top w:val="nil"/>
          <w:left w:val="nil"/>
          <w:bottom w:val="nil"/>
          <w:right w:val="nil"/>
          <w:between w:val="nil"/>
        </w:pBdr>
        <w:spacing w:after="66" w:line="234" w:lineRule="auto"/>
        <w:ind w:right="1573" w:hanging="4"/>
        <w:rPr>
          <w:sz w:val="20"/>
          <w:szCs w:val="20"/>
        </w:rPr>
      </w:pPr>
      <w:r>
        <w:rPr>
          <w:rStyle w:val="FootnoteReference"/>
        </w:rPr>
        <w:footnoteRef/>
      </w:r>
      <w:r>
        <w:rPr>
          <w:sz w:val="20"/>
          <w:szCs w:val="20"/>
        </w:rPr>
        <w:t xml:space="preserve"> </w:t>
      </w:r>
      <w:hyperlink r:id="rId4">
        <w:r>
          <w:rPr>
            <w:color w:val="0563C1"/>
            <w:sz w:val="20"/>
            <w:szCs w:val="20"/>
            <w:u w:val="single"/>
          </w:rPr>
          <w:t>In re GTE Reinsurance Co., No. PB 10-3777, 2011 WL 7144917, at *5–6 (R.I. Super. Ct. Apr. 25, 2011)</w:t>
        </w:r>
      </w:hyperlink>
      <w:hyperlink r:id="rId5">
        <w:r>
          <w:rPr>
            <w:sz w:val="20"/>
            <w:szCs w:val="20"/>
          </w:rPr>
          <w:t xml:space="preserve"> </w:t>
        </w:r>
      </w:hyperlink>
      <w:r>
        <w:rPr>
          <w:sz w:val="20"/>
          <w:szCs w:val="20"/>
        </w:rPr>
        <w:t xml:space="preserve"> </w:t>
      </w:r>
      <w:r>
        <w:rPr>
          <w:sz w:val="20"/>
          <w:szCs w:val="20"/>
          <w:vertAlign w:val="superscript"/>
        </w:rPr>
        <w:t>13</w:t>
      </w:r>
      <w:r>
        <w:rPr>
          <w:sz w:val="20"/>
          <w:szCs w:val="20"/>
        </w:rPr>
        <w:t xml:space="preserve"> 230 RICR 20-45-6. </w:t>
      </w:r>
    </w:p>
  </w:footnote>
  <w:footnote w:id="12">
    <w:p w14:paraId="4D55DA45" w14:textId="77777777" w:rsidR="00CF54CB" w:rsidRDefault="00344004">
      <w:pPr>
        <w:pBdr>
          <w:top w:val="nil"/>
          <w:left w:val="nil"/>
          <w:bottom w:val="nil"/>
          <w:right w:val="nil"/>
          <w:between w:val="nil"/>
        </w:pBdr>
        <w:spacing w:after="8" w:line="246" w:lineRule="auto"/>
        <w:ind w:hanging="4"/>
        <w:rPr>
          <w:sz w:val="20"/>
          <w:szCs w:val="20"/>
        </w:rPr>
      </w:pPr>
      <w:r>
        <w:rPr>
          <w:rStyle w:val="FootnoteReference"/>
        </w:rPr>
        <w:footnoteRef/>
      </w:r>
      <w:r>
        <w:rPr>
          <w:sz w:val="20"/>
          <w:szCs w:val="20"/>
        </w:rPr>
        <w:t xml:space="preserve"> </w:t>
      </w:r>
      <w:r>
        <w:rPr>
          <w:i/>
          <w:sz w:val="20"/>
          <w:szCs w:val="20"/>
        </w:rPr>
        <w:t xml:space="preserve">See </w:t>
      </w:r>
      <w:r>
        <w:rPr>
          <w:sz w:val="20"/>
          <w:szCs w:val="20"/>
        </w:rPr>
        <w:t>Legacy Insurance Management Act, 2014 Vt. Acts &amp; Resolves 93</w:t>
      </w:r>
      <w:r>
        <w:rPr>
          <w:sz w:val="22"/>
          <w:szCs w:val="22"/>
        </w:rPr>
        <w:t xml:space="preserve"> </w:t>
      </w:r>
      <w:r>
        <w:rPr>
          <w:sz w:val="20"/>
          <w:szCs w:val="20"/>
        </w:rPr>
        <w:t>(codified as amended at V</w:t>
      </w:r>
      <w:r>
        <w:rPr>
          <w:sz w:val="16"/>
          <w:szCs w:val="16"/>
        </w:rPr>
        <w:t>T</w:t>
      </w:r>
      <w:r>
        <w:rPr>
          <w:sz w:val="20"/>
          <w:szCs w:val="20"/>
        </w:rPr>
        <w:t>.</w:t>
      </w:r>
      <w:r>
        <w:rPr>
          <w:sz w:val="16"/>
          <w:szCs w:val="16"/>
        </w:rPr>
        <w:t xml:space="preserve"> </w:t>
      </w:r>
      <w:r>
        <w:rPr>
          <w:sz w:val="20"/>
          <w:szCs w:val="20"/>
        </w:rPr>
        <w:t>S</w:t>
      </w:r>
      <w:r>
        <w:rPr>
          <w:sz w:val="16"/>
          <w:szCs w:val="16"/>
        </w:rPr>
        <w:t>TAT</w:t>
      </w:r>
      <w:r>
        <w:rPr>
          <w:sz w:val="20"/>
          <w:szCs w:val="20"/>
        </w:rPr>
        <w:t>.</w:t>
      </w:r>
      <w:r>
        <w:rPr>
          <w:sz w:val="16"/>
          <w:szCs w:val="16"/>
        </w:rPr>
        <w:t xml:space="preserve"> </w:t>
      </w:r>
      <w:r>
        <w:rPr>
          <w:sz w:val="20"/>
          <w:szCs w:val="20"/>
        </w:rPr>
        <w:t>A</w:t>
      </w:r>
      <w:r>
        <w:rPr>
          <w:sz w:val="16"/>
          <w:szCs w:val="16"/>
        </w:rPr>
        <w:t>NN</w:t>
      </w:r>
      <w:r>
        <w:rPr>
          <w:sz w:val="20"/>
          <w:szCs w:val="20"/>
        </w:rPr>
        <w:t>.</w:t>
      </w:r>
      <w:r>
        <w:rPr>
          <w:sz w:val="16"/>
          <w:szCs w:val="16"/>
        </w:rPr>
        <w:t xml:space="preserve"> </w:t>
      </w:r>
      <w:r>
        <w:rPr>
          <w:sz w:val="20"/>
          <w:szCs w:val="20"/>
        </w:rPr>
        <w:t>tit.</w:t>
      </w:r>
      <w:r>
        <w:rPr>
          <w:sz w:val="16"/>
          <w:szCs w:val="16"/>
        </w:rPr>
        <w:t xml:space="preserve"> </w:t>
      </w:r>
      <w:r>
        <w:rPr>
          <w:sz w:val="20"/>
          <w:szCs w:val="20"/>
        </w:rPr>
        <w:t xml:space="preserve">8, §§ 7111–7121 (West 2017)). </w:t>
      </w:r>
    </w:p>
  </w:footnote>
  <w:footnote w:id="13">
    <w:p w14:paraId="71A35B43" w14:textId="77777777" w:rsidR="00CF54CB" w:rsidRDefault="00344004">
      <w:pPr>
        <w:pBdr>
          <w:top w:val="nil"/>
          <w:left w:val="nil"/>
          <w:bottom w:val="nil"/>
          <w:right w:val="nil"/>
          <w:between w:val="nil"/>
        </w:pBdr>
        <w:spacing w:after="0" w:line="259" w:lineRule="auto"/>
        <w:ind w:hanging="4"/>
        <w:jc w:val="left"/>
        <w:rPr>
          <w:sz w:val="20"/>
          <w:szCs w:val="20"/>
        </w:rPr>
      </w:pPr>
      <w:r>
        <w:rPr>
          <w:rStyle w:val="FootnoteReference"/>
        </w:rPr>
        <w:footnoteRef/>
      </w:r>
      <w:r>
        <w:rPr>
          <w:sz w:val="20"/>
          <w:szCs w:val="20"/>
        </w:rPr>
        <w:t xml:space="preserve"> Insurance Business Transfer Act, O</w:t>
      </w:r>
      <w:r>
        <w:rPr>
          <w:sz w:val="16"/>
          <w:szCs w:val="16"/>
        </w:rPr>
        <w:t>KLA</w:t>
      </w:r>
      <w:r>
        <w:rPr>
          <w:sz w:val="20"/>
          <w:szCs w:val="20"/>
        </w:rPr>
        <w:t>.</w:t>
      </w:r>
      <w:r>
        <w:rPr>
          <w:sz w:val="16"/>
          <w:szCs w:val="16"/>
        </w:rPr>
        <w:t xml:space="preserve"> </w:t>
      </w:r>
      <w:r>
        <w:rPr>
          <w:sz w:val="20"/>
          <w:szCs w:val="20"/>
        </w:rPr>
        <w:t>S</w:t>
      </w:r>
      <w:r>
        <w:rPr>
          <w:sz w:val="16"/>
          <w:szCs w:val="16"/>
        </w:rPr>
        <w:t>TAT</w:t>
      </w:r>
      <w:r>
        <w:rPr>
          <w:sz w:val="20"/>
          <w:szCs w:val="20"/>
        </w:rPr>
        <w:t xml:space="preserve">. tit. 36, §§ 1681 </w:t>
      </w:r>
      <w:r>
        <w:rPr>
          <w:i/>
          <w:sz w:val="20"/>
          <w:szCs w:val="20"/>
        </w:rPr>
        <w:t>et seq</w:t>
      </w:r>
      <w:r>
        <w:rPr>
          <w:sz w:val="20"/>
          <w:szCs w:val="20"/>
        </w:rPr>
        <w:t xml:space="preserve">. </w:t>
      </w:r>
    </w:p>
  </w:footnote>
  <w:footnote w:id="14">
    <w:p w14:paraId="22F0FD25" w14:textId="77777777" w:rsidR="00CF54CB" w:rsidRPr="00864D23" w:rsidRDefault="00344004">
      <w:pPr>
        <w:pBdr>
          <w:top w:val="nil"/>
          <w:left w:val="nil"/>
          <w:bottom w:val="nil"/>
          <w:right w:val="nil"/>
          <w:between w:val="nil"/>
        </w:pBdr>
        <w:spacing w:after="0" w:line="256" w:lineRule="auto"/>
        <w:ind w:hanging="4"/>
        <w:jc w:val="left"/>
        <w:rPr>
          <w:sz w:val="18"/>
          <w:szCs w:val="18"/>
        </w:rPr>
      </w:pPr>
      <w:r w:rsidRPr="00864D23">
        <w:rPr>
          <w:rStyle w:val="FootnoteReference"/>
          <w:sz w:val="18"/>
          <w:szCs w:val="18"/>
        </w:rPr>
        <w:footnoteRef/>
      </w:r>
      <w:r w:rsidRPr="00864D23">
        <w:rPr>
          <w:sz w:val="18"/>
          <w:szCs w:val="18"/>
        </w:rPr>
        <w:t xml:space="preserve"> As announced by the Arkansas Department of Insurance July 8, 2021, ACA §§ 23-69-501, </w:t>
      </w:r>
      <w:r w:rsidRPr="00864D23">
        <w:rPr>
          <w:i/>
          <w:sz w:val="18"/>
          <w:szCs w:val="18"/>
        </w:rPr>
        <w:t>et seq</w:t>
      </w:r>
      <w:r w:rsidRPr="00864D23">
        <w:rPr>
          <w:sz w:val="18"/>
          <w:szCs w:val="18"/>
        </w:rPr>
        <w:t xml:space="preserve">. (See Arkansas statute at https://www.arkleg.state.ar.us/Bills/Detail?id=SB203&amp;ddBienniumSession=2021%2F2021R </w:t>
      </w:r>
    </w:p>
  </w:footnote>
  <w:footnote w:id="15">
    <w:p w14:paraId="122C4C30" w14:textId="77777777" w:rsidR="00CF54CB" w:rsidRPr="00864D23" w:rsidRDefault="00344004">
      <w:pPr>
        <w:pBdr>
          <w:top w:val="nil"/>
          <w:left w:val="nil"/>
          <w:bottom w:val="nil"/>
          <w:right w:val="nil"/>
          <w:between w:val="nil"/>
        </w:pBdr>
        <w:spacing w:after="1" w:line="259" w:lineRule="auto"/>
        <w:ind w:hanging="4"/>
        <w:jc w:val="left"/>
        <w:rPr>
          <w:sz w:val="18"/>
          <w:szCs w:val="18"/>
        </w:rPr>
      </w:pPr>
      <w:r w:rsidRPr="00864D23">
        <w:rPr>
          <w:rStyle w:val="FootnoteReference"/>
          <w:sz w:val="18"/>
          <w:szCs w:val="18"/>
        </w:rPr>
        <w:footnoteRef/>
      </w:r>
      <w:r w:rsidRPr="00864D23">
        <w:rPr>
          <w:sz w:val="18"/>
          <w:szCs w:val="18"/>
        </w:rPr>
        <w:t xml:space="preserve"> Insurance Business Transfer Model Act (Nat’l Council of Ins. Legislators 2020). </w:t>
      </w:r>
    </w:p>
  </w:footnote>
  <w:footnote w:id="16">
    <w:p w14:paraId="48737573" w14:textId="77777777" w:rsidR="00CF54CB" w:rsidRPr="00864D23" w:rsidRDefault="00344004">
      <w:pPr>
        <w:pBdr>
          <w:top w:val="nil"/>
          <w:left w:val="nil"/>
          <w:bottom w:val="nil"/>
          <w:right w:val="nil"/>
          <w:between w:val="nil"/>
        </w:pBdr>
        <w:spacing w:after="31" w:line="259" w:lineRule="auto"/>
        <w:ind w:hanging="4"/>
        <w:jc w:val="left"/>
        <w:rPr>
          <w:sz w:val="18"/>
          <w:szCs w:val="18"/>
        </w:rPr>
      </w:pPr>
      <w:r w:rsidRPr="00864D23">
        <w:rPr>
          <w:rStyle w:val="FootnoteReference"/>
          <w:sz w:val="18"/>
          <w:szCs w:val="18"/>
        </w:rPr>
        <w:footnoteRef/>
      </w:r>
      <w:r w:rsidRPr="00864D23">
        <w:rPr>
          <w:sz w:val="18"/>
          <w:szCs w:val="18"/>
        </w:rPr>
        <w:t xml:space="preserve"> Insurer Division Model Act (Nat’l Council of Ins. Legislators 2021). </w:t>
      </w:r>
    </w:p>
  </w:footnote>
  <w:footnote w:id="17">
    <w:p w14:paraId="106D9678" w14:textId="77777777" w:rsidR="00CF54CB" w:rsidRPr="00864D23" w:rsidRDefault="00344004">
      <w:pPr>
        <w:pBdr>
          <w:top w:val="nil"/>
          <w:left w:val="nil"/>
          <w:bottom w:val="nil"/>
          <w:right w:val="nil"/>
          <w:between w:val="nil"/>
        </w:pBdr>
        <w:spacing w:after="10" w:line="245" w:lineRule="auto"/>
        <w:ind w:left="5" w:firstLine="0"/>
        <w:jc w:val="left"/>
        <w:rPr>
          <w:sz w:val="18"/>
          <w:szCs w:val="18"/>
        </w:rPr>
      </w:pPr>
      <w:r w:rsidRPr="00864D23">
        <w:rPr>
          <w:rStyle w:val="FootnoteReference"/>
          <w:sz w:val="18"/>
          <w:szCs w:val="18"/>
        </w:rPr>
        <w:footnoteRef/>
      </w:r>
      <w:r w:rsidRPr="00864D23">
        <w:rPr>
          <w:sz w:val="18"/>
          <w:szCs w:val="18"/>
        </w:rPr>
        <w:t xml:space="preserve"> See A.R.S. §§ 29-2601, </w:t>
      </w:r>
      <w:r w:rsidRPr="00864D23">
        <w:rPr>
          <w:i/>
          <w:sz w:val="18"/>
          <w:szCs w:val="18"/>
        </w:rPr>
        <w:t>et seq</w:t>
      </w:r>
      <w:r w:rsidRPr="00864D23">
        <w:rPr>
          <w:sz w:val="18"/>
          <w:szCs w:val="18"/>
        </w:rPr>
        <w:t xml:space="preserve">.; C.G.S.A §§ 38a-146, </w:t>
      </w:r>
      <w:r w:rsidRPr="00864D23">
        <w:rPr>
          <w:i/>
          <w:sz w:val="18"/>
          <w:szCs w:val="18"/>
        </w:rPr>
        <w:t>et seq</w:t>
      </w:r>
      <w:r w:rsidRPr="00864D23">
        <w:rPr>
          <w:sz w:val="18"/>
          <w:szCs w:val="18"/>
        </w:rPr>
        <w:t xml:space="preserve">.; 215 ILCS 5/35B-1 </w:t>
      </w:r>
      <w:r w:rsidRPr="00864D23">
        <w:rPr>
          <w:i/>
          <w:sz w:val="18"/>
          <w:szCs w:val="18"/>
        </w:rPr>
        <w:t>et seq</w:t>
      </w:r>
      <w:r w:rsidRPr="00864D23">
        <w:rPr>
          <w:sz w:val="18"/>
          <w:szCs w:val="18"/>
        </w:rPr>
        <w:t xml:space="preserve">.; M.C.L.A. §§ 500.5500 </w:t>
      </w:r>
      <w:r w:rsidRPr="00864D23">
        <w:rPr>
          <w:i/>
          <w:sz w:val="18"/>
          <w:szCs w:val="18"/>
        </w:rPr>
        <w:t>et seq</w:t>
      </w:r>
      <w:r w:rsidRPr="00864D23">
        <w:rPr>
          <w:sz w:val="18"/>
          <w:szCs w:val="18"/>
        </w:rPr>
        <w:t xml:space="preserve">; A.C.A. §§ 23-69-501, </w:t>
      </w:r>
      <w:r w:rsidRPr="00864D23">
        <w:rPr>
          <w:i/>
          <w:sz w:val="18"/>
          <w:szCs w:val="18"/>
        </w:rPr>
        <w:t>et seq</w:t>
      </w:r>
      <w:r w:rsidRPr="00864D23">
        <w:rPr>
          <w:sz w:val="18"/>
          <w:szCs w:val="18"/>
        </w:rPr>
        <w:t xml:space="preserve">.; 15 Pa.C.S. §§ 361 </w:t>
      </w:r>
      <w:r w:rsidRPr="00864D23">
        <w:rPr>
          <w:i/>
          <w:sz w:val="18"/>
          <w:szCs w:val="18"/>
        </w:rPr>
        <w:t>et seq</w:t>
      </w:r>
      <w:r w:rsidRPr="00864D23">
        <w:rPr>
          <w:sz w:val="18"/>
          <w:szCs w:val="18"/>
        </w:rPr>
        <w:t>.</w:t>
      </w:r>
    </w:p>
  </w:footnote>
  <w:footnote w:id="18">
    <w:p w14:paraId="57323D54" w14:textId="77777777" w:rsidR="00CF54CB" w:rsidRPr="00864D23" w:rsidRDefault="00344004">
      <w:pPr>
        <w:pBdr>
          <w:top w:val="nil"/>
          <w:left w:val="nil"/>
          <w:bottom w:val="nil"/>
          <w:right w:val="nil"/>
          <w:between w:val="nil"/>
        </w:pBdr>
        <w:spacing w:after="0" w:line="259" w:lineRule="auto"/>
        <w:ind w:hanging="4"/>
        <w:jc w:val="left"/>
        <w:rPr>
          <w:sz w:val="18"/>
          <w:szCs w:val="18"/>
        </w:rPr>
      </w:pPr>
      <w:r w:rsidRPr="00864D23">
        <w:rPr>
          <w:rStyle w:val="FootnoteReference"/>
          <w:sz w:val="18"/>
          <w:szCs w:val="18"/>
        </w:rPr>
        <w:footnoteRef/>
      </w:r>
      <w:r w:rsidRPr="00864D23">
        <w:rPr>
          <w:sz w:val="18"/>
          <w:szCs w:val="18"/>
        </w:rPr>
        <w:t xml:space="preserve"> 215 ILL. COMP. STAT. 5 as found at https://www.ilga.gov/legislation/ilcs/ilcs5.asp?ActID=1249&amp;ChapterID=22.</w:t>
      </w:r>
    </w:p>
  </w:footnote>
  <w:footnote w:id="19">
    <w:p w14:paraId="3D67A126" w14:textId="77777777" w:rsidR="00CF54CB" w:rsidRPr="00864D23" w:rsidRDefault="00344004">
      <w:pPr>
        <w:pBdr>
          <w:top w:val="nil"/>
          <w:left w:val="nil"/>
          <w:bottom w:val="nil"/>
          <w:right w:val="nil"/>
          <w:between w:val="nil"/>
        </w:pBdr>
        <w:spacing w:line="254" w:lineRule="auto"/>
        <w:ind w:hanging="4"/>
        <w:jc w:val="left"/>
        <w:rPr>
          <w:sz w:val="18"/>
          <w:szCs w:val="18"/>
        </w:rPr>
      </w:pPr>
      <w:r w:rsidRPr="00864D23">
        <w:rPr>
          <w:rStyle w:val="FootnoteReference"/>
          <w:sz w:val="18"/>
          <w:szCs w:val="18"/>
        </w:rPr>
        <w:footnoteRef/>
      </w:r>
      <w:r w:rsidRPr="00864D23">
        <w:rPr>
          <w:sz w:val="18"/>
          <w:szCs w:val="18"/>
        </w:rPr>
        <w:t xml:space="preserve"> C.G.S.A §§ 38a-146, </w:t>
      </w:r>
      <w:r w:rsidRPr="00864D23">
        <w:rPr>
          <w:i/>
          <w:sz w:val="18"/>
          <w:szCs w:val="18"/>
        </w:rPr>
        <w:t>et seq</w:t>
      </w:r>
      <w:r w:rsidRPr="00864D23">
        <w:rPr>
          <w:sz w:val="18"/>
          <w:szCs w:val="18"/>
        </w:rPr>
        <w:t>., Public Act No. 17-2 as found at https://www.cga.ct.gov/2017/act/pa/pdf/2017PA-00002-R00SB01502SS1-PA.pdf</w:t>
      </w:r>
      <w:r w:rsidRPr="00864D23">
        <w:rPr>
          <w:rFonts w:ascii="Calibri" w:eastAsia="Calibri" w:hAnsi="Calibri" w:cs="Calibri"/>
          <w:sz w:val="18"/>
          <w:szCs w:val="18"/>
        </w:rPr>
        <w:t xml:space="preserve"> </w:t>
      </w:r>
    </w:p>
  </w:footnote>
  <w:footnote w:id="20">
    <w:p w14:paraId="4B9DFC48" w14:textId="77777777" w:rsidR="00CF54CB" w:rsidRPr="00864D23" w:rsidRDefault="00344004">
      <w:pPr>
        <w:pBdr>
          <w:top w:val="nil"/>
          <w:left w:val="nil"/>
          <w:bottom w:val="nil"/>
          <w:right w:val="nil"/>
          <w:between w:val="nil"/>
        </w:pBdr>
        <w:spacing w:after="0" w:line="259" w:lineRule="auto"/>
        <w:ind w:hanging="4"/>
        <w:jc w:val="left"/>
        <w:rPr>
          <w:sz w:val="18"/>
          <w:szCs w:val="18"/>
        </w:rPr>
      </w:pPr>
      <w:r w:rsidRPr="00864D23">
        <w:rPr>
          <w:rStyle w:val="FootnoteReference"/>
          <w:sz w:val="18"/>
          <w:szCs w:val="18"/>
        </w:rPr>
        <w:footnoteRef/>
      </w:r>
      <w:r w:rsidRPr="00864D23">
        <w:rPr>
          <w:rFonts w:ascii="Calibri" w:eastAsia="Calibri" w:hAnsi="Calibri" w:cs="Calibri"/>
          <w:sz w:val="18"/>
          <w:szCs w:val="18"/>
        </w:rPr>
        <w:t xml:space="preserve"> 15 PA. CONS. STAT. §§ 361 </w:t>
      </w:r>
      <w:r w:rsidRPr="00864D23">
        <w:rPr>
          <w:rFonts w:ascii="Calibri" w:eastAsia="Calibri" w:hAnsi="Calibri" w:cs="Calibri"/>
          <w:i/>
          <w:sz w:val="18"/>
          <w:szCs w:val="18"/>
        </w:rPr>
        <w:t>et seq</w:t>
      </w:r>
      <w:r w:rsidRPr="00864D23">
        <w:rPr>
          <w:rFonts w:ascii="Calibri" w:eastAsia="Calibri" w:hAnsi="Calibri" w:cs="Calibri"/>
          <w:sz w:val="18"/>
          <w:szCs w:val="18"/>
        </w:rPr>
        <w:t xml:space="preserve">. </w:t>
      </w:r>
    </w:p>
  </w:footnote>
  <w:footnote w:id="21">
    <w:p w14:paraId="06E428F5" w14:textId="77777777" w:rsidR="00CF54CB" w:rsidRPr="00864D23" w:rsidRDefault="00344004">
      <w:pPr>
        <w:pBdr>
          <w:top w:val="nil"/>
          <w:left w:val="nil"/>
          <w:bottom w:val="nil"/>
          <w:right w:val="nil"/>
          <w:between w:val="nil"/>
        </w:pBdr>
        <w:spacing w:after="3" w:line="259" w:lineRule="auto"/>
        <w:ind w:hanging="4"/>
        <w:jc w:val="left"/>
        <w:rPr>
          <w:sz w:val="18"/>
          <w:szCs w:val="18"/>
        </w:rPr>
      </w:pPr>
      <w:r w:rsidRPr="00864D23">
        <w:rPr>
          <w:rStyle w:val="FootnoteReference"/>
          <w:sz w:val="18"/>
          <w:szCs w:val="18"/>
        </w:rPr>
        <w:footnoteRef/>
      </w:r>
      <w:r w:rsidRPr="00864D23">
        <w:rPr>
          <w:sz w:val="18"/>
          <w:szCs w:val="18"/>
        </w:rPr>
        <w:t xml:space="preserve"> C.A. No. PB 10-3777 (R.I. Super. Apr. 25, 2011) </w:t>
      </w:r>
    </w:p>
  </w:footnote>
  <w:footnote w:id="22">
    <w:p w14:paraId="7A03E776" w14:textId="77777777" w:rsidR="00CF54CB" w:rsidRPr="00864D23" w:rsidRDefault="00344004">
      <w:pPr>
        <w:pBdr>
          <w:top w:val="nil"/>
          <w:left w:val="nil"/>
          <w:bottom w:val="nil"/>
          <w:right w:val="nil"/>
          <w:between w:val="nil"/>
        </w:pBdr>
        <w:spacing w:after="0" w:line="276" w:lineRule="auto"/>
        <w:ind w:hanging="4"/>
        <w:jc w:val="left"/>
        <w:rPr>
          <w:sz w:val="18"/>
          <w:szCs w:val="18"/>
        </w:rPr>
      </w:pPr>
      <w:r w:rsidRPr="00864D23">
        <w:rPr>
          <w:rStyle w:val="FootnoteReference"/>
          <w:sz w:val="18"/>
          <w:szCs w:val="18"/>
        </w:rPr>
        <w:footnoteRef/>
      </w:r>
      <w:r w:rsidRPr="00864D23">
        <w:rPr>
          <w:sz w:val="18"/>
          <w:szCs w:val="18"/>
        </w:rPr>
        <w:t xml:space="preserve"> State of Rhode Island Providence County Superior Court C.A. No. PB 10-3777 https://www.courts.ri.gov/Courts/SuperiorCourt/DecisionsOrders/decisions/10-3777.pdf </w:t>
      </w:r>
    </w:p>
  </w:footnote>
  <w:footnote w:id="23">
    <w:p w14:paraId="02D39D5F" w14:textId="77777777" w:rsidR="00CF54CB" w:rsidRPr="00864D23" w:rsidRDefault="00344004">
      <w:pPr>
        <w:pBdr>
          <w:top w:val="nil"/>
          <w:left w:val="nil"/>
          <w:bottom w:val="nil"/>
          <w:right w:val="nil"/>
          <w:between w:val="nil"/>
        </w:pBdr>
        <w:spacing w:after="15" w:line="259" w:lineRule="auto"/>
        <w:ind w:hanging="4"/>
        <w:jc w:val="left"/>
        <w:rPr>
          <w:sz w:val="18"/>
          <w:szCs w:val="18"/>
        </w:rPr>
      </w:pPr>
      <w:r w:rsidRPr="00864D23">
        <w:rPr>
          <w:rStyle w:val="FootnoteReference"/>
          <w:sz w:val="18"/>
          <w:szCs w:val="18"/>
        </w:rPr>
        <w:footnoteRef/>
      </w:r>
      <w:r w:rsidRPr="00864D23">
        <w:rPr>
          <w:sz w:val="18"/>
          <w:szCs w:val="18"/>
        </w:rPr>
        <w:t xml:space="preserve"> Judgment &amp; Order of Approval &amp; Implementation of the IBT Plan, In re Transfer and Novation of Insurance Policies from </w:t>
      </w:r>
    </w:p>
    <w:p w14:paraId="0B48F099" w14:textId="77777777" w:rsidR="00CF54CB" w:rsidRDefault="00344004">
      <w:pPr>
        <w:pBdr>
          <w:top w:val="nil"/>
          <w:left w:val="nil"/>
          <w:bottom w:val="nil"/>
          <w:right w:val="nil"/>
          <w:between w:val="nil"/>
        </w:pBdr>
        <w:spacing w:after="0" w:line="244" w:lineRule="auto"/>
        <w:ind w:right="860" w:hanging="4"/>
        <w:jc w:val="left"/>
        <w:rPr>
          <w:sz w:val="20"/>
          <w:szCs w:val="20"/>
        </w:rPr>
      </w:pPr>
      <w:r w:rsidRPr="00864D23">
        <w:rPr>
          <w:sz w:val="18"/>
          <w:szCs w:val="18"/>
        </w:rPr>
        <w:t xml:space="preserve">Province Wash. Ins. Co., et al., CJ-2019-6689 (D.Ct. Okla. Cnty Oct. 15, 2020) at https://www.oscn.net/dockets/GetCaseInformation.aspx?db=oklahoma&amp;number=CJ-2019-6689&amp;cmid=3831864. </w:t>
      </w:r>
      <w:r w:rsidRPr="00864D23">
        <w:rPr>
          <w:sz w:val="18"/>
          <w:szCs w:val="18"/>
          <w:vertAlign w:val="superscript"/>
        </w:rPr>
        <w:t>26</w:t>
      </w:r>
      <w:r w:rsidRPr="00864D23">
        <w:rPr>
          <w:sz w:val="18"/>
          <w:szCs w:val="18"/>
        </w:rPr>
        <w:t xml:space="preserve"> Approval Order in Case No. 20-0582-IBT from Oklahoma Insurance Commissioner, filed on November 23, 2020, at https://www.oid.ok.gov/wp-content/uploads/2020/11/20-0582-IBT-SAW-Order-11-23-20.pdf.</w:t>
      </w:r>
      <w:r>
        <w:rPr>
          <w:rFonts w:ascii="Calibri" w:eastAsia="Calibri" w:hAnsi="Calibri" w:cs="Calibri"/>
          <w:sz w:val="20"/>
          <w:szCs w:val="20"/>
        </w:rPr>
        <w:t xml:space="preserve">  </w:t>
      </w:r>
    </w:p>
  </w:footnote>
  <w:footnote w:id="24">
    <w:sdt>
      <w:sdtPr>
        <w:rPr>
          <w:sz w:val="18"/>
          <w:szCs w:val="18"/>
        </w:rPr>
        <w:tag w:val="goog_rdk_244"/>
        <w:id w:val="681716584"/>
      </w:sdtPr>
      <w:sdtEndPr/>
      <w:sdtContent>
        <w:p w14:paraId="37B5C625" w14:textId="77777777" w:rsidR="00CF54CB" w:rsidRPr="00864D23" w:rsidRDefault="00344004">
          <w:pPr>
            <w:pBdr>
              <w:top w:val="nil"/>
              <w:left w:val="nil"/>
              <w:bottom w:val="nil"/>
              <w:right w:val="nil"/>
              <w:between w:val="nil"/>
            </w:pBdr>
            <w:spacing w:after="2" w:line="259" w:lineRule="auto"/>
            <w:ind w:hanging="4"/>
            <w:jc w:val="left"/>
            <w:rPr>
              <w:del w:id="332" w:author="Daveline, Dan" w:date="2021-12-16T12:58:00Z"/>
              <w:sz w:val="18"/>
              <w:szCs w:val="18"/>
            </w:rPr>
          </w:pPr>
          <w:r w:rsidRPr="00864D23">
            <w:rPr>
              <w:rStyle w:val="FootnoteReference"/>
              <w:sz w:val="18"/>
              <w:szCs w:val="18"/>
            </w:rPr>
            <w:footnoteRef/>
          </w:r>
          <w:sdt>
            <w:sdtPr>
              <w:rPr>
                <w:sz w:val="18"/>
                <w:szCs w:val="18"/>
              </w:rPr>
              <w:tag w:val="goog_rdk_243"/>
              <w:id w:val="543337467"/>
            </w:sdtPr>
            <w:sdtEndPr/>
            <w:sdtContent>
              <w:del w:id="333" w:author="Daveline, Dan" w:date="2021-12-16T12:58:00Z">
                <w:r w:rsidRPr="00864D23">
                  <w:rPr>
                    <w:sz w:val="18"/>
                    <w:szCs w:val="18"/>
                  </w:rPr>
                  <w:delText xml:space="preserve"> Available at https://content.naic.org/sites/default/files/inline-files/MDL-540.pdf.  </w:delText>
                </w:r>
              </w:del>
            </w:sdtContent>
          </w:sdt>
        </w:p>
      </w:sdtContent>
    </w:sdt>
  </w:footnote>
  <w:footnote w:id="25">
    <w:sdt>
      <w:sdtPr>
        <w:rPr>
          <w:sz w:val="18"/>
          <w:szCs w:val="18"/>
        </w:rPr>
        <w:tag w:val="goog_rdk_247"/>
        <w:id w:val="596142317"/>
      </w:sdtPr>
      <w:sdtEndPr>
        <w:rPr>
          <w:sz w:val="24"/>
          <w:szCs w:val="24"/>
        </w:rPr>
      </w:sdtEndPr>
      <w:sdtContent>
        <w:p w14:paraId="537F561E" w14:textId="77777777" w:rsidR="00CF54CB" w:rsidRDefault="00344004">
          <w:pPr>
            <w:pBdr>
              <w:top w:val="nil"/>
              <w:left w:val="nil"/>
              <w:bottom w:val="nil"/>
              <w:right w:val="nil"/>
              <w:between w:val="nil"/>
            </w:pBdr>
            <w:spacing w:after="0" w:line="275" w:lineRule="auto"/>
            <w:ind w:hanging="4"/>
            <w:jc w:val="left"/>
            <w:rPr>
              <w:del w:id="334" w:author="Daveline, Dan" w:date="2021-12-16T12:58:00Z"/>
              <w:sz w:val="20"/>
              <w:szCs w:val="20"/>
            </w:rPr>
          </w:pPr>
          <w:r w:rsidRPr="00864D23">
            <w:rPr>
              <w:rStyle w:val="FootnoteReference"/>
              <w:sz w:val="18"/>
              <w:szCs w:val="18"/>
            </w:rPr>
            <w:footnoteRef/>
          </w:r>
          <w:sdt>
            <w:sdtPr>
              <w:rPr>
                <w:sz w:val="18"/>
                <w:szCs w:val="18"/>
              </w:rPr>
              <w:tag w:val="goog_rdk_246"/>
              <w:id w:val="1936628563"/>
            </w:sdtPr>
            <w:sdtEndPr/>
            <w:sdtContent>
              <w:del w:id="335" w:author="Daveline, Dan" w:date="2021-12-16T12:58:00Z">
                <w:r w:rsidRPr="00864D23">
                  <w:rPr>
                    <w:sz w:val="18"/>
                    <w:szCs w:val="18"/>
                  </w:rPr>
                  <w:delText xml:space="preserve"> See NOHLGA and NCIGF joint submission to NCOIL dated February 24, 2020 for more information.  Available at </w:delText>
                </w:r>
                <w:r w:rsidRPr="00864D23">
                  <w:rPr>
                    <w:sz w:val="18"/>
                    <w:szCs w:val="18"/>
                  </w:rPr>
                  <w:fldChar w:fldCharType="begin"/>
                </w:r>
                <w:r w:rsidRPr="00864D23">
                  <w:rPr>
                    <w:sz w:val="18"/>
                    <w:szCs w:val="18"/>
                  </w:rPr>
                  <w:delInstrText>HYPERLINK "http://ncoil.org/wp-content/uploads/2020/02/2020-02-24-Comment-on-NCOIL-IBT-Model.pdf"</w:delInstrText>
                </w:r>
                <w:r w:rsidRPr="00864D23">
                  <w:rPr>
                    <w:sz w:val="18"/>
                    <w:szCs w:val="18"/>
                  </w:rPr>
                  <w:fldChar w:fldCharType="separate"/>
                </w:r>
                <w:r w:rsidRPr="00864D23">
                  <w:rPr>
                    <w:color w:val="0563C1"/>
                    <w:sz w:val="18"/>
                    <w:szCs w:val="18"/>
                    <w:u w:val="single"/>
                  </w:rPr>
                  <w:delText>http://ncoil.org/wp-content/uploads/2020/02/2020-02-24-Comment-on-NCOIL-IBT-Model.pdf</w:delText>
                </w:r>
                <w:r w:rsidRPr="00864D23">
                  <w:rPr>
                    <w:sz w:val="18"/>
                    <w:szCs w:val="18"/>
                  </w:rPr>
                  <w:fldChar w:fldCharType="end"/>
                </w:r>
                <w:r w:rsidRPr="00864D23">
                  <w:rPr>
                    <w:sz w:val="18"/>
                    <w:szCs w:val="18"/>
                  </w:rPr>
                  <w:fldChar w:fldCharType="begin"/>
                </w:r>
                <w:r w:rsidRPr="00864D23">
                  <w:rPr>
                    <w:sz w:val="18"/>
                    <w:szCs w:val="18"/>
                  </w:rPr>
                  <w:delInstrText>HYPERLINK "http://ncoil.org/wp-content/uploads/2020/02/2020-02-24-Comment-on-NCOIL-IBT-Model.pdf"</w:delInstrText>
                </w:r>
                <w:r w:rsidRPr="00864D23">
                  <w:rPr>
                    <w:sz w:val="18"/>
                    <w:szCs w:val="18"/>
                  </w:rPr>
                  <w:fldChar w:fldCharType="separate"/>
                </w:r>
                <w:r w:rsidRPr="00864D23">
                  <w:rPr>
                    <w:sz w:val="18"/>
                    <w:szCs w:val="18"/>
                  </w:rPr>
                  <w:delText>.</w:delText>
                </w:r>
                <w:r w:rsidRPr="00864D23">
                  <w:rPr>
                    <w:sz w:val="18"/>
                    <w:szCs w:val="18"/>
                  </w:rPr>
                  <w:fldChar w:fldCharType="end"/>
                </w:r>
                <w:r w:rsidRPr="00864D23">
                  <w:rPr>
                    <w:sz w:val="18"/>
                    <w:szCs w:val="18"/>
                  </w:rPr>
                  <w:delText xml:space="preserve">   </w:delText>
                </w:r>
              </w:del>
            </w:sdtContent>
          </w:sdt>
        </w:p>
      </w:sdtContent>
    </w:sdt>
  </w:footnote>
  <w:footnote w:id="26">
    <w:sdt>
      <w:sdtPr>
        <w:rPr>
          <w:sz w:val="16"/>
          <w:szCs w:val="16"/>
        </w:rPr>
        <w:tag w:val="goog_rdk_250"/>
        <w:id w:val="-1531800369"/>
      </w:sdtPr>
      <w:sdtEndPr/>
      <w:sdtContent>
        <w:p w14:paraId="5717A1E7" w14:textId="77777777" w:rsidR="00CF54CB" w:rsidRPr="0090574B" w:rsidRDefault="00344004">
          <w:pPr>
            <w:pBdr>
              <w:top w:val="nil"/>
              <w:left w:val="nil"/>
              <w:bottom w:val="nil"/>
              <w:right w:val="nil"/>
              <w:between w:val="nil"/>
            </w:pBdr>
            <w:spacing w:after="25" w:line="259" w:lineRule="auto"/>
            <w:ind w:hanging="4"/>
            <w:jc w:val="left"/>
            <w:rPr>
              <w:del w:id="351" w:author="Daveline, Dan" w:date="2021-12-16T13:00:00Z"/>
              <w:sz w:val="16"/>
              <w:szCs w:val="16"/>
            </w:rPr>
          </w:pPr>
          <w:r w:rsidRPr="0090574B">
            <w:rPr>
              <w:rStyle w:val="FootnoteReference"/>
              <w:sz w:val="16"/>
              <w:szCs w:val="16"/>
            </w:rPr>
            <w:footnoteRef/>
          </w:r>
          <w:sdt>
            <w:sdtPr>
              <w:rPr>
                <w:sz w:val="16"/>
                <w:szCs w:val="16"/>
              </w:rPr>
              <w:tag w:val="goog_rdk_249"/>
              <w:id w:val="-1679030830"/>
            </w:sdtPr>
            <w:sdtEndPr/>
            <w:sdtContent>
              <w:del w:id="352" w:author="Daveline, Dan" w:date="2021-12-16T13:00:00Z">
                <w:r w:rsidRPr="0090574B">
                  <w:rPr>
                    <w:sz w:val="16"/>
                    <w:szCs w:val="16"/>
                  </w:rPr>
                  <w:delText xml:space="preserve"> Property and Casualty Guaranty Association Model Act (Nat’l Ass’n of Ins. Comm’r’s 2009). </w:delText>
                </w:r>
              </w:del>
            </w:sdtContent>
          </w:sdt>
        </w:p>
      </w:sdtContent>
    </w:sdt>
  </w:footnote>
  <w:footnote w:id="27">
    <w:p w14:paraId="0B52B33B" w14:textId="537F93FD" w:rsidR="0090574B" w:rsidRPr="00625FDE" w:rsidRDefault="0090574B" w:rsidP="0090574B">
      <w:pPr>
        <w:pStyle w:val="FootnoteText"/>
        <w:rPr>
          <w:sz w:val="18"/>
          <w:szCs w:val="18"/>
        </w:rPr>
      </w:pPr>
      <w:r w:rsidRPr="00625FDE">
        <w:rPr>
          <w:rStyle w:val="FootnoteReference"/>
          <w:sz w:val="18"/>
          <w:szCs w:val="18"/>
        </w:rPr>
        <w:footnoteRef/>
      </w:r>
      <w:r w:rsidRPr="00625FDE">
        <w:rPr>
          <w:sz w:val="18"/>
          <w:szCs w:val="18"/>
        </w:rPr>
        <w:t xml:space="preserve"> Available at </w:t>
      </w:r>
      <w:hyperlink r:id="rId6" w:history="1">
        <w:r w:rsidRPr="00625FDE">
          <w:rPr>
            <w:rStyle w:val="Hyperlink"/>
            <w:sz w:val="18"/>
            <w:szCs w:val="18"/>
          </w:rPr>
          <w:t>https://content.naic.org/sites/default/files/inline-files/MDL-540.pdf</w:t>
        </w:r>
      </w:hyperlink>
      <w:r w:rsidRPr="00625FDE">
        <w:rPr>
          <w:sz w:val="18"/>
          <w:szCs w:val="18"/>
        </w:rPr>
        <w:t>.</w:t>
      </w:r>
    </w:p>
    <w:p w14:paraId="7848330E" w14:textId="6882F7F0" w:rsidR="0090574B" w:rsidRPr="00625FDE" w:rsidRDefault="0090574B" w:rsidP="0090574B">
      <w:pPr>
        <w:pStyle w:val="FootnoteText"/>
        <w:rPr>
          <w:sz w:val="18"/>
          <w:szCs w:val="18"/>
        </w:rPr>
      </w:pPr>
      <w:r w:rsidRPr="00625FDE">
        <w:rPr>
          <w:sz w:val="18"/>
          <w:szCs w:val="18"/>
        </w:rPr>
        <w:t>28 See NO</w:t>
      </w:r>
      <w:del w:id="364" w:author="Daveline, Dan" w:date="2021-12-20T15:20:00Z">
        <w:r w:rsidRPr="00625FDE" w:rsidDel="00B52AF7">
          <w:rPr>
            <w:sz w:val="18"/>
            <w:szCs w:val="18"/>
          </w:rPr>
          <w:delText>H</w:delText>
        </w:r>
      </w:del>
      <w:r w:rsidRPr="00625FDE">
        <w:rPr>
          <w:sz w:val="18"/>
          <w:szCs w:val="18"/>
        </w:rPr>
        <w:t>L</w:t>
      </w:r>
      <w:ins w:id="365" w:author="Daveline, Dan" w:date="2021-12-20T15:20:00Z">
        <w:r w:rsidR="00B52AF7" w:rsidRPr="00625FDE">
          <w:rPr>
            <w:sz w:val="18"/>
            <w:szCs w:val="18"/>
          </w:rPr>
          <w:t>H</w:t>
        </w:r>
      </w:ins>
      <w:r w:rsidRPr="00625FDE">
        <w:rPr>
          <w:sz w:val="18"/>
          <w:szCs w:val="18"/>
        </w:rPr>
        <w:t xml:space="preserve">GA and NCIGF joint submission to NCOIL dated February 24, 2020 for more information.  Available at </w:t>
      </w:r>
      <w:hyperlink r:id="rId7" w:history="1">
        <w:r w:rsidRPr="00625FDE">
          <w:rPr>
            <w:rStyle w:val="Hyperlink"/>
            <w:sz w:val="18"/>
            <w:szCs w:val="18"/>
          </w:rPr>
          <w:t>http://ncoil.org/wp-content/uploads/2020/02/2020-02-24-Comment-on-NCOIL-IBT-Model.pdf</w:t>
        </w:r>
      </w:hyperlink>
      <w:r w:rsidRPr="00625FDE">
        <w:rPr>
          <w:sz w:val="18"/>
          <w:szCs w:val="18"/>
        </w:rPr>
        <w:t xml:space="preserve">.  </w:t>
      </w:r>
    </w:p>
    <w:p w14:paraId="04DB8A43" w14:textId="19F3630C" w:rsidR="0090574B" w:rsidRPr="00625FDE" w:rsidRDefault="0090574B" w:rsidP="0090574B">
      <w:pPr>
        <w:pStyle w:val="FootnoteText"/>
        <w:ind w:left="0" w:firstLine="0"/>
        <w:rPr>
          <w:sz w:val="18"/>
          <w:szCs w:val="18"/>
        </w:rPr>
      </w:pPr>
      <w:r w:rsidRPr="00625FDE">
        <w:rPr>
          <w:rStyle w:val="FootnoteReference"/>
          <w:sz w:val="18"/>
          <w:szCs w:val="18"/>
        </w:rPr>
        <w:t>2</w:t>
      </w:r>
      <w:r w:rsidRPr="00625FDE">
        <w:rPr>
          <w:sz w:val="18"/>
          <w:szCs w:val="18"/>
        </w:rPr>
        <w:t>9 Property and Casualty Guaranty Association Model Act (Nat’l Ass’n of Ins. Comm’r’s 2009).</w:t>
      </w:r>
    </w:p>
    <w:p w14:paraId="7553EEA6" w14:textId="1E6B69EB" w:rsidR="0090574B" w:rsidRPr="00625FDE" w:rsidRDefault="0090574B" w:rsidP="0090574B">
      <w:pPr>
        <w:pStyle w:val="FootnoteText"/>
        <w:ind w:left="0" w:firstLine="0"/>
        <w:rPr>
          <w:sz w:val="18"/>
          <w:szCs w:val="18"/>
        </w:rPr>
      </w:pPr>
      <w:r w:rsidRPr="00625FDE">
        <w:rPr>
          <w:rStyle w:val="FootnoteReference"/>
          <w:sz w:val="18"/>
          <w:szCs w:val="18"/>
        </w:rPr>
        <w:t>3</w:t>
      </w:r>
      <w:r w:rsidRPr="00625FDE">
        <w:rPr>
          <w:sz w:val="18"/>
          <w:szCs w:val="18"/>
        </w:rPr>
        <w:t>0 Assumption Reinsurance Model Act NAIC Model #803 (Adopted by Colorado, Georgia, Kansas, Maine, Missouri, Nebraska, North Carolina, Oregon, Rhode Island, and Vermont)</w:t>
      </w:r>
    </w:p>
    <w:p w14:paraId="40AAEF10" w14:textId="5D4E15C8" w:rsidR="00CF54CB" w:rsidRPr="00625FDE" w:rsidRDefault="00CF54CB">
      <w:pPr>
        <w:pBdr>
          <w:top w:val="nil"/>
          <w:left w:val="nil"/>
          <w:bottom w:val="nil"/>
          <w:right w:val="nil"/>
          <w:between w:val="nil"/>
        </w:pBdr>
        <w:spacing w:after="0" w:line="283" w:lineRule="auto"/>
        <w:ind w:hanging="4"/>
        <w:jc w:val="left"/>
        <w:rPr>
          <w:sz w:val="18"/>
          <w:szCs w:val="18"/>
        </w:rPr>
      </w:pPr>
    </w:p>
  </w:footnote>
  <w:footnote w:id="28">
    <w:p w14:paraId="74EBE291" w14:textId="302D89AF" w:rsidR="00EC5D2C" w:rsidRPr="00625FDE" w:rsidRDefault="00EC5D2C">
      <w:pPr>
        <w:pStyle w:val="FootnoteText"/>
        <w:rPr>
          <w:sz w:val="18"/>
          <w:szCs w:val="18"/>
        </w:rPr>
      </w:pPr>
      <w:ins w:id="374" w:author="Daveline, Dan" w:date="2021-12-20T13:14:00Z">
        <w:r w:rsidRPr="00625FDE">
          <w:rPr>
            <w:rStyle w:val="FootnoteReference"/>
            <w:sz w:val="18"/>
            <w:szCs w:val="18"/>
          </w:rPr>
          <w:footnoteRef/>
        </w:r>
        <w:r w:rsidRPr="00625FDE">
          <w:rPr>
            <w:sz w:val="18"/>
            <w:szCs w:val="18"/>
          </w:rPr>
          <w:t xml:space="preserve"> </w:t>
        </w:r>
        <w:r w:rsidR="009C6291" w:rsidRPr="00625FDE">
          <w:rPr>
            <w:sz w:val="18"/>
            <w:szCs w:val="18"/>
          </w:rPr>
          <w:t xml:space="preserve">See Virginia Commonwealth </w:t>
        </w:r>
      </w:ins>
      <w:ins w:id="375" w:author="Daveline, Dan" w:date="2021-12-20T13:15:00Z">
        <w:r w:rsidR="00AB7706" w:rsidRPr="00625FDE">
          <w:rPr>
            <w:sz w:val="18"/>
            <w:szCs w:val="18"/>
          </w:rPr>
          <w:t xml:space="preserve">Code at </w:t>
        </w:r>
      </w:ins>
      <w:ins w:id="376" w:author="Daveline, Dan" w:date="2021-12-20T13:14:00Z">
        <w:r w:rsidR="009C6291" w:rsidRPr="00625FDE">
          <w:rPr>
            <w:sz w:val="18"/>
            <w:szCs w:val="18"/>
          </w:rPr>
          <w:t>§38.2-136</w:t>
        </w:r>
      </w:ins>
    </w:p>
  </w:footnote>
  <w:footnote w:id="29">
    <w:p w14:paraId="78A211F9" w14:textId="77777777" w:rsidR="00CF54CB" w:rsidRPr="00864D23" w:rsidRDefault="00344004">
      <w:pPr>
        <w:pBdr>
          <w:top w:val="nil"/>
          <w:left w:val="nil"/>
          <w:bottom w:val="nil"/>
          <w:right w:val="nil"/>
          <w:between w:val="nil"/>
        </w:pBdr>
        <w:spacing w:after="0" w:line="276" w:lineRule="auto"/>
        <w:ind w:hanging="4"/>
        <w:jc w:val="left"/>
        <w:rPr>
          <w:sz w:val="18"/>
          <w:szCs w:val="18"/>
        </w:rPr>
      </w:pPr>
      <w:r w:rsidRPr="00864D23">
        <w:rPr>
          <w:rStyle w:val="FootnoteReference"/>
          <w:sz w:val="18"/>
          <w:szCs w:val="18"/>
        </w:rPr>
        <w:footnoteRef/>
      </w:r>
      <w:r w:rsidRPr="00864D23">
        <w:rPr>
          <w:sz w:val="18"/>
          <w:szCs w:val="18"/>
        </w:rPr>
        <w:t xml:space="preserve"> Gendron, Matthew Esq. (2018) "Rhode Island's Voluntary Restructuring of Solvent Insurers Law and Similar Efforts in Other States," </w:t>
      </w:r>
      <w:r w:rsidRPr="00864D23">
        <w:rPr>
          <w:i/>
          <w:sz w:val="18"/>
          <w:szCs w:val="18"/>
        </w:rPr>
        <w:t>Roger Williams University Law Review</w:t>
      </w:r>
      <w:r w:rsidRPr="00864D23">
        <w:rPr>
          <w:sz w:val="18"/>
          <w:szCs w:val="18"/>
        </w:rPr>
        <w:t xml:space="preserve">: Vol. 23: Iss. 3, Article 3, available at: </w:t>
      </w:r>
      <w:hyperlink r:id="rId8">
        <w:r w:rsidRPr="00864D23">
          <w:rPr>
            <w:color w:val="0563C1"/>
            <w:sz w:val="18"/>
            <w:szCs w:val="18"/>
            <w:u w:val="single"/>
          </w:rPr>
          <w:t>https://docs.rwu.edu/rwu_LR/vol23/iss3/3</w:t>
        </w:r>
      </w:hyperlink>
      <w:hyperlink r:id="rId9">
        <w:r w:rsidRPr="00864D23">
          <w:rPr>
            <w:sz w:val="18"/>
            <w:szCs w:val="18"/>
          </w:rPr>
          <w:t>.</w:t>
        </w:r>
      </w:hyperlink>
      <w:r w:rsidRPr="00864D23">
        <w:rPr>
          <w:sz w:val="18"/>
          <w:szCs w:val="18"/>
        </w:rPr>
        <w:t xml:space="preserve">  That article briefly raises questions about whether full faith and credit or comity would apply to help insulate an IBT transaction from collateral challenge in a court outside the approving state. </w:t>
      </w:r>
    </w:p>
  </w:footnote>
  <w:footnote w:id="30">
    <w:p w14:paraId="396C55CD" w14:textId="77777777" w:rsidR="00784C4C" w:rsidRPr="00625FDE" w:rsidRDefault="00784C4C" w:rsidP="00784C4C">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i/>
          <w:sz w:val="18"/>
          <w:szCs w:val="18"/>
        </w:rPr>
      </w:pPr>
      <w:r w:rsidRPr="00625FDE">
        <w:rPr>
          <w:rStyle w:val="FootnoteReference"/>
          <w:sz w:val="18"/>
          <w:szCs w:val="18"/>
        </w:rPr>
        <w:footnoteRef/>
      </w:r>
      <w:r w:rsidRPr="00625FDE">
        <w:rPr>
          <w:i/>
          <w:sz w:val="18"/>
          <w:szCs w:val="18"/>
        </w:rPr>
        <w:t xml:space="preserve"> See </w:t>
      </w:r>
      <w:r w:rsidRPr="00625FDE">
        <w:rPr>
          <w:smallCaps/>
          <w:sz w:val="18"/>
          <w:szCs w:val="18"/>
        </w:rPr>
        <w:t xml:space="preserve">Sidley Austin LLP, Part VII Transfers Effectuated Pursuant to the UK Financial Services and Markets Act 2000 (2017), </w:t>
      </w:r>
      <w:r w:rsidRPr="00625FDE">
        <w:rPr>
          <w:sz w:val="18"/>
          <w:szCs w:val="18"/>
        </w:rPr>
        <w:t xml:space="preserve">https://www.sidley.com/-/media/publications/part-vii-transfers.pdf.  </w:t>
      </w:r>
    </w:p>
  </w:footnote>
  <w:footnote w:id="31">
    <w:p w14:paraId="0C247BB5" w14:textId="77777777" w:rsidR="00784C4C" w:rsidRPr="00625FDE" w:rsidRDefault="00784C4C" w:rsidP="00784C4C">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sz w:val="18"/>
          <w:szCs w:val="18"/>
        </w:rPr>
      </w:pPr>
      <w:r w:rsidRPr="00625FDE">
        <w:rPr>
          <w:rStyle w:val="FootnoteReference"/>
          <w:sz w:val="18"/>
          <w:szCs w:val="18"/>
        </w:rPr>
        <w:footnoteRef/>
      </w:r>
      <w:r w:rsidRPr="00625FDE">
        <w:rPr>
          <w:i/>
          <w:sz w:val="18"/>
          <w:szCs w:val="18"/>
        </w:rPr>
        <w:t xml:space="preserve"> See </w:t>
      </w:r>
      <w:r w:rsidRPr="00625FDE">
        <w:rPr>
          <w:sz w:val="18"/>
          <w:szCs w:val="18"/>
        </w:rPr>
        <w:t xml:space="preserve">Jennifer D. Morton, Note, </w:t>
      </w:r>
      <w:r w:rsidRPr="00625FDE">
        <w:rPr>
          <w:i/>
          <w:sz w:val="18"/>
          <w:szCs w:val="18"/>
        </w:rPr>
        <w:t>Recognition of Cross-Border Insolvency Proceedings: An Evaluation of Solvent Schemes of Arrangement and Part VII Transfers under U.S. Chapter 15</w:t>
      </w:r>
      <w:r w:rsidRPr="00625FDE">
        <w:rPr>
          <w:sz w:val="18"/>
          <w:szCs w:val="18"/>
        </w:rPr>
        <w:t xml:space="preserve">, </w:t>
      </w:r>
      <w:r w:rsidRPr="00625FDE">
        <w:rPr>
          <w:smallCaps/>
          <w:sz w:val="18"/>
          <w:szCs w:val="18"/>
        </w:rPr>
        <w:t>29 Fordham Int'l L.J.</w:t>
      </w:r>
      <w:r w:rsidRPr="00625FDE">
        <w:rPr>
          <w:sz w:val="18"/>
          <w:szCs w:val="18"/>
        </w:rPr>
        <w:t xml:space="preserve"> 1312, 1314–15 (2006).</w:t>
      </w:r>
    </w:p>
  </w:footnote>
  <w:footnote w:id="32">
    <w:p w14:paraId="6EAA873F" w14:textId="77777777" w:rsidR="00784C4C" w:rsidRPr="00625FDE" w:rsidRDefault="00784C4C" w:rsidP="00784C4C">
      <w:pPr>
        <w:widowControl w:val="0"/>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rPr>
          <w:i/>
          <w:sz w:val="18"/>
          <w:szCs w:val="18"/>
        </w:rPr>
      </w:pPr>
      <w:r w:rsidRPr="00625FDE">
        <w:rPr>
          <w:rStyle w:val="FootnoteReference"/>
          <w:sz w:val="18"/>
          <w:szCs w:val="18"/>
        </w:rPr>
        <w:footnoteRef/>
      </w:r>
      <w:r w:rsidRPr="00625FDE">
        <w:rPr>
          <w:sz w:val="18"/>
          <w:szCs w:val="18"/>
        </w:rPr>
        <w:t xml:space="preserve"> </w:t>
      </w:r>
      <w:r w:rsidRPr="00625FDE">
        <w:rPr>
          <w:i/>
          <w:sz w:val="18"/>
          <w:szCs w:val="18"/>
        </w:rPr>
        <w:t xml:space="preserve">See </w:t>
      </w:r>
      <w:r w:rsidRPr="00625FDE">
        <w:rPr>
          <w:sz w:val="18"/>
          <w:szCs w:val="18"/>
        </w:rPr>
        <w:t xml:space="preserve">Narragansett Elec. Co. v. Am. Home Assur. Co., No. 11 Civ. 8299(PKC), 2012 WL 4075171 (S.D.N.Y. Sept. 12, 2012).  There, a claim originating in Pawtucket, Rhode Island, but with waste disposed near Attleboro, Massachusetts (the next town over, but across the state line).  In subsequent related matters, the Massachusetts Appeals Court found that Massachusetts law would govern whether the pollution was discharged in sudden and accidental ways.  </w:t>
      </w:r>
      <w:r w:rsidRPr="00625FDE">
        <w:rPr>
          <w:i/>
          <w:iCs/>
          <w:sz w:val="18"/>
          <w:szCs w:val="18"/>
        </w:rPr>
        <w:t>OneBeacon America Ins. Co. v. Narragansett Elec. Co</w:t>
      </w:r>
      <w:r w:rsidRPr="00625FDE">
        <w:rPr>
          <w:sz w:val="18"/>
          <w:szCs w:val="18"/>
        </w:rPr>
        <w:t>., 57 N.E.3d 18, 24 (Mass. App. Ct. 2016).</w:t>
      </w:r>
    </w:p>
  </w:footnote>
  <w:footnote w:id="33">
    <w:p w14:paraId="65E31EFB" w14:textId="557C91F3" w:rsidR="00CF54CB" w:rsidRPr="00625FDE" w:rsidRDefault="00344004" w:rsidP="0066438E">
      <w:pPr>
        <w:ind w:left="0" w:right="35" w:firstLine="0"/>
        <w:jc w:val="left"/>
        <w:rPr>
          <w:sz w:val="18"/>
          <w:szCs w:val="18"/>
        </w:rPr>
      </w:pPr>
      <w:r w:rsidRPr="00625FDE">
        <w:rPr>
          <w:rStyle w:val="FootnoteReference"/>
          <w:sz w:val="18"/>
          <w:szCs w:val="18"/>
        </w:rPr>
        <w:footnoteRef/>
      </w:r>
      <w:r w:rsidRPr="00625FDE">
        <w:rPr>
          <w:sz w:val="18"/>
          <w:szCs w:val="18"/>
        </w:rPr>
        <w:t xml:space="preserve">There, a claim originating in Pawtucket, Rhode Island, but with waste disposed near Attleboro, Massachusetts (the next town over, but across the state line).  In subsequent related matters, the Massachusetts Appeals Court found that Massachusetts law would govern whether the pollution was discharged in sudden and accidental ways.  </w:t>
      </w:r>
      <w:r w:rsidRPr="00625FDE">
        <w:rPr>
          <w:i/>
          <w:sz w:val="18"/>
          <w:szCs w:val="18"/>
        </w:rPr>
        <w:t>OneBeacon America Ins. Co. v. Narragansett Elec. Co</w:t>
      </w:r>
      <w:r w:rsidRPr="00625FDE">
        <w:rPr>
          <w:sz w:val="18"/>
          <w:szCs w:val="18"/>
        </w:rPr>
        <w:t>., 57 N.E.3d 18, 24 (Mass. App. Ct. 2016).</w:t>
      </w:r>
      <w:r w:rsidRPr="00625FDE">
        <w:rPr>
          <w:i/>
          <w:sz w:val="18"/>
          <w:szCs w:val="18"/>
        </w:rPr>
        <w:t xml:space="preserve"> </w:t>
      </w:r>
      <w:r w:rsidRPr="00625FDE">
        <w:rPr>
          <w:sz w:val="18"/>
          <w:szCs w:val="18"/>
        </w:rPr>
        <w:t xml:space="preserve"> </w:t>
      </w:r>
      <w:r w:rsidRPr="00625FDE">
        <w:rPr>
          <w:i/>
          <w:sz w:val="18"/>
          <w:szCs w:val="18"/>
        </w:rPr>
        <w:t>See</w:t>
      </w:r>
      <w:r w:rsidRPr="00625FDE">
        <w:rPr>
          <w:sz w:val="18"/>
          <w:szCs w:val="18"/>
        </w:rPr>
        <w:t xml:space="preserve"> Steven E. Sigalow &amp; Richard E. Stewart, </w:t>
      </w:r>
      <w:r w:rsidRPr="00625FDE">
        <w:rPr>
          <w:i/>
          <w:sz w:val="18"/>
          <w:szCs w:val="18"/>
        </w:rPr>
        <w:t>How Lloyd’s Saved Itself</w:t>
      </w:r>
      <w:r w:rsidRPr="00625FDE">
        <w:rPr>
          <w:sz w:val="18"/>
          <w:szCs w:val="18"/>
        </w:rPr>
        <w:t xml:space="preserve">, 37 </w:t>
      </w:r>
      <w:r w:rsidRPr="00625FDE">
        <w:rPr>
          <w:smallCaps/>
          <w:sz w:val="18"/>
          <w:szCs w:val="18"/>
        </w:rPr>
        <w:t xml:space="preserve">The Ins. Forum </w:t>
      </w:r>
      <w:r w:rsidRPr="00625FDE">
        <w:rPr>
          <w:sz w:val="18"/>
          <w:szCs w:val="18"/>
        </w:rPr>
        <w:t xml:space="preserve">(2010), </w:t>
      </w:r>
      <w:r w:rsidRPr="00625FDE">
        <w:rPr>
          <w:i/>
          <w:sz w:val="18"/>
          <w:szCs w:val="18"/>
        </w:rPr>
        <w:t>reprinted in</w:t>
      </w:r>
      <w:r w:rsidRPr="00625FDE">
        <w:rPr>
          <w:sz w:val="18"/>
          <w:szCs w:val="18"/>
        </w:rPr>
        <w:t xml:space="preserve"> </w:t>
      </w:r>
      <w:r w:rsidRPr="00625FDE">
        <w:rPr>
          <w:smallCaps/>
          <w:sz w:val="18"/>
          <w:szCs w:val="18"/>
        </w:rPr>
        <w:t>Jones Day</w:t>
      </w:r>
      <w:r w:rsidRPr="00625FDE">
        <w:rPr>
          <w:sz w:val="18"/>
          <w:szCs w:val="18"/>
        </w:rPr>
        <w:t xml:space="preserve">, http://www.jonesday.com/files/Publication/dae28676-d6c8-4de6-9cbb-c05aee419d4b/Presentation/PublicationAttachment/533860ba-d4f1-4056-85d9-78b84dc71af5/How%20Lloyd's%20Saved%20Itself.pdf (last visited June 9, 2021). </w:t>
      </w:r>
      <w:r w:rsidRPr="00625FDE">
        <w:rPr>
          <w:i/>
          <w:sz w:val="18"/>
          <w:szCs w:val="18"/>
        </w:rPr>
        <w:t>Air &amp; Liquid Sys. Corp. v. Allianz Ins. Co</w:t>
      </w:r>
      <w:r w:rsidRPr="00625FDE">
        <w:rPr>
          <w:sz w:val="18"/>
          <w:szCs w:val="18"/>
        </w:rPr>
        <w:t xml:space="preserve">., No. 2:11-CV-00247-JFC, 2012 U.S. Dist. LEXIS 121553 (W.D.P.A. 2012). </w:t>
      </w:r>
    </w:p>
    <w:p w14:paraId="5528717B" w14:textId="77777777" w:rsidR="00CF54CB" w:rsidRPr="00625FDE" w:rsidRDefault="00344004">
      <w:pPr>
        <w:pBdr>
          <w:top w:val="nil"/>
          <w:left w:val="nil"/>
          <w:bottom w:val="nil"/>
          <w:right w:val="nil"/>
          <w:between w:val="nil"/>
        </w:pBdr>
        <w:spacing w:after="0" w:line="240" w:lineRule="auto"/>
        <w:ind w:firstLine="2"/>
        <w:rPr>
          <w:sz w:val="18"/>
          <w:szCs w:val="18"/>
        </w:rPr>
      </w:pPr>
      <w:r w:rsidRPr="00625FDE">
        <w:rPr>
          <w:sz w:val="18"/>
          <w:szCs w:val="18"/>
        </w:rPr>
        <w:t xml:space="preserve"> </w:t>
      </w:r>
      <w:r w:rsidRPr="00625FDE">
        <w:rPr>
          <w:i/>
          <w:sz w:val="18"/>
          <w:szCs w:val="18"/>
        </w:rPr>
        <w:t>Id.</w:t>
      </w:r>
      <w:r w:rsidRPr="00625FDE">
        <w:rPr>
          <w:sz w:val="18"/>
          <w:szCs w:val="18"/>
        </w:rPr>
        <w:t xml:space="preserve"> at *12.  This interrelated nature is not unusual and is referred to as an intra-company transaction.</w:t>
      </w:r>
    </w:p>
    <w:p w14:paraId="0B96548D" w14:textId="77777777" w:rsidR="00CF54CB" w:rsidRPr="00625FDE" w:rsidRDefault="00CF54CB">
      <w:pPr>
        <w:pBdr>
          <w:top w:val="nil"/>
          <w:left w:val="nil"/>
          <w:bottom w:val="nil"/>
          <w:right w:val="nil"/>
          <w:between w:val="nil"/>
        </w:pBdr>
        <w:spacing w:after="0" w:line="267" w:lineRule="auto"/>
        <w:ind w:right="407" w:hanging="4"/>
        <w:rPr>
          <w:sz w:val="18"/>
          <w:szCs w:val="18"/>
        </w:rPr>
      </w:pPr>
    </w:p>
  </w:footnote>
  <w:footnote w:id="34">
    <w:p w14:paraId="21366909" w14:textId="7A553B49" w:rsidR="00CF54CB" w:rsidRPr="00050DDE" w:rsidRDefault="005A1806" w:rsidP="005A1806">
      <w:pPr>
        <w:pBdr>
          <w:top w:val="nil"/>
          <w:left w:val="nil"/>
          <w:bottom w:val="nil"/>
          <w:right w:val="nil"/>
          <w:between w:val="nil"/>
        </w:pBdr>
        <w:spacing w:after="1" w:line="259" w:lineRule="auto"/>
        <w:ind w:left="0" w:firstLine="0"/>
        <w:jc w:val="left"/>
        <w:rPr>
          <w:sz w:val="16"/>
          <w:szCs w:val="16"/>
        </w:rPr>
      </w:pPr>
      <w:r w:rsidRPr="00050DDE">
        <w:rPr>
          <w:rStyle w:val="FootnoteReference"/>
          <w:sz w:val="16"/>
          <w:szCs w:val="16"/>
        </w:rPr>
        <w:footnoteRef/>
      </w:r>
      <w:r w:rsidRPr="00050DDE">
        <w:rPr>
          <w:sz w:val="16"/>
          <w:szCs w:val="16"/>
        </w:rPr>
        <w:t xml:space="preserve"> Assumption Reinsurance Model Act NAIC Model #803 (Adopted by Colorado, Georgia, Kansas, Maine, Missouri, Nebraska, North Carolina, Oregon, Rhode Island, and Vermont)</w:t>
      </w:r>
    </w:p>
  </w:footnote>
  <w:footnote w:id="35">
    <w:p w14:paraId="3F684082" w14:textId="2C093D13" w:rsidR="00CF54CB" w:rsidRPr="00050DDE" w:rsidRDefault="00C006A3" w:rsidP="00C006A3">
      <w:pPr>
        <w:spacing w:after="0"/>
        <w:ind w:left="0" w:firstLine="0"/>
        <w:rPr>
          <w:sz w:val="16"/>
          <w:szCs w:val="16"/>
        </w:rPr>
      </w:pPr>
      <w:r w:rsidRPr="00050DDE">
        <w:rPr>
          <w:rStyle w:val="FootnoteReference"/>
          <w:sz w:val="16"/>
          <w:szCs w:val="16"/>
        </w:rPr>
        <w:footnoteRef/>
      </w:r>
      <w:r w:rsidRPr="00050DDE">
        <w:rPr>
          <w:sz w:val="16"/>
          <w:szCs w:val="16"/>
        </w:rPr>
        <w:t xml:space="preserve"> </w:t>
      </w:r>
      <w:r w:rsidRPr="00050DDE">
        <w:rPr>
          <w:sz w:val="16"/>
          <w:szCs w:val="16"/>
          <w:shd w:val="clear" w:color="auto" w:fill="FFFFFF"/>
        </w:rPr>
        <w:t>Gendron, Matthew Esq. (2018) "Rhode Island's Voluntary Restructuring of Solvent Insurers Law and Similar Efforts in Other States," </w:t>
      </w:r>
      <w:r w:rsidRPr="00050DDE">
        <w:rPr>
          <w:rStyle w:val="Emphasis"/>
          <w:sz w:val="16"/>
          <w:szCs w:val="16"/>
          <w:bdr w:val="none" w:sz="0" w:space="0" w:color="auto" w:frame="1"/>
          <w:shd w:val="clear" w:color="auto" w:fill="FFFFFF"/>
        </w:rPr>
        <w:t>Roger Williams University Law Review</w:t>
      </w:r>
      <w:r w:rsidRPr="00050DDE">
        <w:rPr>
          <w:sz w:val="16"/>
          <w:szCs w:val="16"/>
          <w:shd w:val="clear" w:color="auto" w:fill="FFFFFF"/>
        </w:rPr>
        <w:t xml:space="preserve">: Vol. 23: Iss. 3, Article 3, available at: </w:t>
      </w:r>
      <w:hyperlink r:id="rId10" w:history="1">
        <w:r w:rsidRPr="00050DDE">
          <w:rPr>
            <w:rStyle w:val="Hyperlink"/>
            <w:sz w:val="16"/>
            <w:szCs w:val="16"/>
            <w:shd w:val="clear" w:color="auto" w:fill="FFFFFF"/>
          </w:rPr>
          <w:t>https://docs.rwu.edu/rwu_LR/vol23/iss3/3</w:t>
        </w:r>
      </w:hyperlink>
      <w:r w:rsidRPr="00050DDE">
        <w:rPr>
          <w:sz w:val="16"/>
          <w:szCs w:val="16"/>
          <w:shd w:val="clear" w:color="auto" w:fill="FFFFFF"/>
        </w:rPr>
        <w:t>.  That article briefly raises questions about whether full faith and credit or comity would apply to help insulate an IBT transaction from collateral challenge in a court outside the approving state</w:t>
      </w:r>
    </w:p>
  </w:footnote>
  <w:footnote w:id="36">
    <w:p w14:paraId="4C0C0014" w14:textId="77777777" w:rsidR="00BE1F3F" w:rsidRPr="00050DDE" w:rsidRDefault="00344004" w:rsidP="00BE1F3F">
      <w:pPr>
        <w:pStyle w:val="FootnoteText"/>
        <w:rPr>
          <w:sz w:val="16"/>
          <w:szCs w:val="16"/>
        </w:rPr>
      </w:pPr>
      <w:r w:rsidRPr="00050DDE">
        <w:rPr>
          <w:rStyle w:val="FootnoteReference"/>
          <w:sz w:val="16"/>
          <w:szCs w:val="16"/>
        </w:rPr>
        <w:footnoteRef/>
      </w:r>
      <w:r w:rsidRPr="00050DDE">
        <w:rPr>
          <w:sz w:val="16"/>
          <w:szCs w:val="16"/>
        </w:rPr>
        <w:t xml:space="preserve"> Charges were adopted by the Financial Condition (E) Committee Oct. 27, 2020 (see NAIC Fall National Meeting Minutes for the Financial Condition (E) Committee-Attachment Two). </w:t>
      </w:r>
    </w:p>
    <w:p w14:paraId="534C79C2" w14:textId="4287C5C9" w:rsidR="00BE1F3F" w:rsidRPr="0059032E" w:rsidRDefault="00FE3C39" w:rsidP="00FE3C39">
      <w:pPr>
        <w:pStyle w:val="FootnoteText"/>
        <w:ind w:left="0" w:firstLine="0"/>
        <w:rPr>
          <w:sz w:val="22"/>
          <w:szCs w:val="22"/>
        </w:rPr>
      </w:pPr>
      <w:r w:rsidRPr="00050DDE">
        <w:rPr>
          <w:rStyle w:val="FootnoteReference"/>
          <w:sz w:val="16"/>
          <w:szCs w:val="16"/>
        </w:rPr>
        <w:t>3</w:t>
      </w:r>
      <w:r w:rsidRPr="00050DDE">
        <w:rPr>
          <w:sz w:val="16"/>
          <w:szCs w:val="16"/>
        </w:rPr>
        <w:t>6</w:t>
      </w:r>
      <w:r w:rsidR="00BE1F3F" w:rsidRPr="00050DDE">
        <w:rPr>
          <w:sz w:val="16"/>
          <w:szCs w:val="16"/>
        </w:rPr>
        <w:t xml:space="preserve"> </w:t>
      </w:r>
      <w:r w:rsidR="00BE1F3F" w:rsidRPr="00050DDE">
        <w:rPr>
          <w:rFonts w:eastAsia="MS Mincho"/>
          <w:i/>
          <w:sz w:val="16"/>
          <w:szCs w:val="16"/>
        </w:rPr>
        <w:t>See</w:t>
      </w:r>
      <w:r w:rsidR="00BE1F3F" w:rsidRPr="00050DDE">
        <w:rPr>
          <w:rFonts w:eastAsia="MS Mincho"/>
          <w:sz w:val="16"/>
          <w:szCs w:val="16"/>
        </w:rPr>
        <w:t xml:space="preserve"> Steven E. Sigalow &amp; Richard E. Stewart, </w:t>
      </w:r>
      <w:r w:rsidR="00BE1F3F" w:rsidRPr="00050DDE">
        <w:rPr>
          <w:rFonts w:eastAsia="MS Mincho"/>
          <w:i/>
          <w:sz w:val="16"/>
          <w:szCs w:val="16"/>
        </w:rPr>
        <w:t>How Lloyd’s Saved Itself</w:t>
      </w:r>
      <w:r w:rsidR="00BE1F3F" w:rsidRPr="00050DDE">
        <w:rPr>
          <w:rFonts w:eastAsia="MS Mincho"/>
          <w:sz w:val="16"/>
          <w:szCs w:val="16"/>
        </w:rPr>
        <w:t xml:space="preserve">, 37 </w:t>
      </w:r>
      <w:r w:rsidR="00BE1F3F" w:rsidRPr="00050DDE">
        <w:rPr>
          <w:rFonts w:eastAsia="MS Mincho"/>
          <w:smallCaps/>
          <w:sz w:val="16"/>
          <w:szCs w:val="16"/>
        </w:rPr>
        <w:t xml:space="preserve">The Ins. Forum </w:t>
      </w:r>
      <w:r w:rsidR="00BE1F3F" w:rsidRPr="00050DDE">
        <w:rPr>
          <w:rFonts w:eastAsia="MS Mincho"/>
          <w:sz w:val="16"/>
          <w:szCs w:val="16"/>
        </w:rPr>
        <w:t xml:space="preserve">(2010), </w:t>
      </w:r>
      <w:r w:rsidR="00BE1F3F" w:rsidRPr="00050DDE">
        <w:rPr>
          <w:rFonts w:eastAsia="MS Mincho"/>
          <w:i/>
          <w:sz w:val="16"/>
          <w:szCs w:val="16"/>
        </w:rPr>
        <w:t>reprinted in</w:t>
      </w:r>
      <w:r w:rsidR="00BE1F3F" w:rsidRPr="00050DDE">
        <w:rPr>
          <w:rFonts w:eastAsia="MS Mincho"/>
          <w:sz w:val="16"/>
          <w:szCs w:val="16"/>
        </w:rPr>
        <w:t xml:space="preserve"> </w:t>
      </w:r>
      <w:r w:rsidR="00BE1F3F" w:rsidRPr="00050DDE">
        <w:rPr>
          <w:rFonts w:eastAsia="MS Mincho"/>
          <w:smallCaps/>
          <w:sz w:val="16"/>
          <w:szCs w:val="16"/>
        </w:rPr>
        <w:t>Jones Day</w:t>
      </w:r>
      <w:r w:rsidR="00BE1F3F" w:rsidRPr="00050DDE">
        <w:rPr>
          <w:rFonts w:eastAsia="MS Mincho"/>
          <w:sz w:val="16"/>
          <w:szCs w:val="16"/>
        </w:rPr>
        <w:t xml:space="preserve">, </w:t>
      </w:r>
      <w:hyperlink r:id="rId11" w:history="1">
        <w:r w:rsidR="00F81680" w:rsidRPr="00050DDE">
          <w:rPr>
            <w:rStyle w:val="Hyperlink"/>
            <w:rFonts w:eastAsia="MS Mincho"/>
            <w:sz w:val="16"/>
            <w:szCs w:val="16"/>
          </w:rPr>
          <w:t>http://www.jonesday.com/files/Publication/dae28676-d6c8-4de6-9cbb</w:t>
        </w:r>
      </w:hyperlink>
      <w:r w:rsidR="00F81680">
        <w:rPr>
          <w:rFonts w:eastAsia="MS Mincho"/>
        </w:rPr>
        <w:t xml:space="preserve"> </w:t>
      </w:r>
      <w:r w:rsidR="00BE1F3F" w:rsidRPr="0059032E">
        <w:rPr>
          <w:rFonts w:eastAsia="MS Mincho"/>
        </w:rPr>
        <w:t>c05aee419d4b/Presentation/PublicationAttachment/533860ba-d4f1-4056-85d978b84dc71af5/How%20Lloyd's%20Saved%20Itself.pdf (last visited June 9, 2021).</w:t>
      </w:r>
    </w:p>
    <w:p w14:paraId="37E7F433" w14:textId="424BE7BB" w:rsidR="00BE1F3F" w:rsidRPr="00213828" w:rsidRDefault="00CB713A" w:rsidP="000F40DA">
      <w:pPr>
        <w:pStyle w:val="FootnoteText"/>
        <w:ind w:left="0" w:firstLine="0"/>
        <w:rPr>
          <w:sz w:val="16"/>
          <w:szCs w:val="16"/>
        </w:rPr>
      </w:pPr>
      <w:r w:rsidRPr="00213828">
        <w:rPr>
          <w:rStyle w:val="FootnoteReference"/>
          <w:sz w:val="16"/>
          <w:szCs w:val="16"/>
        </w:rPr>
        <w:t>3</w:t>
      </w:r>
      <w:r w:rsidRPr="00213828">
        <w:rPr>
          <w:sz w:val="16"/>
          <w:szCs w:val="16"/>
        </w:rPr>
        <w:t>7</w:t>
      </w:r>
      <w:r w:rsidR="00BE1F3F" w:rsidRPr="00213828">
        <w:rPr>
          <w:sz w:val="16"/>
          <w:szCs w:val="16"/>
        </w:rPr>
        <w:t xml:space="preserve"> </w:t>
      </w:r>
      <w:r w:rsidR="00BE1F3F" w:rsidRPr="00213828">
        <w:rPr>
          <w:i/>
          <w:iCs/>
          <w:sz w:val="16"/>
          <w:szCs w:val="16"/>
        </w:rPr>
        <w:t>Air &amp; Liquid Sys. Corp. v. Allianz Ins. Co</w:t>
      </w:r>
      <w:r w:rsidR="00BE1F3F" w:rsidRPr="00213828">
        <w:rPr>
          <w:sz w:val="16"/>
          <w:szCs w:val="16"/>
        </w:rPr>
        <w:t xml:space="preserve">., No. 2:11-CV-00247-JFC, 2012 U.S. Dist. LEXIS 121553 (W.D.P.A. 2012). </w:t>
      </w:r>
    </w:p>
    <w:p w14:paraId="58901182" w14:textId="7CA8B93F" w:rsidR="00BE1F3F" w:rsidRPr="00213828" w:rsidRDefault="00CB713A" w:rsidP="00CB713A">
      <w:pPr>
        <w:pStyle w:val="FootnoteText"/>
        <w:ind w:left="0" w:firstLine="0"/>
        <w:rPr>
          <w:sz w:val="16"/>
          <w:szCs w:val="16"/>
        </w:rPr>
      </w:pPr>
      <w:r w:rsidRPr="00213828">
        <w:rPr>
          <w:rStyle w:val="FootnoteReference"/>
          <w:sz w:val="12"/>
          <w:szCs w:val="12"/>
        </w:rPr>
        <w:t>3</w:t>
      </w:r>
      <w:r w:rsidRPr="00213828">
        <w:rPr>
          <w:sz w:val="12"/>
          <w:szCs w:val="12"/>
        </w:rPr>
        <w:t>8</w:t>
      </w:r>
      <w:r w:rsidR="00BE1F3F" w:rsidRPr="00213828">
        <w:rPr>
          <w:sz w:val="16"/>
          <w:szCs w:val="16"/>
        </w:rPr>
        <w:t xml:space="preserve"> </w:t>
      </w:r>
      <w:r w:rsidR="00BE1F3F" w:rsidRPr="00213828">
        <w:rPr>
          <w:i/>
          <w:sz w:val="16"/>
          <w:szCs w:val="16"/>
        </w:rPr>
        <w:t>Id.</w:t>
      </w:r>
      <w:r w:rsidR="00BE1F3F" w:rsidRPr="00213828">
        <w:rPr>
          <w:sz w:val="16"/>
          <w:szCs w:val="16"/>
        </w:rPr>
        <w:t xml:space="preserve"> at *12.  This interrelated nature is not unusual and is referred to as an intra-company transaction.</w:t>
      </w:r>
    </w:p>
    <w:p w14:paraId="4E283CB2" w14:textId="70824322" w:rsidR="00BF5E06" w:rsidRPr="00213828" w:rsidRDefault="002E478E" w:rsidP="002E478E">
      <w:pPr>
        <w:pStyle w:val="FootnoteText"/>
        <w:ind w:left="0" w:firstLine="0"/>
        <w:rPr>
          <w:sz w:val="16"/>
          <w:szCs w:val="16"/>
        </w:rPr>
      </w:pPr>
      <w:r w:rsidRPr="00213828">
        <w:rPr>
          <w:rStyle w:val="FootnoteReference"/>
          <w:sz w:val="12"/>
          <w:szCs w:val="12"/>
        </w:rPr>
        <w:t>3</w:t>
      </w:r>
      <w:r w:rsidRPr="00213828">
        <w:rPr>
          <w:sz w:val="12"/>
          <w:szCs w:val="12"/>
        </w:rPr>
        <w:t>9</w:t>
      </w:r>
      <w:r w:rsidR="00BF5E06" w:rsidRPr="00213828">
        <w:rPr>
          <w:sz w:val="16"/>
          <w:szCs w:val="16"/>
        </w:rPr>
        <w:t xml:space="preserve"> </w:t>
      </w:r>
      <w:r w:rsidR="00BF5E06" w:rsidRPr="00213828">
        <w:rPr>
          <w:iCs/>
          <w:sz w:val="16"/>
          <w:szCs w:val="16"/>
        </w:rPr>
        <w:t>In re Bd. of Dirs. of Hopewell Int’l Ins. Ltd</w:t>
      </w:r>
      <w:r w:rsidR="00BF5E06" w:rsidRPr="00213828">
        <w:rPr>
          <w:sz w:val="16"/>
          <w:szCs w:val="16"/>
        </w:rPr>
        <w:t>., 238 B.R. 25, 31–32 (Bankr. S.D.N.Y. 1999).</w:t>
      </w:r>
    </w:p>
    <w:p w14:paraId="78AD5280" w14:textId="39BA6694" w:rsidR="00BF5E06" w:rsidRPr="00213828" w:rsidRDefault="002E478E" w:rsidP="002E478E">
      <w:pPr>
        <w:pStyle w:val="FootnoteText"/>
        <w:ind w:left="0" w:firstLine="0"/>
        <w:rPr>
          <w:sz w:val="16"/>
          <w:szCs w:val="16"/>
        </w:rPr>
      </w:pPr>
      <w:r w:rsidRPr="00213828">
        <w:rPr>
          <w:rStyle w:val="FootnoteReference"/>
          <w:sz w:val="12"/>
          <w:szCs w:val="12"/>
        </w:rPr>
        <w:t>4</w:t>
      </w:r>
      <w:r w:rsidRPr="00213828">
        <w:rPr>
          <w:sz w:val="12"/>
          <w:szCs w:val="12"/>
        </w:rPr>
        <w:t>0</w:t>
      </w:r>
      <w:r w:rsidR="00BF5E06" w:rsidRPr="00213828">
        <w:rPr>
          <w:sz w:val="12"/>
          <w:szCs w:val="12"/>
        </w:rPr>
        <w:t xml:space="preserve"> </w:t>
      </w:r>
      <w:r w:rsidR="00BF5E06" w:rsidRPr="00213828">
        <w:rPr>
          <w:sz w:val="16"/>
          <w:szCs w:val="16"/>
        </w:rPr>
        <w:t>Written by then the Chief United States bankruptcy judge in the Southern District of New York Tina Brozman, this decision detailed relevant history behind the Bermuda schemes of arrangement, including the different methods available to companies.  One arrangement involved a cut-off scheme, developed in 1995, in which companies have no more than five years to submit additional claims prior to a bar date.  This scheme greatly reduced the time for a run-off to wind down its business.</w:t>
      </w:r>
    </w:p>
    <w:p w14:paraId="2C42F089" w14:textId="0CDED8FB" w:rsidR="00BF5E06" w:rsidRPr="00213828" w:rsidRDefault="002E478E" w:rsidP="002E478E">
      <w:pPr>
        <w:pStyle w:val="FootnoteText"/>
        <w:ind w:left="0" w:firstLine="0"/>
        <w:rPr>
          <w:sz w:val="16"/>
          <w:szCs w:val="16"/>
        </w:rPr>
      </w:pPr>
      <w:r w:rsidRPr="00213828">
        <w:rPr>
          <w:rStyle w:val="FootnoteReference"/>
          <w:sz w:val="12"/>
          <w:szCs w:val="12"/>
        </w:rPr>
        <w:t>4</w:t>
      </w:r>
      <w:r w:rsidRPr="00213828">
        <w:rPr>
          <w:sz w:val="12"/>
          <w:szCs w:val="12"/>
        </w:rPr>
        <w:t>1</w:t>
      </w:r>
      <w:r w:rsidR="00BF5E06" w:rsidRPr="00213828">
        <w:rPr>
          <w:sz w:val="16"/>
          <w:szCs w:val="16"/>
        </w:rPr>
        <w:t xml:space="preserve"> Citing to 11 U.S.C. § 101(23) (2012), The court applied a standard that “a foreign proceeding is a foreign judicial or administrative process whose end is to liquidate the foreign estate, adjust its debts or effectuate its reorganization.”  </w:t>
      </w:r>
      <w:r w:rsidR="00BF5E06" w:rsidRPr="00213828">
        <w:rPr>
          <w:i/>
          <w:sz w:val="16"/>
          <w:szCs w:val="16"/>
        </w:rPr>
        <w:t xml:space="preserve">Id. </w:t>
      </w:r>
      <w:r w:rsidR="00BF5E06" w:rsidRPr="00213828">
        <w:rPr>
          <w:sz w:val="16"/>
          <w:szCs w:val="16"/>
        </w:rPr>
        <w:t>at 49 (internal quotations omitted).</w:t>
      </w:r>
    </w:p>
    <w:p w14:paraId="1F129150" w14:textId="25D5DD96" w:rsidR="00BF5E06" w:rsidRPr="00213828" w:rsidRDefault="00213828" w:rsidP="00213828">
      <w:pPr>
        <w:pStyle w:val="FootnoteText"/>
        <w:ind w:left="0" w:firstLine="0"/>
        <w:rPr>
          <w:sz w:val="16"/>
          <w:szCs w:val="16"/>
        </w:rPr>
      </w:pPr>
      <w:r w:rsidRPr="00213828">
        <w:rPr>
          <w:rStyle w:val="FootnoteReference"/>
          <w:sz w:val="12"/>
          <w:szCs w:val="12"/>
        </w:rPr>
        <w:t>4</w:t>
      </w:r>
      <w:r w:rsidRPr="00213828">
        <w:rPr>
          <w:sz w:val="12"/>
          <w:szCs w:val="12"/>
        </w:rPr>
        <w:t>2</w:t>
      </w:r>
      <w:r w:rsidR="00BF5E06" w:rsidRPr="00213828">
        <w:rPr>
          <w:sz w:val="16"/>
          <w:szCs w:val="16"/>
        </w:rPr>
        <w:t xml:space="preserve"> Charges were adopted by the Financial Condition (E) Committee Oct. 27, 2020 (see NAIC Fall National Meeting Minutes for the Financial Condition (E) Committee-Attachment Two).</w:t>
      </w:r>
    </w:p>
    <w:p w14:paraId="6FD79F91" w14:textId="77777777" w:rsidR="002F0F62" w:rsidRPr="00213828" w:rsidRDefault="002F0F62" w:rsidP="00CB713A">
      <w:pPr>
        <w:pStyle w:val="FootnoteText"/>
        <w:ind w:left="0" w:firstLine="0"/>
        <w:rPr>
          <w:sz w:val="16"/>
          <w:szCs w:val="16"/>
        </w:rPr>
      </w:pPr>
    </w:p>
    <w:p w14:paraId="1D7F8495" w14:textId="29FC7EEC" w:rsidR="00CF54CB" w:rsidRDefault="00CF54CB" w:rsidP="00003554">
      <w:pPr>
        <w:pBdr>
          <w:top w:val="nil"/>
          <w:left w:val="nil"/>
          <w:bottom w:val="nil"/>
          <w:right w:val="nil"/>
          <w:between w:val="nil"/>
        </w:pBdr>
        <w:spacing w:after="0" w:line="275" w:lineRule="auto"/>
        <w:ind w:left="0" w:firstLine="0"/>
        <w:jc w:val="left"/>
        <w:rPr>
          <w:sz w:val="20"/>
          <w:szCs w:val="20"/>
        </w:rPr>
      </w:pPr>
    </w:p>
  </w:footnote>
  <w:footnote w:id="37">
    <w:p w14:paraId="43EC48D8" w14:textId="2F642D27" w:rsidR="00523904" w:rsidRDefault="00523904">
      <w:pPr>
        <w:pStyle w:val="FootnoteText"/>
      </w:pPr>
      <w:ins w:id="518" w:author="Daveline, Dan" w:date="2021-12-20T13:37:00Z">
        <w:r>
          <w:rPr>
            <w:rStyle w:val="FootnoteReference"/>
          </w:rPr>
          <w:footnoteRef/>
        </w:r>
        <w:r>
          <w:t xml:space="preserve"> </w:t>
        </w:r>
        <w:r w:rsidR="00332965">
          <w:t xml:space="preserve">Arkansas statute not enacted as date of this </w:t>
        </w:r>
      </w:ins>
      <w:ins w:id="519" w:author="Daveline, Dan" w:date="2021-12-20T13:38:00Z">
        <w:r w:rsidR="00332965">
          <w:t>White Paper</w:t>
        </w:r>
      </w:ins>
    </w:p>
  </w:footnote>
  <w:footnote w:id="38">
    <w:p w14:paraId="400E1B4D" w14:textId="77777777" w:rsidR="00CF54CB" w:rsidRDefault="00344004">
      <w:pPr>
        <w:pBdr>
          <w:top w:val="nil"/>
          <w:left w:val="nil"/>
          <w:bottom w:val="nil"/>
          <w:right w:val="nil"/>
          <w:between w:val="nil"/>
        </w:pBdr>
        <w:spacing w:after="45" w:line="259" w:lineRule="auto"/>
        <w:ind w:left="0" w:hanging="4"/>
        <w:jc w:val="left"/>
        <w:rPr>
          <w:sz w:val="20"/>
          <w:szCs w:val="20"/>
        </w:rPr>
      </w:pPr>
      <w:r>
        <w:rPr>
          <w:rStyle w:val="FootnoteReference"/>
        </w:rPr>
        <w:footnoteRef/>
      </w:r>
      <w:r>
        <w:rPr>
          <w:sz w:val="20"/>
          <w:szCs w:val="20"/>
        </w:rPr>
        <w:t xml:space="preserve"> </w:t>
      </w:r>
      <w:r>
        <w:rPr>
          <w:rFonts w:ascii="Century Schoolbook" w:eastAsia="Century Schoolbook" w:hAnsi="Century Schoolbook" w:cs="Century Schoolbook"/>
          <w:sz w:val="16"/>
          <w:szCs w:val="16"/>
        </w:rPr>
        <w:t>Control is presumed to exist with the power to vote 10% or more of the voting securities of an insurer.</w:t>
      </w:r>
      <w:r>
        <w:rPr>
          <w:rFonts w:ascii="Calibri" w:eastAsia="Calibri" w:hAnsi="Calibri" w:cs="Calibri"/>
          <w:sz w:val="20"/>
          <w:szCs w:val="20"/>
        </w:rPr>
        <w:t xml:space="preserve"> </w:t>
      </w:r>
    </w:p>
  </w:footnote>
  <w:footnote w:id="39">
    <w:p w14:paraId="783A2446" w14:textId="77777777" w:rsidR="00CF54CB" w:rsidRDefault="00344004">
      <w:pPr>
        <w:pBdr>
          <w:top w:val="nil"/>
          <w:left w:val="nil"/>
          <w:bottom w:val="nil"/>
          <w:right w:val="nil"/>
          <w:between w:val="nil"/>
        </w:pBdr>
        <w:spacing w:after="0" w:line="271" w:lineRule="auto"/>
        <w:ind w:left="0" w:hanging="4"/>
        <w:jc w:val="left"/>
        <w:rPr>
          <w:sz w:val="20"/>
          <w:szCs w:val="20"/>
        </w:rPr>
      </w:pPr>
      <w:r>
        <w:rPr>
          <w:rStyle w:val="FootnoteReference"/>
        </w:rPr>
        <w:footnoteRef/>
      </w:r>
      <w:r>
        <w:rPr>
          <w:sz w:val="20"/>
          <w:szCs w:val="20"/>
        </w:rPr>
        <w:t xml:space="preserve"> </w:t>
      </w:r>
      <w:r>
        <w:rPr>
          <w:rFonts w:ascii="Century Schoolbook" w:eastAsia="Century Schoolbook" w:hAnsi="Century Schoolbook" w:cs="Century Schoolbook"/>
          <w:sz w:val="16"/>
          <w:szCs w:val="16"/>
        </w:rPr>
        <w:t xml:space="preserve">Regulatory jurisdiction under the NAIC Insurance Holding Company System Regulatory Act is of domestic insurers, but some states assert jurisdiction over non-domestic insurers on the basis of the insurer being “commercially domiciled” in that jurisdiction due to the volume of business. </w:t>
      </w:r>
      <w:r>
        <w:rPr>
          <w:rFonts w:ascii="Century Schoolbook" w:eastAsia="Century Schoolbook" w:hAnsi="Century Schoolbook" w:cs="Century Schoolbook"/>
          <w:i/>
          <w:sz w:val="16"/>
          <w:szCs w:val="16"/>
        </w:rPr>
        <w:t xml:space="preserve">See </w:t>
      </w:r>
      <w:r>
        <w:rPr>
          <w:rFonts w:ascii="Century Schoolbook" w:eastAsia="Century Schoolbook" w:hAnsi="Century Schoolbook" w:cs="Century Schoolbook"/>
          <w:sz w:val="16"/>
          <w:szCs w:val="16"/>
        </w:rPr>
        <w:t>CAL. INS. CODE § 1215.4 (1993).</w:t>
      </w:r>
      <w:r>
        <w:rPr>
          <w:rFonts w:ascii="Calibri" w:eastAsia="Calibri" w:hAnsi="Calibri" w:cs="Calibri"/>
          <w:sz w:val="20"/>
          <w:szCs w:val="20"/>
        </w:rPr>
        <w:t xml:space="preserve"> </w:t>
      </w:r>
    </w:p>
  </w:footnote>
  <w:footnote w:id="40">
    <w:p w14:paraId="698E8052" w14:textId="77777777" w:rsidR="00CF54CB" w:rsidRDefault="00344004">
      <w:pPr>
        <w:pBdr>
          <w:top w:val="nil"/>
          <w:left w:val="nil"/>
          <w:bottom w:val="nil"/>
          <w:right w:val="nil"/>
          <w:between w:val="nil"/>
        </w:pBdr>
        <w:spacing w:after="30" w:line="276" w:lineRule="auto"/>
        <w:ind w:left="0" w:right="159" w:hanging="4"/>
        <w:jc w:val="left"/>
        <w:rPr>
          <w:sz w:val="20"/>
          <w:szCs w:val="20"/>
        </w:rPr>
      </w:pPr>
      <w:r>
        <w:rPr>
          <w:rStyle w:val="FootnoteReference"/>
        </w:rPr>
        <w:footnoteRef/>
      </w:r>
      <w:r>
        <w:rPr>
          <w:sz w:val="20"/>
          <w:szCs w:val="20"/>
        </w:rPr>
        <w:t xml:space="preserve"> </w:t>
      </w:r>
      <w:r>
        <w:rPr>
          <w:rFonts w:ascii="Century Schoolbook" w:eastAsia="Century Schoolbook" w:hAnsi="Century Schoolbook" w:cs="Century Schoolbook"/>
          <w:sz w:val="16"/>
          <w:szCs w:val="16"/>
        </w:rPr>
        <w:t>The NAIC Insurance Holding Company System Regulatory Act at Section 5A. Similar authority as to insurers that are not a part of an insurance holding company system can be found in the Disclosure of Material Transactions Model Act adopted by the NAIC.</w:t>
      </w:r>
      <w:r>
        <w:rPr>
          <w:rFonts w:ascii="Calibri" w:eastAsia="Calibri" w:hAnsi="Calibri" w:cs="Calibri"/>
          <w:sz w:val="20"/>
          <w:szCs w:val="20"/>
        </w:rPr>
        <w:t xml:space="preserve"> </w:t>
      </w:r>
      <w:r>
        <w:rPr>
          <w:rFonts w:ascii="Calibri" w:eastAsia="Calibri" w:hAnsi="Calibri" w:cs="Calibri"/>
          <w:sz w:val="20"/>
          <w:szCs w:val="20"/>
          <w:vertAlign w:val="superscript"/>
        </w:rPr>
        <w:t>8</w:t>
      </w:r>
      <w:r>
        <w:rPr>
          <w:rFonts w:ascii="Calibri" w:eastAsia="Calibri" w:hAnsi="Calibri" w:cs="Calibri"/>
          <w:sz w:val="20"/>
          <w:szCs w:val="20"/>
        </w:rPr>
        <w:t xml:space="preserve"> </w:t>
      </w:r>
      <w:r>
        <w:rPr>
          <w:rFonts w:ascii="Century Schoolbook" w:eastAsia="Century Schoolbook" w:hAnsi="Century Schoolbook" w:cs="Century Schoolbook"/>
          <w:i/>
          <w:sz w:val="16"/>
          <w:szCs w:val="16"/>
        </w:rPr>
        <w:t xml:space="preserve">Id. </w:t>
      </w:r>
      <w:r>
        <w:rPr>
          <w:rFonts w:ascii="Century Schoolbook" w:eastAsia="Century Schoolbook" w:hAnsi="Century Schoolbook" w:cs="Century Schoolbook"/>
          <w:sz w:val="16"/>
          <w:szCs w:val="16"/>
        </w:rPr>
        <w:t>at Section 5B.</w:t>
      </w:r>
      <w:r>
        <w:rPr>
          <w:rFonts w:ascii="Calibri" w:eastAsia="Calibri" w:hAnsi="Calibri" w:cs="Calibri"/>
          <w:sz w:val="20"/>
          <w:szCs w:val="20"/>
        </w:rPr>
        <w:t xml:space="preserve"> </w:t>
      </w:r>
    </w:p>
  </w:footnote>
  <w:footnote w:id="41">
    <w:p w14:paraId="1ADDC366" w14:textId="77777777" w:rsidR="00CF54CB" w:rsidRDefault="00344004">
      <w:pPr>
        <w:pBdr>
          <w:top w:val="nil"/>
          <w:left w:val="nil"/>
          <w:bottom w:val="nil"/>
          <w:right w:val="nil"/>
          <w:between w:val="nil"/>
        </w:pBdr>
        <w:spacing w:after="50" w:line="259" w:lineRule="auto"/>
        <w:ind w:left="0" w:hanging="4"/>
        <w:jc w:val="left"/>
        <w:rPr>
          <w:sz w:val="20"/>
          <w:szCs w:val="20"/>
        </w:rPr>
      </w:pPr>
      <w:r>
        <w:rPr>
          <w:rStyle w:val="FootnoteReference"/>
        </w:rPr>
        <w:footnoteRef/>
      </w:r>
      <w:r>
        <w:rPr>
          <w:sz w:val="20"/>
          <w:szCs w:val="20"/>
        </w:rPr>
        <w:t xml:space="preserve"> </w:t>
      </w:r>
      <w:r>
        <w:rPr>
          <w:rFonts w:ascii="Century Schoolbook" w:eastAsia="Century Schoolbook" w:hAnsi="Century Schoolbook" w:cs="Century Schoolbook"/>
          <w:sz w:val="16"/>
          <w:szCs w:val="16"/>
        </w:rPr>
        <w:t>The Model Law on Examinations adopted by the NAIC has been enacted in 41 states, see Section 3A.</w:t>
      </w:r>
      <w:r>
        <w:rPr>
          <w:rFonts w:ascii="Calibri" w:eastAsia="Calibri" w:hAnsi="Calibri" w:cs="Calibri"/>
          <w:sz w:val="20"/>
          <w:szCs w:val="20"/>
        </w:rPr>
        <w:t xml:space="preserve"> </w:t>
      </w:r>
    </w:p>
  </w:footnote>
  <w:footnote w:id="42">
    <w:p w14:paraId="489DF253" w14:textId="77777777" w:rsidR="00CF54CB" w:rsidRDefault="00344004">
      <w:pPr>
        <w:pBdr>
          <w:top w:val="nil"/>
          <w:left w:val="nil"/>
          <w:bottom w:val="nil"/>
          <w:right w:val="nil"/>
          <w:between w:val="nil"/>
        </w:pBdr>
        <w:spacing w:after="0" w:line="308" w:lineRule="auto"/>
        <w:ind w:left="0" w:right="4129" w:hanging="4"/>
        <w:jc w:val="left"/>
        <w:rPr>
          <w:sz w:val="20"/>
          <w:szCs w:val="20"/>
        </w:rPr>
      </w:pPr>
      <w:r>
        <w:rPr>
          <w:rStyle w:val="FootnoteReference"/>
        </w:rPr>
        <w:footnoteRef/>
      </w:r>
      <w:r>
        <w:rPr>
          <w:sz w:val="20"/>
          <w:szCs w:val="20"/>
        </w:rPr>
        <w:t xml:space="preserve"> </w:t>
      </w:r>
      <w:r>
        <w:rPr>
          <w:rFonts w:ascii="Century Schoolbook" w:eastAsia="Century Schoolbook" w:hAnsi="Century Schoolbook" w:cs="Century Schoolbook"/>
          <w:sz w:val="16"/>
          <w:szCs w:val="16"/>
        </w:rPr>
        <w:t>The NAIC Insurance Holding Company System Regulatory Act at Section 6A.</w:t>
      </w:r>
      <w:r>
        <w:rPr>
          <w:rFonts w:ascii="Calibri" w:eastAsia="Calibri" w:hAnsi="Calibri" w:cs="Calibri"/>
          <w:sz w:val="20"/>
          <w:szCs w:val="20"/>
        </w:rPr>
        <w:t xml:space="preserve"> </w:t>
      </w:r>
      <w:r>
        <w:rPr>
          <w:rFonts w:ascii="Calibri" w:eastAsia="Calibri" w:hAnsi="Calibri" w:cs="Calibri"/>
          <w:sz w:val="20"/>
          <w:szCs w:val="20"/>
          <w:vertAlign w:val="superscript"/>
        </w:rPr>
        <w:t>11</w:t>
      </w:r>
      <w:r>
        <w:rPr>
          <w:rFonts w:ascii="Calibri" w:eastAsia="Calibri" w:hAnsi="Calibri" w:cs="Calibri"/>
          <w:sz w:val="20"/>
          <w:szCs w:val="20"/>
        </w:rPr>
        <w:t xml:space="preserve"> </w:t>
      </w:r>
      <w:r>
        <w:rPr>
          <w:rFonts w:ascii="Century Schoolbook" w:eastAsia="Century Schoolbook" w:hAnsi="Century Schoolbook" w:cs="Century Schoolbook"/>
          <w:sz w:val="16"/>
          <w:szCs w:val="16"/>
        </w:rPr>
        <w:t>The NAIC Model Law on Examination at Section 4D.</w:t>
      </w:r>
      <w:r>
        <w:rPr>
          <w:rFonts w:ascii="Calibri" w:eastAsia="Calibri" w:hAnsi="Calibri" w:cs="Calibri"/>
          <w:sz w:val="20"/>
          <w:szCs w:val="20"/>
        </w:rPr>
        <w:t xml:space="preserve"> </w:t>
      </w:r>
    </w:p>
  </w:footnote>
  <w:footnote w:id="43">
    <w:p w14:paraId="6E6644EC" w14:textId="77777777" w:rsidR="00CF54CB" w:rsidRDefault="00344004">
      <w:pPr>
        <w:pBdr>
          <w:top w:val="nil"/>
          <w:left w:val="nil"/>
          <w:bottom w:val="nil"/>
          <w:right w:val="nil"/>
          <w:between w:val="nil"/>
        </w:pBdr>
        <w:spacing w:after="49" w:line="259" w:lineRule="auto"/>
        <w:ind w:left="0" w:hanging="4"/>
        <w:jc w:val="left"/>
        <w:rPr>
          <w:sz w:val="20"/>
          <w:szCs w:val="20"/>
        </w:rPr>
      </w:pPr>
      <w:r>
        <w:rPr>
          <w:rStyle w:val="FootnoteReference"/>
        </w:rPr>
        <w:footnoteRef/>
      </w:r>
      <w:r>
        <w:rPr>
          <w:sz w:val="20"/>
          <w:szCs w:val="20"/>
        </w:rPr>
        <w:t xml:space="preserve"> </w:t>
      </w:r>
      <w:r>
        <w:rPr>
          <w:rFonts w:ascii="Century Schoolbook" w:eastAsia="Century Schoolbook" w:hAnsi="Century Schoolbook" w:cs="Century Schoolbook"/>
          <w:i/>
          <w:sz w:val="16"/>
          <w:szCs w:val="16"/>
        </w:rPr>
        <w:t xml:space="preserve">Id. </w:t>
      </w:r>
      <w:r>
        <w:rPr>
          <w:rFonts w:ascii="Century Schoolbook" w:eastAsia="Century Schoolbook" w:hAnsi="Century Schoolbook" w:cs="Century Schoolbook"/>
          <w:sz w:val="16"/>
          <w:szCs w:val="16"/>
        </w:rPr>
        <w:t>at Section 5F (Six of the 41 states that have enacted the Model Law have not adopted the section on confidentiality).</w:t>
      </w:r>
      <w:r>
        <w:rPr>
          <w:rFonts w:ascii="Calibri" w:eastAsia="Calibri" w:hAnsi="Calibri" w:cs="Calibri"/>
          <w:sz w:val="20"/>
          <w:szCs w:val="20"/>
        </w:rPr>
        <w:t xml:space="preserve"> </w:t>
      </w:r>
    </w:p>
  </w:footnote>
  <w:footnote w:id="44">
    <w:p w14:paraId="646F0BB7" w14:textId="77777777" w:rsidR="00CF54CB" w:rsidRDefault="00344004">
      <w:pPr>
        <w:pBdr>
          <w:top w:val="nil"/>
          <w:left w:val="nil"/>
          <w:bottom w:val="nil"/>
          <w:right w:val="nil"/>
          <w:between w:val="nil"/>
        </w:pBdr>
        <w:spacing w:after="75" w:line="259" w:lineRule="auto"/>
        <w:ind w:left="0" w:hanging="4"/>
        <w:jc w:val="left"/>
        <w:rPr>
          <w:sz w:val="20"/>
          <w:szCs w:val="20"/>
        </w:rPr>
      </w:pPr>
      <w:r>
        <w:rPr>
          <w:rStyle w:val="FootnoteReference"/>
        </w:rPr>
        <w:footnoteRef/>
      </w:r>
      <w:r>
        <w:rPr>
          <w:sz w:val="20"/>
          <w:szCs w:val="20"/>
        </w:rPr>
        <w:t xml:space="preserve"> </w:t>
      </w:r>
      <w:r>
        <w:rPr>
          <w:rFonts w:ascii="Century Schoolbook" w:eastAsia="Century Schoolbook" w:hAnsi="Century Schoolbook" w:cs="Century Schoolbook"/>
          <w:i/>
          <w:sz w:val="16"/>
          <w:szCs w:val="16"/>
        </w:rPr>
        <w:t xml:space="preserve">See </w:t>
      </w:r>
      <w:r>
        <w:rPr>
          <w:rFonts w:ascii="Century Schoolbook" w:eastAsia="Century Schoolbook" w:hAnsi="Century Schoolbook" w:cs="Century Schoolbook"/>
          <w:sz w:val="16"/>
          <w:szCs w:val="16"/>
        </w:rPr>
        <w:t>N.J. Stat. Ann. § 17:33 8-30 (1994).</w:t>
      </w:r>
      <w:r>
        <w:rPr>
          <w:rFonts w:ascii="Calibri" w:eastAsia="Calibri" w:hAnsi="Calibri" w:cs="Calibri"/>
          <w:sz w:val="20"/>
          <w:szCs w:val="20"/>
        </w:rPr>
        <w:t xml:space="preserve"> </w:t>
      </w:r>
    </w:p>
  </w:footnote>
  <w:footnote w:id="45">
    <w:p w14:paraId="13216099" w14:textId="77777777" w:rsidR="00CF54CB" w:rsidRDefault="00344004">
      <w:pPr>
        <w:pBdr>
          <w:top w:val="nil"/>
          <w:left w:val="nil"/>
          <w:bottom w:val="nil"/>
          <w:right w:val="nil"/>
          <w:between w:val="nil"/>
        </w:pBdr>
        <w:spacing w:after="60" w:line="259" w:lineRule="auto"/>
        <w:ind w:left="0" w:hanging="4"/>
        <w:jc w:val="left"/>
        <w:rPr>
          <w:sz w:val="20"/>
          <w:szCs w:val="20"/>
        </w:rPr>
      </w:pPr>
      <w:r>
        <w:rPr>
          <w:rStyle w:val="FootnoteReference"/>
        </w:rPr>
        <w:footnoteRef/>
      </w:r>
      <w:r>
        <w:rPr>
          <w:sz w:val="20"/>
          <w:szCs w:val="20"/>
        </w:rPr>
        <w:t xml:space="preserve"> </w:t>
      </w:r>
      <w:r>
        <w:rPr>
          <w:rFonts w:ascii="Century Schoolbook" w:eastAsia="Century Schoolbook" w:hAnsi="Century Schoolbook" w:cs="Century Schoolbook"/>
          <w:sz w:val="16"/>
          <w:szCs w:val="16"/>
        </w:rPr>
        <w:t xml:space="preserve">The Redomestication Model Bill adopted by the NAIC is enacted in 37 states. </w:t>
      </w:r>
    </w:p>
  </w:footnote>
  <w:footnote w:id="46">
    <w:p w14:paraId="02837D64" w14:textId="77777777" w:rsidR="00CF54CB" w:rsidRDefault="00344004">
      <w:pPr>
        <w:pBdr>
          <w:top w:val="nil"/>
          <w:left w:val="nil"/>
          <w:bottom w:val="nil"/>
          <w:right w:val="nil"/>
          <w:between w:val="nil"/>
        </w:pBdr>
        <w:spacing w:after="0" w:line="298" w:lineRule="auto"/>
        <w:ind w:left="0" w:hanging="4"/>
        <w:rPr>
          <w:sz w:val="20"/>
          <w:szCs w:val="20"/>
        </w:rPr>
      </w:pPr>
      <w:r>
        <w:rPr>
          <w:rStyle w:val="FootnoteReference"/>
        </w:rPr>
        <w:footnoteRef/>
      </w:r>
      <w:r>
        <w:rPr>
          <w:sz w:val="20"/>
          <w:szCs w:val="20"/>
        </w:rPr>
        <w:t xml:space="preserve"> </w:t>
      </w:r>
      <w:r>
        <w:rPr>
          <w:rFonts w:ascii="Century Schoolbook" w:eastAsia="Century Schoolbook" w:hAnsi="Century Schoolbook" w:cs="Century Schoolbook"/>
          <w:sz w:val="16"/>
          <w:szCs w:val="16"/>
        </w:rPr>
        <w:t xml:space="preserve">The United States Supreme Court has held that due process of law does not require a hearing in every case of government action. </w:t>
      </w:r>
      <w:r>
        <w:rPr>
          <w:rFonts w:ascii="Century Schoolbook" w:eastAsia="Century Schoolbook" w:hAnsi="Century Schoolbook" w:cs="Century Schoolbook"/>
          <w:i/>
          <w:sz w:val="16"/>
          <w:szCs w:val="16"/>
        </w:rPr>
        <w:t xml:space="preserve">See </w:t>
      </w:r>
      <w:r>
        <w:rPr>
          <w:rFonts w:ascii="Century Schoolbook" w:eastAsia="Century Schoolbook" w:hAnsi="Century Schoolbook" w:cs="Century Schoolbook"/>
          <w:sz w:val="16"/>
          <w:szCs w:val="16"/>
        </w:rPr>
        <w:t xml:space="preserve">16A Am.Jur.2d 1054, </w:t>
      </w:r>
      <w:r>
        <w:rPr>
          <w:rFonts w:ascii="Century Schoolbook" w:eastAsia="Century Schoolbook" w:hAnsi="Century Schoolbook" w:cs="Century Schoolbook"/>
          <w:i/>
          <w:sz w:val="16"/>
          <w:szCs w:val="16"/>
        </w:rPr>
        <w:t xml:space="preserve">citing Boddie v. Connecticut, </w:t>
      </w:r>
      <w:r>
        <w:rPr>
          <w:rFonts w:ascii="Century Schoolbook" w:eastAsia="Century Schoolbook" w:hAnsi="Century Schoolbook" w:cs="Century Schoolbook"/>
          <w:sz w:val="16"/>
          <w:szCs w:val="16"/>
        </w:rPr>
        <w:t>401 U.S. 371 (1971).</w:t>
      </w:r>
      <w:r>
        <w:rPr>
          <w:rFonts w:ascii="Calibri" w:eastAsia="Calibri" w:hAnsi="Calibri" w:cs="Calibri"/>
          <w:sz w:val="22"/>
          <w:szCs w:val="22"/>
        </w:rPr>
        <w:t xml:space="preserve"> </w:t>
      </w:r>
    </w:p>
  </w:footnote>
  <w:footnote w:id="47">
    <w:p w14:paraId="096E1476" w14:textId="77777777" w:rsidR="00CF54CB" w:rsidRDefault="00344004">
      <w:pPr>
        <w:pBdr>
          <w:top w:val="nil"/>
          <w:left w:val="nil"/>
          <w:bottom w:val="nil"/>
          <w:right w:val="nil"/>
          <w:between w:val="nil"/>
        </w:pBdr>
        <w:spacing w:after="0" w:line="310" w:lineRule="auto"/>
        <w:ind w:left="0" w:hanging="4"/>
        <w:jc w:val="left"/>
        <w:rPr>
          <w:sz w:val="20"/>
          <w:szCs w:val="20"/>
        </w:rPr>
      </w:pPr>
      <w:r>
        <w:rPr>
          <w:rStyle w:val="FootnoteReference"/>
        </w:rPr>
        <w:footnoteRef/>
      </w:r>
      <w:r>
        <w:rPr>
          <w:sz w:val="20"/>
          <w:szCs w:val="20"/>
        </w:rPr>
        <w:t xml:space="preserve"> </w:t>
      </w:r>
      <w:r>
        <w:rPr>
          <w:rFonts w:ascii="Century Schoolbook" w:eastAsia="Century Schoolbook" w:hAnsi="Century Schoolbook" w:cs="Century Schoolbook"/>
          <w:i/>
          <w:sz w:val="16"/>
          <w:szCs w:val="16"/>
        </w:rPr>
        <w:t xml:space="preserve">See, e.g., Black’s Law Dictionary </w:t>
      </w:r>
      <w:r>
        <w:rPr>
          <w:rFonts w:ascii="Century Schoolbook" w:eastAsia="Century Schoolbook" w:hAnsi="Century Schoolbook" w:cs="Century Schoolbook"/>
          <w:sz w:val="16"/>
          <w:szCs w:val="16"/>
        </w:rPr>
        <w:t xml:space="preserve">1064 (6th ed. 1990) which defines “novation” as, in part: “A type of substituted contract that has the effect of adding a party, either as obligor or obligee, who was not a party to the original duty. Substitution of a new contract, debt, or </w:t>
      </w:r>
    </w:p>
  </w:footnote>
  <w:footnote w:id="48">
    <w:p w14:paraId="5F13B002" w14:textId="77777777" w:rsidR="00CF54CB" w:rsidRDefault="00344004">
      <w:pPr>
        <w:pBdr>
          <w:top w:val="nil"/>
          <w:left w:val="nil"/>
          <w:bottom w:val="nil"/>
          <w:right w:val="nil"/>
          <w:between w:val="nil"/>
        </w:pBdr>
        <w:spacing w:after="0" w:line="268" w:lineRule="auto"/>
        <w:ind w:left="1" w:hanging="1"/>
        <w:rPr>
          <w:sz w:val="20"/>
          <w:szCs w:val="20"/>
        </w:rPr>
      </w:pPr>
      <w:r>
        <w:rPr>
          <w:rStyle w:val="FootnoteReference"/>
        </w:rPr>
        <w:footnoteRef/>
      </w:r>
      <w:r>
        <w:rPr>
          <w:sz w:val="20"/>
          <w:szCs w:val="20"/>
        </w:rPr>
        <w:t xml:space="preserve"> </w:t>
      </w:r>
      <w:r>
        <w:rPr>
          <w:rFonts w:ascii="Century Schoolbook" w:eastAsia="Century Schoolbook" w:hAnsi="Century Schoolbook" w:cs="Century Schoolbook"/>
          <w:sz w:val="16"/>
          <w:szCs w:val="16"/>
        </w:rPr>
        <w:t>It might be questioned whether such exclusions are appropriate if policies are transferred to a restructured entity without the insured’s consent.</w:t>
      </w:r>
      <w:r>
        <w:rPr>
          <w:rFonts w:ascii="Calibri" w:eastAsia="Calibri" w:hAnsi="Calibri" w:cs="Calibri"/>
          <w:sz w:val="20"/>
          <w:szCs w:val="20"/>
        </w:rPr>
        <w:t xml:space="preserve"> </w:t>
      </w:r>
    </w:p>
  </w:footnote>
  <w:footnote w:id="49">
    <w:p w14:paraId="115435F4" w14:textId="77777777" w:rsidR="00CF54CB" w:rsidRDefault="00344004">
      <w:pPr>
        <w:pBdr>
          <w:top w:val="nil"/>
          <w:left w:val="nil"/>
          <w:bottom w:val="nil"/>
          <w:right w:val="nil"/>
          <w:between w:val="nil"/>
        </w:pBdr>
        <w:spacing w:after="0" w:line="254" w:lineRule="auto"/>
        <w:ind w:left="0" w:hanging="4"/>
        <w:jc w:val="left"/>
        <w:rPr>
          <w:sz w:val="20"/>
          <w:szCs w:val="20"/>
        </w:rPr>
      </w:pPr>
      <w:r>
        <w:rPr>
          <w:rStyle w:val="FootnoteReference"/>
        </w:rPr>
        <w:footnoteRef/>
      </w:r>
      <w:r>
        <w:rPr>
          <w:sz w:val="20"/>
          <w:szCs w:val="20"/>
        </w:rPr>
        <w:t xml:space="preserve"> </w:t>
      </w:r>
      <w:r>
        <w:rPr>
          <w:rFonts w:ascii="Century Schoolbook" w:eastAsia="Century Schoolbook" w:hAnsi="Century Schoolbook" w:cs="Century Schoolbook"/>
          <w:sz w:val="16"/>
          <w:szCs w:val="16"/>
        </w:rPr>
        <w:t>More specifically: the working group recommends that; (1) the NAIC review its Post-Assessment Property and Liability Insurance Guaranty Association Model Act to consider whether the definitions of “covered claim” and “insolvent insurer” should be amended to make it clear that coverage continues when there has been a division; (2) that the Assumption Reinsurance Model Act be reviewed to consider whether to clarify that a division transaction is subject to all the requirements of that Act; and (3) that the Insurance Holding Company System Regulatory Act be reviewed to consider whether any of the filing requirements should be amended in order to more fully address LBR transactions.</w:t>
      </w:r>
      <w:r>
        <w:rPr>
          <w:rFonts w:ascii="Calibri" w:eastAsia="Calibri" w:hAnsi="Calibri" w:cs="Calibri"/>
          <w:sz w:val="20"/>
          <w:szCs w:val="20"/>
        </w:rPr>
        <w:t xml:space="preserve"> </w:t>
      </w:r>
    </w:p>
  </w:footnote>
  <w:footnote w:id="50">
    <w:p w14:paraId="66A69825" w14:textId="77777777" w:rsidR="00CF54CB" w:rsidRDefault="00344004">
      <w:pPr>
        <w:pBdr>
          <w:top w:val="nil"/>
          <w:left w:val="nil"/>
          <w:bottom w:val="nil"/>
          <w:right w:val="nil"/>
          <w:between w:val="nil"/>
        </w:pBdr>
        <w:spacing w:after="0" w:line="318" w:lineRule="auto"/>
        <w:ind w:left="0" w:hanging="4"/>
        <w:rPr>
          <w:sz w:val="20"/>
          <w:szCs w:val="20"/>
        </w:rPr>
      </w:pPr>
      <w:r>
        <w:rPr>
          <w:rStyle w:val="FootnoteReference"/>
        </w:rPr>
        <w:footnoteRef/>
      </w:r>
      <w:r>
        <w:rPr>
          <w:sz w:val="20"/>
          <w:szCs w:val="20"/>
        </w:rPr>
        <w:t xml:space="preserve"> </w:t>
      </w:r>
      <w:r>
        <w:rPr>
          <w:rFonts w:ascii="Century Schoolbook" w:eastAsia="Century Schoolbook" w:hAnsi="Century Schoolbook" w:cs="Century Schoolbook"/>
          <w:sz w:val="16"/>
          <w:szCs w:val="16"/>
        </w:rPr>
        <w:t xml:space="preserve">Arizona recently enacted Title 20, chapter 4, article 1, section 20-736 which requires policyholder consent or approval by the Directoro f Insurance of transfer or assignment of an insurer’s direct obligations under insurance contracts covering Arizona residents. </w:t>
      </w:r>
    </w:p>
  </w:footnote>
  <w:footnote w:id="51">
    <w:p w14:paraId="2027C0B9" w14:textId="77777777" w:rsidR="00CF54CB" w:rsidRDefault="00344004">
      <w:pPr>
        <w:pBdr>
          <w:top w:val="nil"/>
          <w:left w:val="nil"/>
          <w:bottom w:val="nil"/>
          <w:right w:val="nil"/>
          <w:between w:val="nil"/>
        </w:pBdr>
        <w:spacing w:after="0" w:line="275" w:lineRule="auto"/>
        <w:ind w:left="91" w:right="152" w:hanging="4"/>
        <w:rPr>
          <w:sz w:val="20"/>
          <w:szCs w:val="20"/>
        </w:rPr>
      </w:pPr>
      <w:r>
        <w:rPr>
          <w:rStyle w:val="FootnoteReference"/>
        </w:rPr>
        <w:footnoteRef/>
      </w:r>
      <w:r>
        <w:rPr>
          <w:rFonts w:ascii="Calibri" w:eastAsia="Calibri" w:hAnsi="Calibri" w:cs="Calibri"/>
          <w:sz w:val="20"/>
          <w:szCs w:val="20"/>
        </w:rPr>
        <w:t xml:space="preserve"> Section 35A-30(d), 215 ILCS 5/35A-30(d), of the Illinois Insurance Code provides the Director with a similar supervised run-off option with respect to troubled health organizations. </w:t>
      </w:r>
    </w:p>
  </w:footnote>
  <w:footnote w:id="52">
    <w:p w14:paraId="301947A9" w14:textId="77777777" w:rsidR="00CF54CB" w:rsidRDefault="00344004">
      <w:pPr>
        <w:pBdr>
          <w:top w:val="nil"/>
          <w:left w:val="nil"/>
          <w:bottom w:val="nil"/>
          <w:right w:val="nil"/>
          <w:between w:val="nil"/>
        </w:pBdr>
        <w:spacing w:after="0" w:line="245" w:lineRule="auto"/>
        <w:ind w:left="91" w:right="285" w:hanging="4"/>
        <w:jc w:val="left"/>
        <w:rPr>
          <w:sz w:val="20"/>
          <w:szCs w:val="20"/>
        </w:rPr>
      </w:pPr>
      <w:r>
        <w:rPr>
          <w:rStyle w:val="FootnoteReference"/>
        </w:rPr>
        <w:footnoteRef/>
      </w:r>
      <w:r>
        <w:rPr>
          <w:rFonts w:ascii="Calibri" w:eastAsia="Calibri" w:hAnsi="Calibri" w:cs="Calibri"/>
          <w:sz w:val="20"/>
          <w:szCs w:val="20"/>
        </w:rPr>
        <w:t xml:space="preserve"> In 2005, the Illinois voidable preference statute was amended to provide that in the case of a company involved in a supervised run-off, a transaction involving transfer of cash or other assets by the company (buy-back, settlements, etc.) that was approved by the Director in writing cannot later be found to constitute a voidable transfer, 215 ILCS 5/204 (m)(C). This provision provides policyholders and other parties to buy-back, novation, commutation and other approved transactions with protection from the voidable preference statute in the event that the company ultimately goes into liquidation. In the absence of this protection, policyholders and others may be reluctant to enter into such transactions. </w:t>
      </w:r>
    </w:p>
  </w:footnote>
  <w:footnote w:id="53">
    <w:p w14:paraId="54DED8B0" w14:textId="77777777" w:rsidR="00CF54CB" w:rsidRDefault="00344004">
      <w:pPr>
        <w:pBdr>
          <w:top w:val="nil"/>
          <w:left w:val="nil"/>
          <w:bottom w:val="nil"/>
          <w:right w:val="nil"/>
          <w:between w:val="nil"/>
        </w:pBdr>
        <w:spacing w:after="0" w:line="253" w:lineRule="auto"/>
        <w:ind w:left="91" w:hanging="4"/>
        <w:jc w:val="left"/>
        <w:rPr>
          <w:sz w:val="20"/>
          <w:szCs w:val="20"/>
        </w:rPr>
      </w:pPr>
      <w:r>
        <w:rPr>
          <w:rStyle w:val="FootnoteReference"/>
        </w:rPr>
        <w:footnoteRef/>
      </w:r>
      <w:r>
        <w:rPr>
          <w:rFonts w:ascii="Calibri" w:eastAsia="Calibri" w:hAnsi="Calibri" w:cs="Calibri"/>
          <w:sz w:val="20"/>
          <w:szCs w:val="20"/>
        </w:rPr>
        <w:t xml:space="preserve"> The Rhode Island statute was adopted in 2002 and amended in 2007. See R.I. Gen. Laws § 27-14.5-1 </w:t>
      </w:r>
      <w:r>
        <w:rPr>
          <w:rFonts w:ascii="Calibri" w:eastAsia="Calibri" w:hAnsi="Calibri" w:cs="Calibri"/>
          <w:i/>
          <w:sz w:val="20"/>
          <w:szCs w:val="20"/>
        </w:rPr>
        <w:t>et seq</w:t>
      </w:r>
      <w:r>
        <w:rPr>
          <w:rFonts w:ascii="Calibri" w:eastAsia="Calibri" w:hAnsi="Calibri" w:cs="Calibri"/>
          <w:sz w:val="20"/>
          <w:szCs w:val="20"/>
        </w:rPr>
        <w:t xml:space="preserve">., “Voluntary Restructuring of Solvent Insurers,” and R.I. Insurance Regulation 68 (Commutation Plan regulations). </w:t>
      </w:r>
    </w:p>
  </w:footnote>
  <w:footnote w:id="54">
    <w:p w14:paraId="042BBDEB" w14:textId="77777777" w:rsidR="00CF54CB" w:rsidRDefault="00344004">
      <w:pPr>
        <w:pBdr>
          <w:top w:val="nil"/>
          <w:left w:val="nil"/>
          <w:bottom w:val="nil"/>
          <w:right w:val="nil"/>
          <w:between w:val="nil"/>
        </w:pBdr>
        <w:spacing w:after="0" w:line="257" w:lineRule="auto"/>
        <w:ind w:left="91" w:right="392" w:hanging="4"/>
        <w:jc w:val="left"/>
        <w:rPr>
          <w:sz w:val="20"/>
          <w:szCs w:val="20"/>
        </w:rPr>
      </w:pPr>
      <w:r>
        <w:rPr>
          <w:rStyle w:val="FootnoteReference"/>
        </w:rPr>
        <w:footnoteRef/>
      </w:r>
      <w:r>
        <w:rPr>
          <w:rFonts w:ascii="Calibri" w:eastAsia="Calibri" w:hAnsi="Calibri" w:cs="Calibri"/>
          <w:sz w:val="20"/>
          <w:szCs w:val="20"/>
        </w:rPr>
        <w:t xml:space="preserve"> Plan approval is done by the court; however, the department has the statutory authority to intervene in any proceeding brought under this statute. According to the Rhode Island Division of Insurance Regulation, it is highly unlikely that the court would approve a plan over the Division’s objection. </w:t>
      </w:r>
    </w:p>
  </w:footnote>
  <w:footnote w:id="55">
    <w:p w14:paraId="1D219C04" w14:textId="77777777" w:rsidR="00CF54CB" w:rsidRDefault="00344004">
      <w:pPr>
        <w:pBdr>
          <w:top w:val="nil"/>
          <w:left w:val="nil"/>
          <w:bottom w:val="nil"/>
          <w:right w:val="nil"/>
          <w:between w:val="nil"/>
        </w:pBdr>
        <w:spacing w:after="0" w:line="257" w:lineRule="auto"/>
        <w:ind w:left="91" w:hanging="4"/>
        <w:rPr>
          <w:sz w:val="20"/>
          <w:szCs w:val="20"/>
        </w:rPr>
      </w:pPr>
      <w:r>
        <w:rPr>
          <w:rStyle w:val="FootnoteReference"/>
        </w:rPr>
        <w:footnoteRef/>
      </w:r>
      <w:r>
        <w:rPr>
          <w:rFonts w:ascii="Calibri" w:eastAsia="Calibri" w:hAnsi="Calibri" w:cs="Calibri"/>
          <w:sz w:val="20"/>
          <w:szCs w:val="20"/>
        </w:rPr>
        <w:t xml:space="preserve"> For a detailed discussion on the issue of enforceability, see David Wright, “A Question of Enforceability,” </w:t>
      </w:r>
      <w:r>
        <w:rPr>
          <w:rFonts w:ascii="Calibri" w:eastAsia="Calibri" w:hAnsi="Calibri" w:cs="Calibri"/>
          <w:sz w:val="20"/>
          <w:szCs w:val="20"/>
          <w:u w:val="single"/>
        </w:rPr>
        <w:t>Run Off</w:t>
      </w:r>
      <w:r>
        <w:rPr>
          <w:rFonts w:ascii="Calibri" w:eastAsia="Calibri" w:hAnsi="Calibri" w:cs="Calibri"/>
          <w:sz w:val="20"/>
          <w:szCs w:val="20"/>
        </w:rPr>
        <w:t xml:space="preserve"> </w:t>
      </w:r>
      <w:r>
        <w:rPr>
          <w:rFonts w:ascii="Calibri" w:eastAsia="Calibri" w:hAnsi="Calibri" w:cs="Calibri"/>
          <w:sz w:val="20"/>
          <w:szCs w:val="20"/>
          <w:u w:val="single"/>
        </w:rPr>
        <w:t>Business</w:t>
      </w:r>
      <w:r>
        <w:rPr>
          <w:rFonts w:ascii="Calibri" w:eastAsia="Calibri" w:hAnsi="Calibri" w:cs="Calibri"/>
          <w:sz w:val="20"/>
          <w:szCs w:val="20"/>
        </w:rPr>
        <w:t xml:space="preserve">, Issue 12, Spring 2005, pp. 20-22.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CD5C70" w14:textId="77777777" w:rsidR="00CF54CB" w:rsidRDefault="00CF54CB">
    <w:pPr>
      <w:spacing w:after="160" w:line="259" w:lineRule="auto"/>
      <w:ind w:left="0" w:firstLine="0"/>
      <w:jc w:val="left"/>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0ACB17" w14:textId="77777777" w:rsidR="00CF54CB" w:rsidRDefault="00CF54CB">
    <w:pPr>
      <w:spacing w:after="160" w:line="259" w:lineRule="auto"/>
      <w:ind w:left="0" w:firstLine="0"/>
      <w:jc w:val="left"/>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7C2115" w14:textId="77777777" w:rsidR="00CF54CB" w:rsidRDefault="00344004">
    <w:pPr>
      <w:spacing w:after="0" w:line="259" w:lineRule="auto"/>
      <w:ind w:left="0" w:right="182" w:firstLine="0"/>
      <w:jc w:val="right"/>
    </w:pPr>
    <w:r>
      <w:rPr>
        <w:sz w:val="22"/>
        <w:szCs w:val="22"/>
      </w:rPr>
      <w:t xml:space="preserve">Attachment Two </w:t>
    </w:r>
  </w:p>
  <w:p w14:paraId="7B0E2ED1" w14:textId="77777777" w:rsidR="00CF54CB" w:rsidRDefault="00344004">
    <w:pPr>
      <w:spacing w:after="0" w:line="259" w:lineRule="auto"/>
      <w:ind w:left="0" w:firstLine="0"/>
      <w:jc w:val="left"/>
    </w:pPr>
    <w:r>
      <w:rPr>
        <w:rFonts w:ascii="Calibri" w:eastAsia="Calibri" w:hAnsi="Calibri" w:cs="Calibri"/>
        <w:sz w:val="22"/>
        <w:szCs w:val="22"/>
      </w:rPr>
      <w:t xml:space="preserve"> </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721700E" w14:textId="77777777" w:rsidR="00CF54CB" w:rsidRDefault="00CF54CB">
    <w:pPr>
      <w:spacing w:after="160" w:line="259" w:lineRule="auto"/>
      <w:ind w:left="0" w:firstLine="0"/>
      <w:jc w:val="left"/>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0A19A2" w14:textId="77777777" w:rsidR="00CF54CB" w:rsidRDefault="00344004">
    <w:pPr>
      <w:spacing w:after="0" w:line="259" w:lineRule="auto"/>
      <w:ind w:left="0" w:right="403" w:firstLine="0"/>
      <w:jc w:val="right"/>
    </w:pPr>
    <w:r>
      <w:rPr>
        <w:sz w:val="22"/>
        <w:szCs w:val="22"/>
      </w:rPr>
      <w:t xml:space="preserve">Attachment Two </w:t>
    </w:r>
  </w:p>
  <w:p w14:paraId="4A8628BA" w14:textId="77777777" w:rsidR="00CF54CB" w:rsidRDefault="00344004">
    <w:pPr>
      <w:spacing w:after="0" w:line="259" w:lineRule="auto"/>
      <w:ind w:left="91" w:firstLine="0"/>
      <w:jc w:val="left"/>
    </w:pPr>
    <w:r>
      <w:rPr>
        <w:rFonts w:ascii="Calibri" w:eastAsia="Calibri" w:hAnsi="Calibri" w:cs="Calibri"/>
        <w:sz w:val="22"/>
        <w:szCs w:val="22"/>
      </w:rPr>
      <w:t xml:space="preserve"> </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51D2C2" w14:textId="77777777" w:rsidR="00CF54CB" w:rsidRDefault="00344004">
    <w:pPr>
      <w:spacing w:after="0" w:line="259" w:lineRule="auto"/>
      <w:ind w:left="0" w:right="403" w:firstLine="0"/>
      <w:jc w:val="right"/>
    </w:pPr>
    <w:r>
      <w:rPr>
        <w:sz w:val="22"/>
        <w:szCs w:val="22"/>
      </w:rPr>
      <w:t xml:space="preserve">Attachment Two </w:t>
    </w:r>
  </w:p>
  <w:p w14:paraId="770F5CFA" w14:textId="77777777" w:rsidR="00CF54CB" w:rsidRDefault="00344004">
    <w:pPr>
      <w:spacing w:after="0" w:line="259" w:lineRule="auto"/>
      <w:ind w:left="91" w:firstLine="0"/>
      <w:jc w:val="left"/>
    </w:pPr>
    <w:r>
      <w:rPr>
        <w:rFonts w:ascii="Calibri" w:eastAsia="Calibri" w:hAnsi="Calibri" w:cs="Calibri"/>
        <w:sz w:val="22"/>
        <w:szCs w:val="22"/>
      </w:rPr>
      <w:t xml:space="preserve"> </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ED63EA" w14:textId="77777777" w:rsidR="00CF54CB" w:rsidRDefault="00344004">
    <w:pPr>
      <w:spacing w:after="0" w:line="259" w:lineRule="auto"/>
      <w:ind w:left="0" w:right="403" w:firstLine="0"/>
      <w:jc w:val="right"/>
    </w:pPr>
    <w:r>
      <w:rPr>
        <w:sz w:val="22"/>
        <w:szCs w:val="22"/>
      </w:rPr>
      <w:t xml:space="preserve">Attachment Two </w:t>
    </w:r>
  </w:p>
  <w:p w14:paraId="071ED0D8" w14:textId="77777777" w:rsidR="00CF54CB" w:rsidRDefault="00344004">
    <w:pPr>
      <w:spacing w:after="0" w:line="259" w:lineRule="auto"/>
      <w:ind w:left="91" w:firstLine="0"/>
      <w:jc w:val="left"/>
    </w:pPr>
    <w:r>
      <w:rPr>
        <w:rFonts w:ascii="Calibri" w:eastAsia="Calibri" w:hAnsi="Calibri" w:cs="Calibri"/>
        <w:sz w:val="22"/>
        <w:szCs w:val="22"/>
      </w:rPr>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7A77EE9" w14:textId="77777777" w:rsidR="00CF54CB" w:rsidRDefault="00CF54CB">
    <w:pPr>
      <w:spacing w:after="160" w:line="259" w:lineRule="auto"/>
      <w:ind w:left="0" w:firstLine="0"/>
      <w:jc w:val="lef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6975101"/>
      <w:docPartObj>
        <w:docPartGallery w:val="Watermarks"/>
        <w:docPartUnique/>
      </w:docPartObj>
    </w:sdtPr>
    <w:sdtEndPr/>
    <w:sdtContent>
      <w:p w14:paraId="1A560C87" w14:textId="4635453C" w:rsidR="00CF54CB" w:rsidRDefault="00DE74AE">
        <w:pPr>
          <w:spacing w:after="160" w:line="259" w:lineRule="auto"/>
          <w:ind w:left="0" w:firstLine="0"/>
          <w:jc w:val="left"/>
        </w:pPr>
        <w:r>
          <w:rPr>
            <w:noProof/>
          </w:rPr>
          <w:pict w14:anchorId="7BFA1555">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57831064" o:spid="_x0000_s1025" type="#_x0000_t136" style="position:absolute;margin-left:0;margin-top:0;width:412.4pt;height:247.45pt;rotation:315;z-index:-251658752;mso-position-horizontal:center;mso-position-horizontal-relative:margin;mso-position-vertical:center;mso-position-vertical-relative:margin" o:allowincell="f" fillcolor="silver" stroked="f">
              <v:fill opacity=".5"/>
              <v:textpath style="font-family:&quot;Calibri&quot;;font-size:1pt" string="DRAFT"/>
              <w10:wrap anchorx="margin" anchory="margin"/>
            </v:shape>
          </w:pict>
        </w:r>
      </w:p>
    </w:sdtContent>
  </w:sdt>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233680" w14:textId="77777777" w:rsidR="00CF54CB" w:rsidRDefault="00CF54CB">
    <w:pPr>
      <w:spacing w:after="160" w:line="259" w:lineRule="auto"/>
      <w:ind w:left="0" w:firstLine="0"/>
      <w:jc w:val="left"/>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55C7FD" w14:textId="77777777" w:rsidR="00CF54CB" w:rsidRPr="0002070B" w:rsidRDefault="00CF54CB" w:rsidP="0002070B">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C685A3" w14:textId="77777777" w:rsidR="00CF54CB" w:rsidRDefault="00CF54CB">
    <w:pPr>
      <w:spacing w:after="160" w:line="259" w:lineRule="auto"/>
      <w:ind w:left="0" w:firstLine="0"/>
      <w:jc w:val="left"/>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13303F" w14:textId="77777777" w:rsidR="00CF54CB" w:rsidRDefault="00344004">
    <w:pPr>
      <w:spacing w:after="0" w:line="259" w:lineRule="auto"/>
      <w:ind w:left="0" w:right="-91" w:firstLine="0"/>
      <w:jc w:val="right"/>
    </w:pPr>
    <w:r>
      <w:rPr>
        <w:sz w:val="22"/>
        <w:szCs w:val="22"/>
      </w:rPr>
      <w:t xml:space="preserve">Attachment One </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3754D5" w14:textId="77777777" w:rsidR="00CF54CB" w:rsidRDefault="00344004">
    <w:pPr>
      <w:spacing w:after="0" w:line="259" w:lineRule="auto"/>
      <w:ind w:left="0" w:right="-91" w:firstLine="0"/>
      <w:jc w:val="right"/>
    </w:pPr>
    <w:r>
      <w:rPr>
        <w:sz w:val="22"/>
        <w:szCs w:val="22"/>
      </w:rPr>
      <w:t xml:space="preserve">Attachment One </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11071F" w14:textId="77777777" w:rsidR="00CF54CB" w:rsidRDefault="00344004">
    <w:pPr>
      <w:spacing w:after="0" w:line="259" w:lineRule="auto"/>
      <w:ind w:left="0" w:right="-91" w:firstLine="0"/>
      <w:jc w:val="right"/>
    </w:pPr>
    <w:r>
      <w:rPr>
        <w:sz w:val="22"/>
        <w:szCs w:val="22"/>
      </w:rPr>
      <w:t xml:space="preserve">Attachment On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A54B6F"/>
    <w:multiLevelType w:val="multilevel"/>
    <w:tmpl w:val="31FA9CB4"/>
    <w:lvl w:ilvl="0">
      <w:start w:val="1"/>
      <w:numFmt w:val="bullet"/>
      <w:lvlText w:val="•"/>
      <w:lvlJc w:val="left"/>
      <w:pPr>
        <w:ind w:left="1171" w:hanging="117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6840" w:hanging="684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1" w15:restartNumberingAfterBreak="0">
    <w:nsid w:val="06A878CA"/>
    <w:multiLevelType w:val="multilevel"/>
    <w:tmpl w:val="4ED0F1F0"/>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2"/>
      <w:numFmt w:val="upperLetter"/>
      <w:lvlText w:val="%2."/>
      <w:lvlJc w:val="left"/>
      <w:pPr>
        <w:ind w:left="840" w:hanging="8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469" w:hanging="1469"/>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189" w:hanging="2189"/>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909" w:hanging="2909"/>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629" w:hanging="3629"/>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349" w:hanging="4349"/>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069" w:hanging="5069"/>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789" w:hanging="5789"/>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 w15:restartNumberingAfterBreak="0">
    <w:nsid w:val="074D527E"/>
    <w:multiLevelType w:val="multilevel"/>
    <w:tmpl w:val="E15C3CCA"/>
    <w:lvl w:ilvl="0">
      <w:start w:val="1"/>
      <w:numFmt w:val="decimal"/>
      <w:lvlText w:val="%1."/>
      <w:lvlJc w:val="left"/>
      <w:pPr>
        <w:ind w:left="2160" w:hanging="2160"/>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lowerLetter"/>
      <w:lvlText w:val="%2."/>
      <w:lvlJc w:val="left"/>
      <w:pPr>
        <w:ind w:left="6283" w:hanging="6283"/>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lowerRoman"/>
      <w:lvlText w:val="%3"/>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6120" w:hanging="612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6840" w:hanging="684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7560" w:hanging="756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3" w15:restartNumberingAfterBreak="0">
    <w:nsid w:val="07D76246"/>
    <w:multiLevelType w:val="multilevel"/>
    <w:tmpl w:val="DC542A0A"/>
    <w:lvl w:ilvl="0">
      <w:start w:val="1"/>
      <w:numFmt w:val="decimal"/>
      <w:lvlText w:val="%1."/>
      <w:lvlJc w:val="left"/>
      <w:pPr>
        <w:ind w:left="465" w:hanging="465"/>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4" w15:restartNumberingAfterBreak="0">
    <w:nsid w:val="07FA3AB9"/>
    <w:multiLevelType w:val="multilevel"/>
    <w:tmpl w:val="FAECB384"/>
    <w:lvl w:ilvl="0">
      <w:start w:val="1"/>
      <w:numFmt w:val="decimal"/>
      <w:lvlText w:val="%1"/>
      <w:lvlJc w:val="left"/>
      <w:pPr>
        <w:ind w:left="360" w:hanging="360"/>
      </w:pPr>
      <w:rPr>
        <w:rFonts w:ascii="Times New Roman" w:eastAsia="Times New Roman" w:hAnsi="Times New Roman" w:cs="Times New Roman"/>
        <w:b w:val="0"/>
        <w:i w:val="0"/>
        <w:strike w:val="0"/>
        <w:color w:val="000000"/>
        <w:sz w:val="20"/>
        <w:szCs w:val="20"/>
        <w:u w:val="none"/>
        <w:shd w:val="clear" w:color="auto" w:fill="auto"/>
        <w:vertAlign w:val="baseline"/>
      </w:rPr>
    </w:lvl>
    <w:lvl w:ilvl="1">
      <w:start w:val="3"/>
      <w:numFmt w:val="upperLetter"/>
      <w:lvlText w:val="%2."/>
      <w:lvlJc w:val="left"/>
      <w:pPr>
        <w:ind w:left="700" w:hanging="700"/>
      </w:pPr>
      <w:rPr>
        <w:rFonts w:ascii="Times New Roman" w:eastAsia="Times New Roman" w:hAnsi="Times New Roman" w:cs="Times New Roman"/>
        <w:b w:val="0"/>
        <w:i w:val="0"/>
        <w:strike w:val="0"/>
        <w:color w:val="000000"/>
        <w:sz w:val="20"/>
        <w:szCs w:val="20"/>
        <w:u w:val="none"/>
        <w:shd w:val="clear" w:color="auto" w:fill="auto"/>
        <w:vertAlign w:val="baseline"/>
      </w:rPr>
    </w:lvl>
    <w:lvl w:ilvl="2">
      <w:start w:val="1"/>
      <w:numFmt w:val="lowerRoman"/>
      <w:lvlText w:val="%3"/>
      <w:lvlJc w:val="left"/>
      <w:pPr>
        <w:ind w:left="1488" w:hanging="1488"/>
      </w:pPr>
      <w:rPr>
        <w:rFonts w:ascii="Times New Roman" w:eastAsia="Times New Roman" w:hAnsi="Times New Roman" w:cs="Times New Roman"/>
        <w:b w:val="0"/>
        <w:i w:val="0"/>
        <w:strike w:val="0"/>
        <w:color w:val="000000"/>
        <w:sz w:val="20"/>
        <w:szCs w:val="20"/>
        <w:u w:val="none"/>
        <w:shd w:val="clear" w:color="auto" w:fill="auto"/>
        <w:vertAlign w:val="baseline"/>
      </w:rPr>
    </w:lvl>
    <w:lvl w:ilvl="3">
      <w:start w:val="1"/>
      <w:numFmt w:val="decimal"/>
      <w:lvlText w:val="%4"/>
      <w:lvlJc w:val="left"/>
      <w:pPr>
        <w:ind w:left="2208" w:hanging="2208"/>
      </w:pPr>
      <w:rPr>
        <w:rFonts w:ascii="Times New Roman" w:eastAsia="Times New Roman" w:hAnsi="Times New Roman" w:cs="Times New Roman"/>
        <w:b w:val="0"/>
        <w:i w:val="0"/>
        <w:strike w:val="0"/>
        <w:color w:val="000000"/>
        <w:sz w:val="20"/>
        <w:szCs w:val="20"/>
        <w:u w:val="none"/>
        <w:shd w:val="clear" w:color="auto" w:fill="auto"/>
        <w:vertAlign w:val="baseline"/>
      </w:rPr>
    </w:lvl>
    <w:lvl w:ilvl="4">
      <w:start w:val="1"/>
      <w:numFmt w:val="lowerLetter"/>
      <w:lvlText w:val="%5"/>
      <w:lvlJc w:val="left"/>
      <w:pPr>
        <w:ind w:left="2928" w:hanging="2928"/>
      </w:pPr>
      <w:rPr>
        <w:rFonts w:ascii="Times New Roman" w:eastAsia="Times New Roman" w:hAnsi="Times New Roman" w:cs="Times New Roman"/>
        <w:b w:val="0"/>
        <w:i w:val="0"/>
        <w:strike w:val="0"/>
        <w:color w:val="000000"/>
        <w:sz w:val="20"/>
        <w:szCs w:val="20"/>
        <w:u w:val="none"/>
        <w:shd w:val="clear" w:color="auto" w:fill="auto"/>
        <w:vertAlign w:val="baseline"/>
      </w:rPr>
    </w:lvl>
    <w:lvl w:ilvl="5">
      <w:start w:val="1"/>
      <w:numFmt w:val="lowerRoman"/>
      <w:lvlText w:val="%6"/>
      <w:lvlJc w:val="left"/>
      <w:pPr>
        <w:ind w:left="3648" w:hanging="3648"/>
      </w:pPr>
      <w:rPr>
        <w:rFonts w:ascii="Times New Roman" w:eastAsia="Times New Roman" w:hAnsi="Times New Roman" w:cs="Times New Roman"/>
        <w:b w:val="0"/>
        <w:i w:val="0"/>
        <w:strike w:val="0"/>
        <w:color w:val="000000"/>
        <w:sz w:val="20"/>
        <w:szCs w:val="20"/>
        <w:u w:val="none"/>
        <w:shd w:val="clear" w:color="auto" w:fill="auto"/>
        <w:vertAlign w:val="baseline"/>
      </w:rPr>
    </w:lvl>
    <w:lvl w:ilvl="6">
      <w:start w:val="1"/>
      <w:numFmt w:val="decimal"/>
      <w:lvlText w:val="%7"/>
      <w:lvlJc w:val="left"/>
      <w:pPr>
        <w:ind w:left="4368" w:hanging="4368"/>
      </w:pPr>
      <w:rPr>
        <w:rFonts w:ascii="Times New Roman" w:eastAsia="Times New Roman" w:hAnsi="Times New Roman" w:cs="Times New Roman"/>
        <w:b w:val="0"/>
        <w:i w:val="0"/>
        <w:strike w:val="0"/>
        <w:color w:val="000000"/>
        <w:sz w:val="20"/>
        <w:szCs w:val="20"/>
        <w:u w:val="none"/>
        <w:shd w:val="clear" w:color="auto" w:fill="auto"/>
        <w:vertAlign w:val="baseline"/>
      </w:rPr>
    </w:lvl>
    <w:lvl w:ilvl="7">
      <w:start w:val="1"/>
      <w:numFmt w:val="lowerLetter"/>
      <w:lvlText w:val="%8"/>
      <w:lvlJc w:val="left"/>
      <w:pPr>
        <w:ind w:left="5088" w:hanging="5088"/>
      </w:pPr>
      <w:rPr>
        <w:rFonts w:ascii="Times New Roman" w:eastAsia="Times New Roman" w:hAnsi="Times New Roman" w:cs="Times New Roman"/>
        <w:b w:val="0"/>
        <w:i w:val="0"/>
        <w:strike w:val="0"/>
        <w:color w:val="000000"/>
        <w:sz w:val="20"/>
        <w:szCs w:val="20"/>
        <w:u w:val="none"/>
        <w:shd w:val="clear" w:color="auto" w:fill="auto"/>
        <w:vertAlign w:val="baseline"/>
      </w:rPr>
    </w:lvl>
    <w:lvl w:ilvl="8">
      <w:start w:val="1"/>
      <w:numFmt w:val="lowerRoman"/>
      <w:lvlText w:val="%9"/>
      <w:lvlJc w:val="left"/>
      <w:pPr>
        <w:ind w:left="5808" w:hanging="5808"/>
      </w:pPr>
      <w:rPr>
        <w:rFonts w:ascii="Times New Roman" w:eastAsia="Times New Roman" w:hAnsi="Times New Roman" w:cs="Times New Roman"/>
        <w:b w:val="0"/>
        <w:i w:val="0"/>
        <w:strike w:val="0"/>
        <w:color w:val="000000"/>
        <w:sz w:val="20"/>
        <w:szCs w:val="20"/>
        <w:u w:val="none"/>
        <w:shd w:val="clear" w:color="auto" w:fill="auto"/>
        <w:vertAlign w:val="baseline"/>
      </w:rPr>
    </w:lvl>
  </w:abstractNum>
  <w:abstractNum w:abstractNumId="5" w15:restartNumberingAfterBreak="0">
    <w:nsid w:val="0D2028F9"/>
    <w:multiLevelType w:val="multilevel"/>
    <w:tmpl w:val="2EB08FAC"/>
    <w:lvl w:ilvl="0">
      <w:start w:val="1"/>
      <w:numFmt w:val="lowerLetter"/>
      <w:lvlText w:val="(%1)"/>
      <w:lvlJc w:val="left"/>
      <w:pPr>
        <w:ind w:left="436" w:hanging="436"/>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decimal"/>
      <w:lvlText w:val="(%2)"/>
      <w:lvlJc w:val="left"/>
      <w:pPr>
        <w:ind w:left="811" w:hanging="811"/>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440" w:hanging="144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160" w:hanging="216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2880" w:hanging="288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600" w:hanging="360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320" w:hanging="432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040" w:hanging="504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5760" w:hanging="576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6" w15:restartNumberingAfterBreak="0">
    <w:nsid w:val="0FC11FE0"/>
    <w:multiLevelType w:val="multilevel"/>
    <w:tmpl w:val="1B0854CC"/>
    <w:lvl w:ilvl="0">
      <w:start w:val="1"/>
      <w:numFmt w:val="bullet"/>
      <w:lvlText w:val="•"/>
      <w:lvlJc w:val="left"/>
      <w:pPr>
        <w:ind w:left="1171" w:hanging="1171"/>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1800" w:hanging="18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2520" w:hanging="25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3240" w:hanging="324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960" w:hanging="396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4680" w:hanging="468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5400" w:hanging="540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6120" w:hanging="61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840" w:hanging="684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7" w15:restartNumberingAfterBreak="0">
    <w:nsid w:val="10D56AAF"/>
    <w:multiLevelType w:val="multilevel"/>
    <w:tmpl w:val="250CC0BA"/>
    <w:lvl w:ilvl="0">
      <w:start w:val="1"/>
      <w:numFmt w:val="bullet"/>
      <w:lvlText w:val="•"/>
      <w:lvlJc w:val="left"/>
      <w:pPr>
        <w:ind w:left="1171" w:hanging="1171"/>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1800" w:hanging="18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2520" w:hanging="25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3240" w:hanging="324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960" w:hanging="396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4680" w:hanging="468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5400" w:hanging="540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6120" w:hanging="61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840" w:hanging="684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8" w15:restartNumberingAfterBreak="0">
    <w:nsid w:val="10D615B5"/>
    <w:multiLevelType w:val="multilevel"/>
    <w:tmpl w:val="FAD42960"/>
    <w:lvl w:ilvl="0">
      <w:start w:val="1"/>
      <w:numFmt w:val="bullet"/>
      <w:lvlText w:val="•"/>
      <w:lvlJc w:val="left"/>
      <w:pPr>
        <w:ind w:left="1531" w:hanging="153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5040" w:hanging="504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760" w:hanging="576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6480" w:hanging="648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7200" w:hanging="720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9" w15:restartNumberingAfterBreak="0">
    <w:nsid w:val="13FD021B"/>
    <w:multiLevelType w:val="multilevel"/>
    <w:tmpl w:val="E1CE42FC"/>
    <w:lvl w:ilvl="0">
      <w:start w:val="1"/>
      <w:numFmt w:val="bullet"/>
      <w:lvlText w:val="•"/>
      <w:lvlJc w:val="left"/>
      <w:pPr>
        <w:ind w:left="811" w:hanging="81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040" w:hanging="504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5760" w:hanging="576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6480" w:hanging="648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10" w15:restartNumberingAfterBreak="0">
    <w:nsid w:val="16167F98"/>
    <w:multiLevelType w:val="multilevel"/>
    <w:tmpl w:val="7870E75E"/>
    <w:lvl w:ilvl="0">
      <w:start w:val="1"/>
      <w:numFmt w:val="bullet"/>
      <w:lvlText w:val="•"/>
      <w:lvlJc w:val="left"/>
      <w:pPr>
        <w:ind w:left="360" w:hanging="360"/>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720" w:hanging="7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1171" w:hanging="1171"/>
      </w:pPr>
      <w:rPr>
        <w:rFonts w:ascii="Arial" w:eastAsia="Arial" w:hAnsi="Arial" w:cs="Arial"/>
        <w:b w:val="0"/>
        <w:i w:val="0"/>
        <w:strike w:val="0"/>
        <w:color w:val="000000"/>
        <w:sz w:val="24"/>
        <w:szCs w:val="24"/>
        <w:u w:val="none"/>
        <w:shd w:val="clear" w:color="auto" w:fill="auto"/>
        <w:vertAlign w:val="baseline"/>
      </w:rPr>
    </w:lvl>
    <w:lvl w:ilvl="3">
      <w:start w:val="1"/>
      <w:numFmt w:val="bullet"/>
      <w:lvlText w:val="•"/>
      <w:lvlJc w:val="left"/>
      <w:pPr>
        <w:ind w:left="1800" w:hanging="180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2520" w:hanging="25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3240" w:hanging="324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3960" w:hanging="396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4680" w:hanging="468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5400" w:hanging="540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11" w15:restartNumberingAfterBreak="0">
    <w:nsid w:val="19226B68"/>
    <w:multiLevelType w:val="multilevel"/>
    <w:tmpl w:val="629441A4"/>
    <w:lvl w:ilvl="0">
      <w:start w:val="1"/>
      <w:numFmt w:val="decimal"/>
      <w:lvlText w:val="%1"/>
      <w:lvlJc w:val="left"/>
      <w:pPr>
        <w:ind w:left="360" w:hanging="360"/>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lowerLetter"/>
      <w:lvlText w:val="%2"/>
      <w:lvlJc w:val="left"/>
      <w:pPr>
        <w:ind w:left="1440" w:hanging="1440"/>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2"/>
      <w:numFmt w:val="lowerLetter"/>
      <w:lvlText w:val="%3."/>
      <w:lvlJc w:val="left"/>
      <w:pPr>
        <w:ind w:left="2880" w:hanging="288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6120" w:hanging="612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840" w:hanging="684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12" w15:restartNumberingAfterBreak="0">
    <w:nsid w:val="196E36A6"/>
    <w:multiLevelType w:val="hybridMultilevel"/>
    <w:tmpl w:val="56A2017E"/>
    <w:lvl w:ilvl="0" w:tplc="04090001">
      <w:start w:val="1"/>
      <w:numFmt w:val="bullet"/>
      <w:lvlText w:val=""/>
      <w:lvlJc w:val="left"/>
      <w:pPr>
        <w:ind w:left="1419" w:hanging="360"/>
      </w:pPr>
      <w:rPr>
        <w:rFonts w:ascii="Symbol" w:hAnsi="Symbol" w:hint="default"/>
      </w:rPr>
    </w:lvl>
    <w:lvl w:ilvl="1" w:tplc="04090003" w:tentative="1">
      <w:start w:val="1"/>
      <w:numFmt w:val="bullet"/>
      <w:lvlText w:val="o"/>
      <w:lvlJc w:val="left"/>
      <w:pPr>
        <w:ind w:left="2139" w:hanging="360"/>
      </w:pPr>
      <w:rPr>
        <w:rFonts w:ascii="Courier New" w:hAnsi="Courier New" w:cs="Courier New" w:hint="default"/>
      </w:rPr>
    </w:lvl>
    <w:lvl w:ilvl="2" w:tplc="04090005" w:tentative="1">
      <w:start w:val="1"/>
      <w:numFmt w:val="bullet"/>
      <w:lvlText w:val=""/>
      <w:lvlJc w:val="left"/>
      <w:pPr>
        <w:ind w:left="2859" w:hanging="360"/>
      </w:pPr>
      <w:rPr>
        <w:rFonts w:ascii="Wingdings" w:hAnsi="Wingdings" w:hint="default"/>
      </w:rPr>
    </w:lvl>
    <w:lvl w:ilvl="3" w:tplc="04090001" w:tentative="1">
      <w:start w:val="1"/>
      <w:numFmt w:val="bullet"/>
      <w:lvlText w:val=""/>
      <w:lvlJc w:val="left"/>
      <w:pPr>
        <w:ind w:left="3579" w:hanging="360"/>
      </w:pPr>
      <w:rPr>
        <w:rFonts w:ascii="Symbol" w:hAnsi="Symbol" w:hint="default"/>
      </w:rPr>
    </w:lvl>
    <w:lvl w:ilvl="4" w:tplc="04090003" w:tentative="1">
      <w:start w:val="1"/>
      <w:numFmt w:val="bullet"/>
      <w:lvlText w:val="o"/>
      <w:lvlJc w:val="left"/>
      <w:pPr>
        <w:ind w:left="4299" w:hanging="360"/>
      </w:pPr>
      <w:rPr>
        <w:rFonts w:ascii="Courier New" w:hAnsi="Courier New" w:cs="Courier New" w:hint="default"/>
      </w:rPr>
    </w:lvl>
    <w:lvl w:ilvl="5" w:tplc="04090005" w:tentative="1">
      <w:start w:val="1"/>
      <w:numFmt w:val="bullet"/>
      <w:lvlText w:val=""/>
      <w:lvlJc w:val="left"/>
      <w:pPr>
        <w:ind w:left="5019" w:hanging="360"/>
      </w:pPr>
      <w:rPr>
        <w:rFonts w:ascii="Wingdings" w:hAnsi="Wingdings" w:hint="default"/>
      </w:rPr>
    </w:lvl>
    <w:lvl w:ilvl="6" w:tplc="04090001" w:tentative="1">
      <w:start w:val="1"/>
      <w:numFmt w:val="bullet"/>
      <w:lvlText w:val=""/>
      <w:lvlJc w:val="left"/>
      <w:pPr>
        <w:ind w:left="5739" w:hanging="360"/>
      </w:pPr>
      <w:rPr>
        <w:rFonts w:ascii="Symbol" w:hAnsi="Symbol" w:hint="default"/>
      </w:rPr>
    </w:lvl>
    <w:lvl w:ilvl="7" w:tplc="04090003" w:tentative="1">
      <w:start w:val="1"/>
      <w:numFmt w:val="bullet"/>
      <w:lvlText w:val="o"/>
      <w:lvlJc w:val="left"/>
      <w:pPr>
        <w:ind w:left="6459" w:hanging="360"/>
      </w:pPr>
      <w:rPr>
        <w:rFonts w:ascii="Courier New" w:hAnsi="Courier New" w:cs="Courier New" w:hint="default"/>
      </w:rPr>
    </w:lvl>
    <w:lvl w:ilvl="8" w:tplc="04090005" w:tentative="1">
      <w:start w:val="1"/>
      <w:numFmt w:val="bullet"/>
      <w:lvlText w:val=""/>
      <w:lvlJc w:val="left"/>
      <w:pPr>
        <w:ind w:left="7179" w:hanging="360"/>
      </w:pPr>
      <w:rPr>
        <w:rFonts w:ascii="Wingdings" w:hAnsi="Wingdings" w:hint="default"/>
      </w:rPr>
    </w:lvl>
  </w:abstractNum>
  <w:abstractNum w:abstractNumId="13" w15:restartNumberingAfterBreak="0">
    <w:nsid w:val="1B5F3A8F"/>
    <w:multiLevelType w:val="multilevel"/>
    <w:tmpl w:val="5B4281A8"/>
    <w:lvl w:ilvl="0">
      <w:start w:val="1"/>
      <w:numFmt w:val="lowerLetter"/>
      <w:lvlText w:val="(%1)"/>
      <w:lvlJc w:val="left"/>
      <w:pPr>
        <w:ind w:left="436" w:hanging="436"/>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800" w:hanging="180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14" w15:restartNumberingAfterBreak="0">
    <w:nsid w:val="1EAE261C"/>
    <w:multiLevelType w:val="multilevel"/>
    <w:tmpl w:val="560CA670"/>
    <w:lvl w:ilvl="0">
      <w:start w:val="1"/>
      <w:numFmt w:val="bullet"/>
      <w:lvlText w:val="•"/>
      <w:lvlJc w:val="left"/>
      <w:pPr>
        <w:ind w:left="811" w:hanging="81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040" w:hanging="504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5760" w:hanging="576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6480" w:hanging="648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15" w15:restartNumberingAfterBreak="0">
    <w:nsid w:val="20755576"/>
    <w:multiLevelType w:val="multilevel"/>
    <w:tmpl w:val="C1EE3E48"/>
    <w:lvl w:ilvl="0">
      <w:start w:val="5"/>
      <w:numFmt w:val="upperRoman"/>
      <w:lvlText w:val="%1."/>
      <w:lvlJc w:val="left"/>
      <w:pPr>
        <w:ind w:left="796" w:hanging="796"/>
      </w:pPr>
      <w:rPr>
        <w:rFonts w:ascii="Times New Roman" w:eastAsia="Times New Roman" w:hAnsi="Times New Roman" w:cs="Times New Roman"/>
        <w:b/>
        <w:i w:val="0"/>
        <w:strike w:val="0"/>
        <w:color w:val="000000"/>
        <w:sz w:val="32"/>
        <w:szCs w:val="32"/>
        <w:u w:val="none"/>
        <w:shd w:val="clear" w:color="auto" w:fill="auto"/>
        <w:vertAlign w:val="baseline"/>
      </w:rPr>
    </w:lvl>
    <w:lvl w:ilvl="1">
      <w:start w:val="3"/>
      <w:numFmt w:val="upperLetter"/>
      <w:lvlText w:val="%2."/>
      <w:lvlJc w:val="left"/>
      <w:pPr>
        <w:ind w:left="1156" w:hanging="1156"/>
      </w:pPr>
      <w:rPr>
        <w:rFonts w:ascii="Times New Roman" w:eastAsia="Times New Roman" w:hAnsi="Times New Roman" w:cs="Times New Roman"/>
        <w:b/>
        <w:i w:val="0"/>
        <w:strike w:val="0"/>
        <w:color w:val="000000"/>
        <w:sz w:val="28"/>
        <w:szCs w:val="28"/>
        <w:u w:val="none"/>
        <w:shd w:val="clear" w:color="auto" w:fill="auto"/>
        <w:vertAlign w:val="baseline"/>
      </w:rPr>
    </w:lvl>
    <w:lvl w:ilvl="2">
      <w:start w:val="1"/>
      <w:numFmt w:val="decimal"/>
      <w:lvlText w:val="%3."/>
      <w:lvlJc w:val="left"/>
      <w:pPr>
        <w:ind w:left="1516" w:hanging="1516"/>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lowerLetter"/>
      <w:lvlText w:val="%4."/>
      <w:lvlJc w:val="left"/>
      <w:pPr>
        <w:ind w:left="1910" w:hanging="191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16" w15:restartNumberingAfterBreak="0">
    <w:nsid w:val="20A87F7E"/>
    <w:multiLevelType w:val="multilevel"/>
    <w:tmpl w:val="A2DAFDBE"/>
    <w:lvl w:ilvl="0">
      <w:start w:val="1"/>
      <w:numFmt w:val="upperRoman"/>
      <w:lvlText w:val="%1."/>
      <w:lvlJc w:val="left"/>
      <w:pPr>
        <w:ind w:left="465" w:hanging="465"/>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upperLetter"/>
      <w:lvlText w:val="%2."/>
      <w:lvlJc w:val="left"/>
      <w:pPr>
        <w:ind w:left="811" w:hanging="811"/>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decimal"/>
      <w:lvlText w:val="%3."/>
      <w:lvlJc w:val="left"/>
      <w:pPr>
        <w:ind w:left="1171" w:hanging="1171"/>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lowerLetter"/>
      <w:lvlText w:val="%4."/>
      <w:lvlJc w:val="left"/>
      <w:pPr>
        <w:ind w:left="1531" w:hanging="1531"/>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Roman"/>
      <w:lvlText w:val="%5."/>
      <w:lvlJc w:val="left"/>
      <w:pPr>
        <w:ind w:left="1891" w:hanging="1891"/>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Letter"/>
      <w:lvlText w:val="%6."/>
      <w:lvlJc w:val="left"/>
      <w:pPr>
        <w:ind w:left="2251" w:hanging="2251"/>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17" w15:restartNumberingAfterBreak="0">
    <w:nsid w:val="25421B36"/>
    <w:multiLevelType w:val="multilevel"/>
    <w:tmpl w:val="4B1A76F2"/>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3"/>
      <w:numFmt w:val="lowerRoman"/>
      <w:lvlText w:val="%3."/>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18" w15:restartNumberingAfterBreak="0">
    <w:nsid w:val="2C6013F2"/>
    <w:multiLevelType w:val="multilevel"/>
    <w:tmpl w:val="BD806546"/>
    <w:lvl w:ilvl="0">
      <w:start w:val="1"/>
      <w:numFmt w:val="bullet"/>
      <w:lvlText w:val="•"/>
      <w:lvlJc w:val="left"/>
      <w:pPr>
        <w:ind w:left="0" w:firstLine="0"/>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1080" w:hanging="108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1800" w:hanging="18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2520" w:hanging="252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240" w:hanging="324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3960" w:hanging="396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4680" w:hanging="468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5400" w:hanging="54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120" w:hanging="612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19" w15:restartNumberingAfterBreak="0">
    <w:nsid w:val="2C951ADE"/>
    <w:multiLevelType w:val="multilevel"/>
    <w:tmpl w:val="C23641FE"/>
    <w:lvl w:ilvl="0">
      <w:start w:val="1"/>
      <w:numFmt w:val="upperRoman"/>
      <w:lvlText w:val="%1."/>
      <w:lvlJc w:val="left"/>
      <w:pPr>
        <w:ind w:left="825" w:hanging="825"/>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upperLetter"/>
      <w:lvlText w:val="%2."/>
      <w:lvlJc w:val="left"/>
      <w:pPr>
        <w:ind w:left="840" w:hanging="8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decimal"/>
      <w:lvlText w:val="%3."/>
      <w:lvlJc w:val="left"/>
      <w:pPr>
        <w:ind w:left="840" w:hanging="84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1829" w:hanging="1829"/>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549" w:hanging="2549"/>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269" w:hanging="3269"/>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3989" w:hanging="3989"/>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4709" w:hanging="4709"/>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429" w:hanging="5429"/>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0" w15:restartNumberingAfterBreak="0">
    <w:nsid w:val="3B3103C2"/>
    <w:multiLevelType w:val="multilevel"/>
    <w:tmpl w:val="AAECCF8C"/>
    <w:lvl w:ilvl="0">
      <w:start w:val="1"/>
      <w:numFmt w:val="decimal"/>
      <w:lvlText w:val="(%1)"/>
      <w:lvlJc w:val="left"/>
      <w:pPr>
        <w:ind w:left="1444" w:hanging="1444"/>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840" w:hanging="684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1" w15:restartNumberingAfterBreak="0">
    <w:nsid w:val="3BD216A4"/>
    <w:multiLevelType w:val="multilevel"/>
    <w:tmpl w:val="896A1998"/>
    <w:lvl w:ilvl="0">
      <w:start w:val="1"/>
      <w:numFmt w:val="lowerLetter"/>
      <w:lvlText w:val="(%1)"/>
      <w:lvlJc w:val="left"/>
      <w:pPr>
        <w:ind w:left="436" w:hanging="436"/>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800" w:hanging="180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22" w15:restartNumberingAfterBreak="0">
    <w:nsid w:val="3E03357E"/>
    <w:multiLevelType w:val="multilevel"/>
    <w:tmpl w:val="B6CAEE96"/>
    <w:lvl w:ilvl="0">
      <w:start w:val="1"/>
      <w:numFmt w:val="decimal"/>
      <w:lvlText w:val="%1)"/>
      <w:lvlJc w:val="left"/>
      <w:pPr>
        <w:ind w:left="1531" w:hanging="153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968" w:hanging="1968"/>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688" w:hanging="2688"/>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408" w:hanging="3408"/>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4128" w:hanging="4128"/>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848" w:hanging="4848"/>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568" w:hanging="5568"/>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288" w:hanging="6288"/>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7008" w:hanging="7008"/>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3" w15:restartNumberingAfterBreak="0">
    <w:nsid w:val="3ED23435"/>
    <w:multiLevelType w:val="multilevel"/>
    <w:tmpl w:val="020273BC"/>
    <w:lvl w:ilvl="0">
      <w:start w:val="1"/>
      <w:numFmt w:val="bullet"/>
      <w:lvlText w:val="•"/>
      <w:lvlJc w:val="left"/>
      <w:pPr>
        <w:ind w:left="1171" w:hanging="117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6840" w:hanging="684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4" w15:restartNumberingAfterBreak="0">
    <w:nsid w:val="3F1079A7"/>
    <w:multiLevelType w:val="multilevel"/>
    <w:tmpl w:val="AAB6B67E"/>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780" w:hanging="78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4"/>
      <w:numFmt w:val="decimal"/>
      <w:lvlText w:val="%3."/>
      <w:lvlJc w:val="left"/>
      <w:pPr>
        <w:ind w:left="1080" w:hanging="108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1920" w:hanging="192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640" w:hanging="264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360" w:hanging="336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080" w:hanging="40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4800" w:hanging="48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520" w:hanging="55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25" w15:restartNumberingAfterBreak="0">
    <w:nsid w:val="4167531A"/>
    <w:multiLevelType w:val="multilevel"/>
    <w:tmpl w:val="9E34E0D4"/>
    <w:lvl w:ilvl="0">
      <w:start w:val="1"/>
      <w:numFmt w:val="decimal"/>
      <w:lvlText w:val="%1"/>
      <w:lvlJc w:val="left"/>
      <w:pPr>
        <w:ind w:left="120" w:hanging="120"/>
      </w:pPr>
      <w:rPr>
        <w:rFonts w:ascii="Calibri" w:eastAsia="Calibri" w:hAnsi="Calibri" w:cs="Calibri"/>
        <w:b w:val="0"/>
        <w:i w:val="0"/>
        <w:strike w:val="0"/>
        <w:color w:val="000000"/>
        <w:sz w:val="21"/>
        <w:szCs w:val="21"/>
        <w:u w:val="none"/>
        <w:shd w:val="clear" w:color="auto" w:fill="auto"/>
        <w:vertAlign w:val="superscript"/>
      </w:rPr>
    </w:lvl>
    <w:lvl w:ilvl="1">
      <w:start w:val="2"/>
      <w:numFmt w:val="upperLetter"/>
      <w:lvlText w:val="%2."/>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lowerRoman"/>
      <w:lvlText w:val="%3"/>
      <w:lvlJc w:val="left"/>
      <w:pPr>
        <w:ind w:left="1800" w:hanging="180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26" w15:restartNumberingAfterBreak="0">
    <w:nsid w:val="42015532"/>
    <w:multiLevelType w:val="multilevel"/>
    <w:tmpl w:val="66C2AAB8"/>
    <w:lvl w:ilvl="0">
      <w:start w:val="1"/>
      <w:numFmt w:val="bullet"/>
      <w:lvlText w:val="•"/>
      <w:lvlJc w:val="left"/>
      <w:pPr>
        <w:ind w:left="1171" w:hanging="1171"/>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1800" w:hanging="18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2520" w:hanging="25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3240" w:hanging="324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960" w:hanging="396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4680" w:hanging="468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5400" w:hanging="540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6120" w:hanging="612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840" w:hanging="684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27" w15:restartNumberingAfterBreak="0">
    <w:nsid w:val="4299358A"/>
    <w:multiLevelType w:val="multilevel"/>
    <w:tmpl w:val="4DE0DF04"/>
    <w:lvl w:ilvl="0">
      <w:start w:val="1"/>
      <w:numFmt w:val="upperLetter"/>
      <w:lvlText w:val="%1."/>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lowerLetter"/>
      <w:lvlText w:val="%2"/>
      <w:lvlJc w:val="left"/>
      <w:pPr>
        <w:ind w:left="1800" w:hanging="1800"/>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lowerRoman"/>
      <w:lvlText w:val="%3"/>
      <w:lvlJc w:val="left"/>
      <w:pPr>
        <w:ind w:left="2520" w:hanging="252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6120" w:hanging="612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840" w:hanging="684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28" w15:restartNumberingAfterBreak="0">
    <w:nsid w:val="44147720"/>
    <w:multiLevelType w:val="multilevel"/>
    <w:tmpl w:val="A0E023C4"/>
    <w:lvl w:ilvl="0">
      <w:start w:val="1"/>
      <w:numFmt w:val="upperRoman"/>
      <w:lvlText w:val="%1."/>
      <w:lvlJc w:val="left"/>
      <w:pPr>
        <w:ind w:left="619" w:hanging="619"/>
      </w:pPr>
      <w:rPr>
        <w:rFonts w:ascii="Times New Roman" w:eastAsia="Times New Roman" w:hAnsi="Times New Roman" w:cs="Times New Roman"/>
        <w:b/>
        <w:i w:val="0"/>
        <w:strike w:val="0"/>
        <w:color w:val="000000"/>
        <w:sz w:val="32"/>
        <w:szCs w:val="32"/>
        <w:u w:val="single"/>
        <w:shd w:val="clear" w:color="auto" w:fill="auto"/>
        <w:vertAlign w:val="baseline"/>
      </w:rPr>
    </w:lvl>
    <w:lvl w:ilvl="1">
      <w:start w:val="1"/>
      <w:numFmt w:val="upperLetter"/>
      <w:lvlText w:val="%2."/>
      <w:lvlJc w:val="left"/>
      <w:pPr>
        <w:ind w:left="811" w:hanging="811"/>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bullet"/>
      <w:lvlText w:val="•"/>
      <w:lvlJc w:val="left"/>
      <w:pPr>
        <w:ind w:left="1354" w:hanging="1354"/>
      </w:pPr>
      <w:rPr>
        <w:rFonts w:ascii="Arial" w:eastAsia="Arial" w:hAnsi="Arial" w:cs="Arial"/>
        <w:b w:val="0"/>
        <w:i w:val="0"/>
        <w:strike w:val="0"/>
        <w:color w:val="000000"/>
        <w:sz w:val="24"/>
        <w:szCs w:val="24"/>
        <w:u w:val="none"/>
        <w:shd w:val="clear" w:color="auto" w:fill="auto"/>
        <w:vertAlign w:val="baseline"/>
      </w:rPr>
    </w:lvl>
    <w:lvl w:ilvl="3">
      <w:start w:val="1"/>
      <w:numFmt w:val="bullet"/>
      <w:lvlText w:val="•"/>
      <w:lvlJc w:val="left"/>
      <w:pPr>
        <w:ind w:left="1982" w:hanging="1982"/>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2702" w:hanging="2702"/>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3422" w:hanging="3422"/>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4142" w:hanging="4142"/>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4862" w:hanging="4862"/>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5582" w:hanging="5582"/>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29" w15:restartNumberingAfterBreak="0">
    <w:nsid w:val="44CD30DF"/>
    <w:multiLevelType w:val="multilevel"/>
    <w:tmpl w:val="10F4A040"/>
    <w:lvl w:ilvl="0">
      <w:start w:val="2"/>
      <w:numFmt w:val="upperRoman"/>
      <w:lvlText w:val="%1."/>
      <w:lvlJc w:val="left"/>
      <w:pPr>
        <w:ind w:left="720" w:hanging="720"/>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upperLetter"/>
      <w:lvlText w:val="%2."/>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decimal"/>
      <w:lvlText w:val="%3."/>
      <w:lvlJc w:val="left"/>
      <w:pPr>
        <w:ind w:left="2145" w:hanging="2145"/>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1800" w:hanging="180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2520" w:hanging="252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30" w15:restartNumberingAfterBreak="0">
    <w:nsid w:val="469C1958"/>
    <w:multiLevelType w:val="multilevel"/>
    <w:tmpl w:val="FDAC31B8"/>
    <w:lvl w:ilvl="0">
      <w:start w:val="1"/>
      <w:numFmt w:val="decimal"/>
      <w:lvlText w:val="%1"/>
      <w:lvlJc w:val="left"/>
      <w:pPr>
        <w:ind w:left="360" w:hanging="360"/>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lowerLetter"/>
      <w:lvlText w:val="%2"/>
      <w:lvlJc w:val="left"/>
      <w:pPr>
        <w:ind w:left="720" w:hanging="720"/>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upperLetter"/>
      <w:lvlText w:val="%3."/>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1800" w:hanging="180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2520" w:hanging="252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31" w15:restartNumberingAfterBreak="0">
    <w:nsid w:val="47B4182A"/>
    <w:multiLevelType w:val="multilevel"/>
    <w:tmpl w:val="66A679E4"/>
    <w:lvl w:ilvl="0">
      <w:start w:val="1"/>
      <w:numFmt w:val="decimal"/>
      <w:lvlText w:val="(%1)"/>
      <w:lvlJc w:val="left"/>
      <w:pPr>
        <w:ind w:left="811" w:hanging="811"/>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Letter"/>
      <w:lvlText w:val="%2"/>
      <w:lvlJc w:val="left"/>
      <w:pPr>
        <w:ind w:left="1531" w:hanging="1531"/>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2251" w:hanging="2251"/>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971" w:hanging="2971"/>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3691" w:hanging="3691"/>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4411" w:hanging="4411"/>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5131" w:hanging="5131"/>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851" w:hanging="5851"/>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6571" w:hanging="6571"/>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32" w15:restartNumberingAfterBreak="0">
    <w:nsid w:val="48774050"/>
    <w:multiLevelType w:val="hybridMultilevel"/>
    <w:tmpl w:val="EBD8763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487F6AD7"/>
    <w:multiLevelType w:val="multilevel"/>
    <w:tmpl w:val="0DAE3CCE"/>
    <w:lvl w:ilvl="0">
      <w:start w:val="1"/>
      <w:numFmt w:val="upperRoman"/>
      <w:lvlText w:val="%1."/>
      <w:lvlJc w:val="left"/>
      <w:pPr>
        <w:ind w:left="432" w:hanging="432"/>
      </w:pPr>
      <w:rPr>
        <w:rFonts w:ascii="Times New Roman" w:eastAsia="Times New Roman" w:hAnsi="Times New Roman" w:cs="Times New Roman"/>
        <w:b w:val="0"/>
        <w:i w:val="0"/>
        <w:strike w:val="0"/>
        <w:color w:val="000000"/>
        <w:sz w:val="20"/>
        <w:szCs w:val="20"/>
        <w:u w:val="none"/>
        <w:shd w:val="clear" w:color="auto" w:fill="auto"/>
        <w:vertAlign w:val="baseline"/>
      </w:rPr>
    </w:lvl>
    <w:lvl w:ilvl="1">
      <w:start w:val="1"/>
      <w:numFmt w:val="upperLetter"/>
      <w:lvlText w:val="%2."/>
      <w:lvlJc w:val="left"/>
      <w:pPr>
        <w:ind w:left="753" w:hanging="753"/>
      </w:pPr>
      <w:rPr>
        <w:rFonts w:ascii="Times New Roman" w:eastAsia="Times New Roman" w:hAnsi="Times New Roman" w:cs="Times New Roman"/>
        <w:b w:val="0"/>
        <w:i w:val="0"/>
        <w:strike w:val="0"/>
        <w:color w:val="000000"/>
        <w:sz w:val="20"/>
        <w:szCs w:val="20"/>
        <w:u w:val="none"/>
        <w:shd w:val="clear" w:color="auto" w:fill="auto"/>
        <w:vertAlign w:val="baseline"/>
      </w:rPr>
    </w:lvl>
    <w:lvl w:ilvl="2">
      <w:start w:val="1"/>
      <w:numFmt w:val="decimal"/>
      <w:lvlText w:val="%3."/>
      <w:lvlJc w:val="left"/>
      <w:pPr>
        <w:ind w:left="1080" w:hanging="1080"/>
      </w:pPr>
      <w:rPr>
        <w:rFonts w:ascii="Times New Roman" w:eastAsia="Times New Roman" w:hAnsi="Times New Roman" w:cs="Times New Roman"/>
        <w:b w:val="0"/>
        <w:i w:val="0"/>
        <w:strike w:val="0"/>
        <w:color w:val="000000"/>
        <w:sz w:val="20"/>
        <w:szCs w:val="20"/>
        <w:u w:val="none"/>
        <w:shd w:val="clear" w:color="auto" w:fill="auto"/>
        <w:vertAlign w:val="baseline"/>
      </w:rPr>
    </w:lvl>
    <w:lvl w:ilvl="3">
      <w:start w:val="1"/>
      <w:numFmt w:val="decimal"/>
      <w:lvlText w:val="%4"/>
      <w:lvlJc w:val="left"/>
      <w:pPr>
        <w:ind w:left="1848" w:hanging="1848"/>
      </w:pPr>
      <w:rPr>
        <w:rFonts w:ascii="Times New Roman" w:eastAsia="Times New Roman" w:hAnsi="Times New Roman" w:cs="Times New Roman"/>
        <w:b w:val="0"/>
        <w:i w:val="0"/>
        <w:strike w:val="0"/>
        <w:color w:val="000000"/>
        <w:sz w:val="20"/>
        <w:szCs w:val="20"/>
        <w:u w:val="none"/>
        <w:shd w:val="clear" w:color="auto" w:fill="auto"/>
        <w:vertAlign w:val="baseline"/>
      </w:rPr>
    </w:lvl>
    <w:lvl w:ilvl="4">
      <w:start w:val="1"/>
      <w:numFmt w:val="lowerLetter"/>
      <w:lvlText w:val="%5"/>
      <w:lvlJc w:val="left"/>
      <w:pPr>
        <w:ind w:left="2568" w:hanging="2568"/>
      </w:pPr>
      <w:rPr>
        <w:rFonts w:ascii="Times New Roman" w:eastAsia="Times New Roman" w:hAnsi="Times New Roman" w:cs="Times New Roman"/>
        <w:b w:val="0"/>
        <w:i w:val="0"/>
        <w:strike w:val="0"/>
        <w:color w:val="000000"/>
        <w:sz w:val="20"/>
        <w:szCs w:val="20"/>
        <w:u w:val="none"/>
        <w:shd w:val="clear" w:color="auto" w:fill="auto"/>
        <w:vertAlign w:val="baseline"/>
      </w:rPr>
    </w:lvl>
    <w:lvl w:ilvl="5">
      <w:start w:val="1"/>
      <w:numFmt w:val="lowerRoman"/>
      <w:lvlText w:val="%6"/>
      <w:lvlJc w:val="left"/>
      <w:pPr>
        <w:ind w:left="3288" w:hanging="3288"/>
      </w:pPr>
      <w:rPr>
        <w:rFonts w:ascii="Times New Roman" w:eastAsia="Times New Roman" w:hAnsi="Times New Roman" w:cs="Times New Roman"/>
        <w:b w:val="0"/>
        <w:i w:val="0"/>
        <w:strike w:val="0"/>
        <w:color w:val="000000"/>
        <w:sz w:val="20"/>
        <w:szCs w:val="20"/>
        <w:u w:val="none"/>
        <w:shd w:val="clear" w:color="auto" w:fill="auto"/>
        <w:vertAlign w:val="baseline"/>
      </w:rPr>
    </w:lvl>
    <w:lvl w:ilvl="6">
      <w:start w:val="1"/>
      <w:numFmt w:val="decimal"/>
      <w:lvlText w:val="%7"/>
      <w:lvlJc w:val="left"/>
      <w:pPr>
        <w:ind w:left="4008" w:hanging="4008"/>
      </w:pPr>
      <w:rPr>
        <w:rFonts w:ascii="Times New Roman" w:eastAsia="Times New Roman" w:hAnsi="Times New Roman" w:cs="Times New Roman"/>
        <w:b w:val="0"/>
        <w:i w:val="0"/>
        <w:strike w:val="0"/>
        <w:color w:val="000000"/>
        <w:sz w:val="20"/>
        <w:szCs w:val="20"/>
        <w:u w:val="none"/>
        <w:shd w:val="clear" w:color="auto" w:fill="auto"/>
        <w:vertAlign w:val="baseline"/>
      </w:rPr>
    </w:lvl>
    <w:lvl w:ilvl="7">
      <w:start w:val="1"/>
      <w:numFmt w:val="lowerLetter"/>
      <w:lvlText w:val="%8"/>
      <w:lvlJc w:val="left"/>
      <w:pPr>
        <w:ind w:left="4728" w:hanging="4728"/>
      </w:pPr>
      <w:rPr>
        <w:rFonts w:ascii="Times New Roman" w:eastAsia="Times New Roman" w:hAnsi="Times New Roman" w:cs="Times New Roman"/>
        <w:b w:val="0"/>
        <w:i w:val="0"/>
        <w:strike w:val="0"/>
        <w:color w:val="000000"/>
        <w:sz w:val="20"/>
        <w:szCs w:val="20"/>
        <w:u w:val="none"/>
        <w:shd w:val="clear" w:color="auto" w:fill="auto"/>
        <w:vertAlign w:val="baseline"/>
      </w:rPr>
    </w:lvl>
    <w:lvl w:ilvl="8">
      <w:start w:val="1"/>
      <w:numFmt w:val="lowerRoman"/>
      <w:lvlText w:val="%9"/>
      <w:lvlJc w:val="left"/>
      <w:pPr>
        <w:ind w:left="5448" w:hanging="5448"/>
      </w:pPr>
      <w:rPr>
        <w:rFonts w:ascii="Times New Roman" w:eastAsia="Times New Roman" w:hAnsi="Times New Roman" w:cs="Times New Roman"/>
        <w:b w:val="0"/>
        <w:i w:val="0"/>
        <w:strike w:val="0"/>
        <w:color w:val="000000"/>
        <w:sz w:val="20"/>
        <w:szCs w:val="20"/>
        <w:u w:val="none"/>
        <w:shd w:val="clear" w:color="auto" w:fill="auto"/>
        <w:vertAlign w:val="baseline"/>
      </w:rPr>
    </w:lvl>
  </w:abstractNum>
  <w:abstractNum w:abstractNumId="34" w15:restartNumberingAfterBreak="0">
    <w:nsid w:val="498702A4"/>
    <w:multiLevelType w:val="multilevel"/>
    <w:tmpl w:val="D83ABD7C"/>
    <w:lvl w:ilvl="0">
      <w:start w:val="1"/>
      <w:numFmt w:val="decimal"/>
      <w:lvlText w:val="%1."/>
      <w:lvlJc w:val="left"/>
      <w:pPr>
        <w:ind w:left="105" w:hanging="105"/>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465" w:hanging="1465"/>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185" w:hanging="2185"/>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905" w:hanging="2905"/>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625" w:hanging="3625"/>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345" w:hanging="4345"/>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065" w:hanging="5065"/>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785" w:hanging="5785"/>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505" w:hanging="6505"/>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35" w15:restartNumberingAfterBreak="0">
    <w:nsid w:val="4A2B17F9"/>
    <w:multiLevelType w:val="multilevel"/>
    <w:tmpl w:val="A2A4D7AE"/>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4"/>
      <w:numFmt w:val="lowerRoman"/>
      <w:lvlText w:val="%3."/>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36" w15:restartNumberingAfterBreak="0">
    <w:nsid w:val="4BD02F24"/>
    <w:multiLevelType w:val="multilevel"/>
    <w:tmpl w:val="7402D19A"/>
    <w:lvl w:ilvl="0">
      <w:start w:val="2"/>
      <w:numFmt w:val="upperLetter"/>
      <w:lvlText w:val="%1."/>
      <w:lvlJc w:val="left"/>
      <w:pPr>
        <w:ind w:left="720" w:hanging="720"/>
      </w:pPr>
      <w:rPr>
        <w:rFonts w:ascii="Times New Roman" w:eastAsia="Times New Roman" w:hAnsi="Times New Roman" w:cs="Times New Roman"/>
        <w:b w:val="0"/>
        <w:i w:val="0"/>
        <w:strike w:val="0"/>
        <w:color w:val="2F5496"/>
        <w:sz w:val="24"/>
        <w:szCs w:val="24"/>
        <w:u w:val="none"/>
        <w:shd w:val="clear" w:color="auto" w:fill="auto"/>
        <w:vertAlign w:val="baseline"/>
      </w:rPr>
    </w:lvl>
    <w:lvl w:ilvl="1">
      <w:start w:val="1"/>
      <w:numFmt w:val="decimal"/>
      <w:lvlText w:val="(%2)"/>
      <w:lvlJc w:val="left"/>
      <w:pPr>
        <w:ind w:left="1366" w:hanging="1366"/>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727" w:hanging="1727"/>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447" w:hanging="2447"/>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167" w:hanging="3167"/>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887" w:hanging="3887"/>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607" w:hanging="4607"/>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327" w:hanging="5327"/>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047" w:hanging="6047"/>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37" w15:restartNumberingAfterBreak="0">
    <w:nsid w:val="4CD71AFD"/>
    <w:multiLevelType w:val="multilevel"/>
    <w:tmpl w:val="0308A5F0"/>
    <w:lvl w:ilvl="0">
      <w:start w:val="1"/>
      <w:numFmt w:val="bullet"/>
      <w:lvlText w:val="•"/>
      <w:lvlJc w:val="left"/>
      <w:pPr>
        <w:ind w:left="1440" w:hanging="1440"/>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o"/>
      <w:lvlJc w:val="left"/>
      <w:pPr>
        <w:ind w:left="1651" w:hanging="1651"/>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2">
      <w:start w:val="1"/>
      <w:numFmt w:val="bullet"/>
      <w:lvlText w:val="▪"/>
      <w:lvlJc w:val="left"/>
      <w:pPr>
        <w:ind w:left="2371" w:hanging="2371"/>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3091" w:hanging="3091"/>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811" w:hanging="3811"/>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4531" w:hanging="4531"/>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5251" w:hanging="5251"/>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5971" w:hanging="5971"/>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691" w:hanging="6691"/>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abstractNum w:abstractNumId="38" w15:restartNumberingAfterBreak="0">
    <w:nsid w:val="4F647EDA"/>
    <w:multiLevelType w:val="multilevel"/>
    <w:tmpl w:val="B0F8BAA6"/>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840" w:hanging="8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320" w:hanging="13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lowerLetter"/>
      <w:lvlText w:val="%4."/>
      <w:lvlJc w:val="left"/>
      <w:pPr>
        <w:ind w:left="1891" w:hanging="1891"/>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39" w15:restartNumberingAfterBreak="0">
    <w:nsid w:val="50284889"/>
    <w:multiLevelType w:val="multilevel"/>
    <w:tmpl w:val="C9A2C77A"/>
    <w:lvl w:ilvl="0">
      <w:start w:val="18"/>
      <w:numFmt w:val="decimal"/>
      <w:lvlText w:val="%1"/>
      <w:lvlJc w:val="left"/>
      <w:pPr>
        <w:ind w:left="182" w:hanging="182"/>
      </w:pPr>
      <w:rPr>
        <w:rFonts w:ascii="Calibri" w:eastAsia="Calibri" w:hAnsi="Calibri" w:cs="Calibri"/>
        <w:b w:val="0"/>
        <w:i w:val="0"/>
        <w:strike w:val="0"/>
        <w:color w:val="000000"/>
        <w:sz w:val="20"/>
        <w:szCs w:val="20"/>
        <w:u w:val="none"/>
        <w:shd w:val="clear" w:color="auto" w:fill="auto"/>
        <w:vertAlign w:val="superscript"/>
      </w:rPr>
    </w:lvl>
    <w:lvl w:ilvl="1">
      <w:start w:val="6"/>
      <w:numFmt w:val="upperLetter"/>
      <w:lvlText w:val="%2."/>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decimal"/>
      <w:lvlText w:val="%3."/>
      <w:lvlJc w:val="left"/>
      <w:pPr>
        <w:ind w:left="2160" w:hanging="216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lowerLetter"/>
      <w:lvlText w:val="%4."/>
      <w:lvlJc w:val="left"/>
      <w:pPr>
        <w:ind w:left="2880" w:hanging="288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40" w15:restartNumberingAfterBreak="0">
    <w:nsid w:val="55555D58"/>
    <w:multiLevelType w:val="multilevel"/>
    <w:tmpl w:val="94DC6038"/>
    <w:lvl w:ilvl="0">
      <w:start w:val="1"/>
      <w:numFmt w:val="decimal"/>
      <w:lvlText w:val="(%1)"/>
      <w:lvlJc w:val="left"/>
      <w:pPr>
        <w:ind w:left="811" w:hanging="811"/>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Roman"/>
      <w:lvlText w:val="(%2)"/>
      <w:lvlJc w:val="left"/>
      <w:pPr>
        <w:ind w:left="1171" w:hanging="1171"/>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upperLetter"/>
      <w:lvlText w:val="(%3)"/>
      <w:lvlJc w:val="left"/>
      <w:pPr>
        <w:ind w:left="991" w:hanging="991"/>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160" w:hanging="216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2880" w:hanging="288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600" w:hanging="360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320" w:hanging="432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040" w:hanging="504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5760" w:hanging="576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41" w15:restartNumberingAfterBreak="0">
    <w:nsid w:val="59030546"/>
    <w:multiLevelType w:val="multilevel"/>
    <w:tmpl w:val="F788A286"/>
    <w:lvl w:ilvl="0">
      <w:start w:val="1"/>
      <w:numFmt w:val="decimal"/>
      <w:pStyle w:val="ListBullet"/>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2" w15:restartNumberingAfterBreak="0">
    <w:nsid w:val="5DB7072A"/>
    <w:multiLevelType w:val="multilevel"/>
    <w:tmpl w:val="E9200278"/>
    <w:lvl w:ilvl="0">
      <w:start w:val="5"/>
      <w:numFmt w:val="lowerLetter"/>
      <w:lvlText w:val="(%1)"/>
      <w:lvlJc w:val="left"/>
      <w:pPr>
        <w:ind w:left="86" w:hanging="86"/>
      </w:pPr>
      <w:rPr>
        <w:rFonts w:ascii="Times New Roman" w:eastAsia="Times New Roman" w:hAnsi="Times New Roman" w:cs="Times New Roman"/>
        <w:b w:val="0"/>
        <w:i/>
        <w:strike w:val="0"/>
        <w:color w:val="000000"/>
        <w:sz w:val="22"/>
        <w:szCs w:val="22"/>
        <w:u w:val="none"/>
        <w:shd w:val="clear" w:color="auto" w:fill="auto"/>
        <w:vertAlign w:val="baseline"/>
      </w:rPr>
    </w:lvl>
    <w:lvl w:ilvl="1">
      <w:start w:val="1"/>
      <w:numFmt w:val="decimal"/>
      <w:lvlText w:val="(%2)"/>
      <w:lvlJc w:val="left"/>
      <w:pPr>
        <w:ind w:left="811" w:hanging="811"/>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440" w:hanging="144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160" w:hanging="216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2880" w:hanging="288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600" w:hanging="360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320" w:hanging="432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040" w:hanging="504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5760" w:hanging="576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43" w15:restartNumberingAfterBreak="0">
    <w:nsid w:val="5F701CE2"/>
    <w:multiLevelType w:val="multilevel"/>
    <w:tmpl w:val="9880D2E4"/>
    <w:lvl w:ilvl="0">
      <w:start w:val="1"/>
      <w:numFmt w:val="decimal"/>
      <w:lvlText w:val="(%1)"/>
      <w:lvlJc w:val="left"/>
      <w:pPr>
        <w:ind w:left="1444" w:hanging="1444"/>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840" w:hanging="684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44" w15:restartNumberingAfterBreak="0">
    <w:nsid w:val="60CB2095"/>
    <w:multiLevelType w:val="multilevel"/>
    <w:tmpl w:val="62FA7A5C"/>
    <w:lvl w:ilvl="0">
      <w:start w:val="1"/>
      <w:numFmt w:val="decimal"/>
      <w:lvlText w:val="(%1)"/>
      <w:lvlJc w:val="left"/>
      <w:pPr>
        <w:ind w:left="1444" w:hanging="1444"/>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802" w:hanging="1802"/>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522" w:hanging="2522"/>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242" w:hanging="3242"/>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962" w:hanging="3962"/>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682" w:hanging="4682"/>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402" w:hanging="5402"/>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122" w:hanging="6122"/>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842" w:hanging="6842"/>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45" w15:restartNumberingAfterBreak="0">
    <w:nsid w:val="62AE0128"/>
    <w:multiLevelType w:val="multilevel"/>
    <w:tmpl w:val="1786F56A"/>
    <w:lvl w:ilvl="0">
      <w:start w:val="2"/>
      <w:numFmt w:val="decimal"/>
      <w:lvlText w:val="%1."/>
      <w:lvlJc w:val="left"/>
      <w:pPr>
        <w:ind w:left="720" w:hanging="72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46" w15:restartNumberingAfterBreak="0">
    <w:nsid w:val="651942FF"/>
    <w:multiLevelType w:val="multilevel"/>
    <w:tmpl w:val="C534E820"/>
    <w:lvl w:ilvl="0">
      <w:start w:val="1"/>
      <w:numFmt w:val="lowerLetter"/>
      <w:lvlText w:val="%1."/>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800" w:hanging="180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520" w:hanging="252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240" w:hanging="324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960" w:hanging="396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680" w:hanging="468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400" w:hanging="540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120" w:hanging="612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840" w:hanging="684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47" w15:restartNumberingAfterBreak="0">
    <w:nsid w:val="6ADB1716"/>
    <w:multiLevelType w:val="multilevel"/>
    <w:tmpl w:val="CA9C634A"/>
    <w:lvl w:ilvl="0">
      <w:start w:val="1"/>
      <w:numFmt w:val="lowerLetter"/>
      <w:lvlText w:val="(%1)"/>
      <w:lvlJc w:val="left"/>
      <w:pPr>
        <w:ind w:left="1451" w:hanging="145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1794" w:hanging="1794"/>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514" w:hanging="2514"/>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3234" w:hanging="3234"/>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954" w:hanging="3954"/>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674" w:hanging="4674"/>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394" w:hanging="5394"/>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6114" w:hanging="6114"/>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834" w:hanging="6834"/>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48" w15:restartNumberingAfterBreak="0">
    <w:nsid w:val="6AE65305"/>
    <w:multiLevelType w:val="multilevel"/>
    <w:tmpl w:val="6D9ED4EE"/>
    <w:lvl w:ilvl="0">
      <w:start w:val="1"/>
      <w:numFmt w:val="decimal"/>
      <w:lvlText w:val="%1."/>
      <w:lvlJc w:val="left"/>
      <w:pPr>
        <w:ind w:left="465" w:hanging="465"/>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811" w:hanging="811"/>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040" w:hanging="504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760" w:hanging="576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49" w15:restartNumberingAfterBreak="0">
    <w:nsid w:val="6B1B4A2F"/>
    <w:multiLevelType w:val="multilevel"/>
    <w:tmpl w:val="3DF2CF2E"/>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3"/>
      <w:numFmt w:val="lowerLetter"/>
      <w:lvlText w:val="(%2)"/>
      <w:lvlJc w:val="left"/>
      <w:pPr>
        <w:ind w:left="1531" w:hanging="1531"/>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2177" w:hanging="2177"/>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2897" w:hanging="2897"/>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3617" w:hanging="3617"/>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4337" w:hanging="4337"/>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5057" w:hanging="5057"/>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5777" w:hanging="5777"/>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6497" w:hanging="6497"/>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0" w15:restartNumberingAfterBreak="0">
    <w:nsid w:val="71C61A59"/>
    <w:multiLevelType w:val="multilevel"/>
    <w:tmpl w:val="14042A3E"/>
    <w:lvl w:ilvl="0">
      <w:start w:val="5"/>
      <w:numFmt w:val="upperLetter"/>
      <w:lvlText w:val="%1."/>
      <w:lvlJc w:val="left"/>
      <w:pPr>
        <w:ind w:left="1425" w:hanging="1425"/>
      </w:pPr>
      <w:rPr>
        <w:rFonts w:ascii="Times New Roman" w:eastAsia="Times New Roman" w:hAnsi="Times New Roman" w:cs="Times New Roman"/>
        <w:b/>
        <w:i w:val="0"/>
        <w:strike w:val="0"/>
        <w:color w:val="000000"/>
        <w:sz w:val="24"/>
        <w:szCs w:val="24"/>
        <w:u w:val="none"/>
        <w:shd w:val="clear" w:color="auto" w:fill="auto"/>
        <w:vertAlign w:val="baseline"/>
      </w:rPr>
    </w:lvl>
    <w:lvl w:ilvl="1">
      <w:start w:val="1"/>
      <w:numFmt w:val="lowerLetter"/>
      <w:lvlText w:val="%2"/>
      <w:lvlJc w:val="left"/>
      <w:pPr>
        <w:ind w:left="1440" w:hanging="1440"/>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lowerRoman"/>
      <w:lvlText w:val="%3"/>
      <w:lvlJc w:val="left"/>
      <w:pPr>
        <w:ind w:left="2160" w:hanging="216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2880" w:hanging="288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600" w:hanging="360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4320" w:hanging="432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5040" w:hanging="504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5760" w:hanging="576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480" w:hanging="648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51" w15:restartNumberingAfterBreak="0">
    <w:nsid w:val="72376F15"/>
    <w:multiLevelType w:val="multilevel"/>
    <w:tmpl w:val="89B43F70"/>
    <w:lvl w:ilvl="0">
      <w:start w:val="1"/>
      <w:numFmt w:val="upperLetter"/>
      <w:lvlText w:val="%1."/>
      <w:lvlJc w:val="left"/>
      <w:pPr>
        <w:ind w:left="1156" w:hanging="1156"/>
      </w:pPr>
      <w:rPr>
        <w:rFonts w:ascii="Times New Roman" w:eastAsia="Times New Roman" w:hAnsi="Times New Roman" w:cs="Times New Roman"/>
        <w:b/>
        <w:i w:val="0"/>
        <w:strike w:val="0"/>
        <w:color w:val="000000"/>
        <w:sz w:val="28"/>
        <w:szCs w:val="28"/>
        <w:u w:val="none"/>
        <w:shd w:val="clear" w:color="auto" w:fill="auto"/>
        <w:vertAlign w:val="baseline"/>
      </w:rPr>
    </w:lvl>
    <w:lvl w:ilvl="1">
      <w:start w:val="1"/>
      <w:numFmt w:val="decimal"/>
      <w:lvlText w:val="%2."/>
      <w:lvlJc w:val="left"/>
      <w:pPr>
        <w:ind w:left="1516" w:hanging="1516"/>
      </w:pPr>
      <w:rPr>
        <w:rFonts w:ascii="Times New Roman" w:eastAsia="Times New Roman" w:hAnsi="Times New Roman" w:cs="Times New Roman"/>
        <w:b/>
        <w:i w:val="0"/>
        <w:strike w:val="0"/>
        <w:color w:val="000000"/>
        <w:sz w:val="24"/>
        <w:szCs w:val="24"/>
        <w:u w:val="none"/>
        <w:shd w:val="clear" w:color="auto" w:fill="auto"/>
        <w:vertAlign w:val="baseline"/>
      </w:rPr>
    </w:lvl>
    <w:lvl w:ilvl="2">
      <w:start w:val="1"/>
      <w:numFmt w:val="lowerRoman"/>
      <w:lvlText w:val="%3"/>
      <w:lvlJc w:val="left"/>
      <w:pPr>
        <w:ind w:left="2160" w:hanging="2160"/>
      </w:pPr>
      <w:rPr>
        <w:rFonts w:ascii="Times New Roman" w:eastAsia="Times New Roman" w:hAnsi="Times New Roman" w:cs="Times New Roman"/>
        <w:b/>
        <w:i w:val="0"/>
        <w:strike w:val="0"/>
        <w:color w:val="000000"/>
        <w:sz w:val="24"/>
        <w:szCs w:val="24"/>
        <w:u w:val="none"/>
        <w:shd w:val="clear" w:color="auto" w:fill="auto"/>
        <w:vertAlign w:val="baseline"/>
      </w:rPr>
    </w:lvl>
    <w:lvl w:ilvl="3">
      <w:start w:val="1"/>
      <w:numFmt w:val="decimal"/>
      <w:lvlText w:val="%4"/>
      <w:lvlJc w:val="left"/>
      <w:pPr>
        <w:ind w:left="2880" w:hanging="2880"/>
      </w:pPr>
      <w:rPr>
        <w:rFonts w:ascii="Times New Roman" w:eastAsia="Times New Roman" w:hAnsi="Times New Roman" w:cs="Times New Roman"/>
        <w:b/>
        <w:i w:val="0"/>
        <w:strike w:val="0"/>
        <w:color w:val="000000"/>
        <w:sz w:val="24"/>
        <w:szCs w:val="24"/>
        <w:u w:val="none"/>
        <w:shd w:val="clear" w:color="auto" w:fill="auto"/>
        <w:vertAlign w:val="baseline"/>
      </w:rPr>
    </w:lvl>
    <w:lvl w:ilvl="4">
      <w:start w:val="1"/>
      <w:numFmt w:val="lowerLetter"/>
      <w:lvlText w:val="%5"/>
      <w:lvlJc w:val="left"/>
      <w:pPr>
        <w:ind w:left="3600" w:hanging="3600"/>
      </w:pPr>
      <w:rPr>
        <w:rFonts w:ascii="Times New Roman" w:eastAsia="Times New Roman" w:hAnsi="Times New Roman" w:cs="Times New Roman"/>
        <w:b/>
        <w:i w:val="0"/>
        <w:strike w:val="0"/>
        <w:color w:val="000000"/>
        <w:sz w:val="24"/>
        <w:szCs w:val="24"/>
        <w:u w:val="none"/>
        <w:shd w:val="clear" w:color="auto" w:fill="auto"/>
        <w:vertAlign w:val="baseline"/>
      </w:rPr>
    </w:lvl>
    <w:lvl w:ilvl="5">
      <w:start w:val="1"/>
      <w:numFmt w:val="lowerRoman"/>
      <w:lvlText w:val="%6"/>
      <w:lvlJc w:val="left"/>
      <w:pPr>
        <w:ind w:left="4320" w:hanging="4320"/>
      </w:pPr>
      <w:rPr>
        <w:rFonts w:ascii="Times New Roman" w:eastAsia="Times New Roman" w:hAnsi="Times New Roman" w:cs="Times New Roman"/>
        <w:b/>
        <w:i w:val="0"/>
        <w:strike w:val="0"/>
        <w:color w:val="000000"/>
        <w:sz w:val="24"/>
        <w:szCs w:val="24"/>
        <w:u w:val="none"/>
        <w:shd w:val="clear" w:color="auto" w:fill="auto"/>
        <w:vertAlign w:val="baseline"/>
      </w:rPr>
    </w:lvl>
    <w:lvl w:ilvl="6">
      <w:start w:val="1"/>
      <w:numFmt w:val="decimal"/>
      <w:lvlText w:val="%7"/>
      <w:lvlJc w:val="left"/>
      <w:pPr>
        <w:ind w:left="5040" w:hanging="5040"/>
      </w:pPr>
      <w:rPr>
        <w:rFonts w:ascii="Times New Roman" w:eastAsia="Times New Roman" w:hAnsi="Times New Roman" w:cs="Times New Roman"/>
        <w:b/>
        <w:i w:val="0"/>
        <w:strike w:val="0"/>
        <w:color w:val="000000"/>
        <w:sz w:val="24"/>
        <w:szCs w:val="24"/>
        <w:u w:val="none"/>
        <w:shd w:val="clear" w:color="auto" w:fill="auto"/>
        <w:vertAlign w:val="baseline"/>
      </w:rPr>
    </w:lvl>
    <w:lvl w:ilvl="7">
      <w:start w:val="1"/>
      <w:numFmt w:val="lowerLetter"/>
      <w:lvlText w:val="%8"/>
      <w:lvlJc w:val="left"/>
      <w:pPr>
        <w:ind w:left="5760" w:hanging="5760"/>
      </w:pPr>
      <w:rPr>
        <w:rFonts w:ascii="Times New Roman" w:eastAsia="Times New Roman" w:hAnsi="Times New Roman" w:cs="Times New Roman"/>
        <w:b/>
        <w:i w:val="0"/>
        <w:strike w:val="0"/>
        <w:color w:val="000000"/>
        <w:sz w:val="24"/>
        <w:szCs w:val="24"/>
        <w:u w:val="none"/>
        <w:shd w:val="clear" w:color="auto" w:fill="auto"/>
        <w:vertAlign w:val="baseline"/>
      </w:rPr>
    </w:lvl>
    <w:lvl w:ilvl="8">
      <w:start w:val="1"/>
      <w:numFmt w:val="lowerRoman"/>
      <w:lvlText w:val="%9"/>
      <w:lvlJc w:val="left"/>
      <w:pPr>
        <w:ind w:left="6480" w:hanging="6480"/>
      </w:pPr>
      <w:rPr>
        <w:rFonts w:ascii="Times New Roman" w:eastAsia="Times New Roman" w:hAnsi="Times New Roman" w:cs="Times New Roman"/>
        <w:b/>
        <w:i w:val="0"/>
        <w:strike w:val="0"/>
        <w:color w:val="000000"/>
        <w:sz w:val="24"/>
        <w:szCs w:val="24"/>
        <w:u w:val="none"/>
        <w:shd w:val="clear" w:color="auto" w:fill="auto"/>
        <w:vertAlign w:val="baseline"/>
      </w:rPr>
    </w:lvl>
  </w:abstractNum>
  <w:abstractNum w:abstractNumId="52" w15:restartNumberingAfterBreak="0">
    <w:nsid w:val="72FC74CC"/>
    <w:multiLevelType w:val="multilevel"/>
    <w:tmpl w:val="ECD6844E"/>
    <w:lvl w:ilvl="0">
      <w:start w:val="1"/>
      <w:numFmt w:val="decimal"/>
      <w:lvlText w:val="(%1)"/>
      <w:lvlJc w:val="left"/>
      <w:pPr>
        <w:ind w:left="811" w:hanging="811"/>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Letter"/>
      <w:lvlText w:val="%2"/>
      <w:lvlJc w:val="left"/>
      <w:pPr>
        <w:ind w:left="1440" w:hanging="1440"/>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2160" w:hanging="216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880" w:hanging="288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3600" w:hanging="360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4320" w:hanging="432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5040" w:hanging="504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760" w:hanging="576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6480" w:hanging="648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53" w15:restartNumberingAfterBreak="0">
    <w:nsid w:val="757600B5"/>
    <w:multiLevelType w:val="multilevel"/>
    <w:tmpl w:val="9E50EED2"/>
    <w:lvl w:ilvl="0">
      <w:start w:val="1"/>
      <w:numFmt w:val="lowerLetter"/>
      <w:lvlText w:val="(%1)"/>
      <w:lvlJc w:val="left"/>
      <w:pPr>
        <w:ind w:left="1171" w:hanging="1171"/>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decimal"/>
      <w:lvlText w:val="(%2)"/>
      <w:lvlJc w:val="left"/>
      <w:pPr>
        <w:ind w:left="1891" w:hanging="1891"/>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531" w:hanging="1531"/>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251" w:hanging="2251"/>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2971" w:hanging="2971"/>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691" w:hanging="3691"/>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411" w:hanging="4411"/>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131" w:hanging="5131"/>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5851" w:hanging="5851"/>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54" w15:restartNumberingAfterBreak="0">
    <w:nsid w:val="75970400"/>
    <w:multiLevelType w:val="multilevel"/>
    <w:tmpl w:val="26142572"/>
    <w:lvl w:ilvl="0">
      <w:start w:val="1"/>
      <w:numFmt w:val="lowerLetter"/>
      <w:lvlText w:val="(%1)"/>
      <w:lvlJc w:val="left"/>
      <w:pPr>
        <w:ind w:left="360" w:hanging="360"/>
      </w:pPr>
      <w:rPr>
        <w:rFonts w:ascii="Times New Roman" w:eastAsia="Times New Roman" w:hAnsi="Times New Roman" w:cs="Times New Roman"/>
        <w:b w:val="0"/>
        <w:i w:val="0"/>
        <w:strike w:val="0"/>
        <w:color w:val="000000"/>
        <w:sz w:val="22"/>
        <w:szCs w:val="22"/>
        <w:u w:val="none"/>
        <w:shd w:val="clear" w:color="auto" w:fill="auto"/>
        <w:vertAlign w:val="baseline"/>
      </w:rPr>
    </w:lvl>
    <w:lvl w:ilvl="1">
      <w:start w:val="1"/>
      <w:numFmt w:val="lowerLetter"/>
      <w:lvlText w:val="%2"/>
      <w:lvlJc w:val="left"/>
      <w:pPr>
        <w:ind w:left="1080" w:hanging="1080"/>
      </w:pPr>
      <w:rPr>
        <w:rFonts w:ascii="Times New Roman" w:eastAsia="Times New Roman" w:hAnsi="Times New Roman" w:cs="Times New Roman"/>
        <w:b w:val="0"/>
        <w:i w:val="0"/>
        <w:strike w:val="0"/>
        <w:color w:val="000000"/>
        <w:sz w:val="22"/>
        <w:szCs w:val="22"/>
        <w:u w:val="none"/>
        <w:shd w:val="clear" w:color="auto" w:fill="auto"/>
        <w:vertAlign w:val="baseline"/>
      </w:rPr>
    </w:lvl>
    <w:lvl w:ilvl="2">
      <w:start w:val="1"/>
      <w:numFmt w:val="lowerRoman"/>
      <w:lvlText w:val="%3"/>
      <w:lvlJc w:val="left"/>
      <w:pPr>
        <w:ind w:left="1800" w:hanging="1800"/>
      </w:pPr>
      <w:rPr>
        <w:rFonts w:ascii="Times New Roman" w:eastAsia="Times New Roman" w:hAnsi="Times New Roman" w:cs="Times New Roman"/>
        <w:b w:val="0"/>
        <w:i w:val="0"/>
        <w:strike w:val="0"/>
        <w:color w:val="000000"/>
        <w:sz w:val="22"/>
        <w:szCs w:val="22"/>
        <w:u w:val="none"/>
        <w:shd w:val="clear" w:color="auto" w:fill="auto"/>
        <w:vertAlign w:val="baseline"/>
      </w:rPr>
    </w:lvl>
    <w:lvl w:ilvl="3">
      <w:start w:val="1"/>
      <w:numFmt w:val="decimal"/>
      <w:lvlText w:val="%4"/>
      <w:lvlJc w:val="left"/>
      <w:pPr>
        <w:ind w:left="2520" w:hanging="2520"/>
      </w:pPr>
      <w:rPr>
        <w:rFonts w:ascii="Times New Roman" w:eastAsia="Times New Roman" w:hAnsi="Times New Roman" w:cs="Times New Roman"/>
        <w:b w:val="0"/>
        <w:i w:val="0"/>
        <w:strike w:val="0"/>
        <w:color w:val="000000"/>
        <w:sz w:val="22"/>
        <w:szCs w:val="22"/>
        <w:u w:val="none"/>
        <w:shd w:val="clear" w:color="auto" w:fill="auto"/>
        <w:vertAlign w:val="baseline"/>
      </w:rPr>
    </w:lvl>
    <w:lvl w:ilvl="4">
      <w:start w:val="1"/>
      <w:numFmt w:val="lowerLetter"/>
      <w:lvlText w:val="%5"/>
      <w:lvlJc w:val="left"/>
      <w:pPr>
        <w:ind w:left="3240" w:hanging="3240"/>
      </w:pPr>
      <w:rPr>
        <w:rFonts w:ascii="Times New Roman" w:eastAsia="Times New Roman" w:hAnsi="Times New Roman" w:cs="Times New Roman"/>
        <w:b w:val="0"/>
        <w:i w:val="0"/>
        <w:strike w:val="0"/>
        <w:color w:val="000000"/>
        <w:sz w:val="22"/>
        <w:szCs w:val="22"/>
        <w:u w:val="none"/>
        <w:shd w:val="clear" w:color="auto" w:fill="auto"/>
        <w:vertAlign w:val="baseline"/>
      </w:rPr>
    </w:lvl>
    <w:lvl w:ilvl="5">
      <w:start w:val="1"/>
      <w:numFmt w:val="lowerRoman"/>
      <w:lvlText w:val="%6"/>
      <w:lvlJc w:val="left"/>
      <w:pPr>
        <w:ind w:left="3960" w:hanging="3960"/>
      </w:pPr>
      <w:rPr>
        <w:rFonts w:ascii="Times New Roman" w:eastAsia="Times New Roman" w:hAnsi="Times New Roman" w:cs="Times New Roman"/>
        <w:b w:val="0"/>
        <w:i w:val="0"/>
        <w:strike w:val="0"/>
        <w:color w:val="000000"/>
        <w:sz w:val="22"/>
        <w:szCs w:val="22"/>
        <w:u w:val="none"/>
        <w:shd w:val="clear" w:color="auto" w:fill="auto"/>
        <w:vertAlign w:val="baseline"/>
      </w:rPr>
    </w:lvl>
    <w:lvl w:ilvl="6">
      <w:start w:val="1"/>
      <w:numFmt w:val="decimal"/>
      <w:lvlText w:val="%7"/>
      <w:lvlJc w:val="left"/>
      <w:pPr>
        <w:ind w:left="4680" w:hanging="4680"/>
      </w:pPr>
      <w:rPr>
        <w:rFonts w:ascii="Times New Roman" w:eastAsia="Times New Roman" w:hAnsi="Times New Roman" w:cs="Times New Roman"/>
        <w:b w:val="0"/>
        <w:i w:val="0"/>
        <w:strike w:val="0"/>
        <w:color w:val="000000"/>
        <w:sz w:val="22"/>
        <w:szCs w:val="22"/>
        <w:u w:val="none"/>
        <w:shd w:val="clear" w:color="auto" w:fill="auto"/>
        <w:vertAlign w:val="baseline"/>
      </w:rPr>
    </w:lvl>
    <w:lvl w:ilvl="7">
      <w:start w:val="1"/>
      <w:numFmt w:val="lowerLetter"/>
      <w:lvlText w:val="%8"/>
      <w:lvlJc w:val="left"/>
      <w:pPr>
        <w:ind w:left="5400" w:hanging="5400"/>
      </w:pPr>
      <w:rPr>
        <w:rFonts w:ascii="Times New Roman" w:eastAsia="Times New Roman" w:hAnsi="Times New Roman" w:cs="Times New Roman"/>
        <w:b w:val="0"/>
        <w:i w:val="0"/>
        <w:strike w:val="0"/>
        <w:color w:val="000000"/>
        <w:sz w:val="22"/>
        <w:szCs w:val="22"/>
        <w:u w:val="none"/>
        <w:shd w:val="clear" w:color="auto" w:fill="auto"/>
        <w:vertAlign w:val="baseline"/>
      </w:rPr>
    </w:lvl>
    <w:lvl w:ilvl="8">
      <w:start w:val="1"/>
      <w:numFmt w:val="lowerRoman"/>
      <w:lvlText w:val="%9"/>
      <w:lvlJc w:val="left"/>
      <w:pPr>
        <w:ind w:left="6120" w:hanging="6120"/>
      </w:pPr>
      <w:rPr>
        <w:rFonts w:ascii="Times New Roman" w:eastAsia="Times New Roman" w:hAnsi="Times New Roman" w:cs="Times New Roman"/>
        <w:b w:val="0"/>
        <w:i w:val="0"/>
        <w:strike w:val="0"/>
        <w:color w:val="000000"/>
        <w:sz w:val="22"/>
        <w:szCs w:val="22"/>
        <w:u w:val="none"/>
        <w:shd w:val="clear" w:color="auto" w:fill="auto"/>
        <w:vertAlign w:val="baseline"/>
      </w:rPr>
    </w:lvl>
  </w:abstractNum>
  <w:abstractNum w:abstractNumId="55" w15:restartNumberingAfterBreak="0">
    <w:nsid w:val="78274DCB"/>
    <w:multiLevelType w:val="multilevel"/>
    <w:tmpl w:val="74E62E8C"/>
    <w:lvl w:ilvl="0">
      <w:start w:val="1"/>
      <w:numFmt w:val="decimal"/>
      <w:lvlText w:val="%1"/>
      <w:lvlJc w:val="left"/>
      <w:pPr>
        <w:ind w:left="360" w:hanging="360"/>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lowerLetter"/>
      <w:lvlText w:val="%2"/>
      <w:lvlJc w:val="left"/>
      <w:pPr>
        <w:ind w:left="797" w:hanging="797"/>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lowerRoman"/>
      <w:lvlText w:val="%3."/>
      <w:lvlJc w:val="left"/>
      <w:pPr>
        <w:ind w:left="1572" w:hanging="1572"/>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decimal"/>
      <w:lvlText w:val="%4"/>
      <w:lvlJc w:val="left"/>
      <w:pPr>
        <w:ind w:left="1955" w:hanging="1955"/>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lowerLetter"/>
      <w:lvlText w:val="%5"/>
      <w:lvlJc w:val="left"/>
      <w:pPr>
        <w:ind w:left="2675" w:hanging="2675"/>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lowerRoman"/>
      <w:lvlText w:val="%6"/>
      <w:lvlJc w:val="left"/>
      <w:pPr>
        <w:ind w:left="3395" w:hanging="3395"/>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decimal"/>
      <w:lvlText w:val="%7"/>
      <w:lvlJc w:val="left"/>
      <w:pPr>
        <w:ind w:left="4115" w:hanging="4115"/>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lowerLetter"/>
      <w:lvlText w:val="%8"/>
      <w:lvlJc w:val="left"/>
      <w:pPr>
        <w:ind w:left="4835" w:hanging="4835"/>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lowerRoman"/>
      <w:lvlText w:val="%9"/>
      <w:lvlJc w:val="left"/>
      <w:pPr>
        <w:ind w:left="5555" w:hanging="5555"/>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6" w15:restartNumberingAfterBreak="0">
    <w:nsid w:val="7B496C86"/>
    <w:multiLevelType w:val="multilevel"/>
    <w:tmpl w:val="2A100C10"/>
    <w:lvl w:ilvl="0">
      <w:start w:val="1"/>
      <w:numFmt w:val="bullet"/>
      <w:lvlText w:val="•"/>
      <w:lvlJc w:val="left"/>
      <w:pPr>
        <w:ind w:left="811" w:hanging="81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1440" w:hanging="144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160" w:hanging="216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2880" w:hanging="288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3600" w:hanging="360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4320" w:hanging="432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040" w:hanging="504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5760" w:hanging="576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6480" w:hanging="648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7" w15:restartNumberingAfterBreak="0">
    <w:nsid w:val="7CAE04B2"/>
    <w:multiLevelType w:val="multilevel"/>
    <w:tmpl w:val="B5CE4896"/>
    <w:lvl w:ilvl="0">
      <w:start w:val="1"/>
      <w:numFmt w:val="bullet"/>
      <w:lvlText w:val="•"/>
      <w:lvlJc w:val="left"/>
      <w:pPr>
        <w:ind w:left="1531" w:hanging="1531"/>
      </w:pPr>
      <w:rPr>
        <w:rFonts w:ascii="Times New Roman" w:eastAsia="Times New Roman" w:hAnsi="Times New Roman" w:cs="Times New Roman"/>
        <w:b w:val="0"/>
        <w:i w:val="0"/>
        <w:strike w:val="0"/>
        <w:color w:val="000000"/>
        <w:sz w:val="24"/>
        <w:szCs w:val="24"/>
        <w:u w:val="none"/>
        <w:shd w:val="clear" w:color="auto" w:fill="auto"/>
        <w:vertAlign w:val="baseline"/>
      </w:rPr>
    </w:lvl>
    <w:lvl w:ilvl="1">
      <w:start w:val="1"/>
      <w:numFmt w:val="bullet"/>
      <w:lvlText w:val="o"/>
      <w:lvlJc w:val="left"/>
      <w:pPr>
        <w:ind w:left="2130" w:hanging="2130"/>
      </w:pPr>
      <w:rPr>
        <w:rFonts w:ascii="Times New Roman" w:eastAsia="Times New Roman" w:hAnsi="Times New Roman" w:cs="Times New Roman"/>
        <w:b w:val="0"/>
        <w:i w:val="0"/>
        <w:strike w:val="0"/>
        <w:color w:val="000000"/>
        <w:sz w:val="24"/>
        <w:szCs w:val="24"/>
        <w:u w:val="none"/>
        <w:shd w:val="clear" w:color="auto" w:fill="auto"/>
        <w:vertAlign w:val="baseline"/>
      </w:rPr>
    </w:lvl>
    <w:lvl w:ilvl="2">
      <w:start w:val="1"/>
      <w:numFmt w:val="bullet"/>
      <w:lvlText w:val="▪"/>
      <w:lvlJc w:val="left"/>
      <w:pPr>
        <w:ind w:left="2850" w:hanging="2850"/>
      </w:pPr>
      <w:rPr>
        <w:rFonts w:ascii="Times New Roman" w:eastAsia="Times New Roman" w:hAnsi="Times New Roman" w:cs="Times New Roman"/>
        <w:b w:val="0"/>
        <w:i w:val="0"/>
        <w:strike w:val="0"/>
        <w:color w:val="000000"/>
        <w:sz w:val="24"/>
        <w:szCs w:val="24"/>
        <w:u w:val="none"/>
        <w:shd w:val="clear" w:color="auto" w:fill="auto"/>
        <w:vertAlign w:val="baseline"/>
      </w:rPr>
    </w:lvl>
    <w:lvl w:ilvl="3">
      <w:start w:val="1"/>
      <w:numFmt w:val="bullet"/>
      <w:lvlText w:val="•"/>
      <w:lvlJc w:val="left"/>
      <w:pPr>
        <w:ind w:left="3570" w:hanging="3570"/>
      </w:pPr>
      <w:rPr>
        <w:rFonts w:ascii="Times New Roman" w:eastAsia="Times New Roman" w:hAnsi="Times New Roman" w:cs="Times New Roman"/>
        <w:b w:val="0"/>
        <w:i w:val="0"/>
        <w:strike w:val="0"/>
        <w:color w:val="000000"/>
        <w:sz w:val="24"/>
        <w:szCs w:val="24"/>
        <w:u w:val="none"/>
        <w:shd w:val="clear" w:color="auto" w:fill="auto"/>
        <w:vertAlign w:val="baseline"/>
      </w:rPr>
    </w:lvl>
    <w:lvl w:ilvl="4">
      <w:start w:val="1"/>
      <w:numFmt w:val="bullet"/>
      <w:lvlText w:val="o"/>
      <w:lvlJc w:val="left"/>
      <w:pPr>
        <w:ind w:left="4290" w:hanging="4290"/>
      </w:pPr>
      <w:rPr>
        <w:rFonts w:ascii="Times New Roman" w:eastAsia="Times New Roman" w:hAnsi="Times New Roman" w:cs="Times New Roman"/>
        <w:b w:val="0"/>
        <w:i w:val="0"/>
        <w:strike w:val="0"/>
        <w:color w:val="000000"/>
        <w:sz w:val="24"/>
        <w:szCs w:val="24"/>
        <w:u w:val="none"/>
        <w:shd w:val="clear" w:color="auto" w:fill="auto"/>
        <w:vertAlign w:val="baseline"/>
      </w:rPr>
    </w:lvl>
    <w:lvl w:ilvl="5">
      <w:start w:val="1"/>
      <w:numFmt w:val="bullet"/>
      <w:lvlText w:val="▪"/>
      <w:lvlJc w:val="left"/>
      <w:pPr>
        <w:ind w:left="5010" w:hanging="5010"/>
      </w:pPr>
      <w:rPr>
        <w:rFonts w:ascii="Times New Roman" w:eastAsia="Times New Roman" w:hAnsi="Times New Roman" w:cs="Times New Roman"/>
        <w:b w:val="0"/>
        <w:i w:val="0"/>
        <w:strike w:val="0"/>
        <w:color w:val="000000"/>
        <w:sz w:val="24"/>
        <w:szCs w:val="24"/>
        <w:u w:val="none"/>
        <w:shd w:val="clear" w:color="auto" w:fill="auto"/>
        <w:vertAlign w:val="baseline"/>
      </w:rPr>
    </w:lvl>
    <w:lvl w:ilvl="6">
      <w:start w:val="1"/>
      <w:numFmt w:val="bullet"/>
      <w:lvlText w:val="•"/>
      <w:lvlJc w:val="left"/>
      <w:pPr>
        <w:ind w:left="5730" w:hanging="5730"/>
      </w:pPr>
      <w:rPr>
        <w:rFonts w:ascii="Times New Roman" w:eastAsia="Times New Roman" w:hAnsi="Times New Roman" w:cs="Times New Roman"/>
        <w:b w:val="0"/>
        <w:i w:val="0"/>
        <w:strike w:val="0"/>
        <w:color w:val="000000"/>
        <w:sz w:val="24"/>
        <w:szCs w:val="24"/>
        <w:u w:val="none"/>
        <w:shd w:val="clear" w:color="auto" w:fill="auto"/>
        <w:vertAlign w:val="baseline"/>
      </w:rPr>
    </w:lvl>
    <w:lvl w:ilvl="7">
      <w:start w:val="1"/>
      <w:numFmt w:val="bullet"/>
      <w:lvlText w:val="o"/>
      <w:lvlJc w:val="left"/>
      <w:pPr>
        <w:ind w:left="6450" w:hanging="6450"/>
      </w:pPr>
      <w:rPr>
        <w:rFonts w:ascii="Times New Roman" w:eastAsia="Times New Roman" w:hAnsi="Times New Roman" w:cs="Times New Roman"/>
        <w:b w:val="0"/>
        <w:i w:val="0"/>
        <w:strike w:val="0"/>
        <w:color w:val="000000"/>
        <w:sz w:val="24"/>
        <w:szCs w:val="24"/>
        <w:u w:val="none"/>
        <w:shd w:val="clear" w:color="auto" w:fill="auto"/>
        <w:vertAlign w:val="baseline"/>
      </w:rPr>
    </w:lvl>
    <w:lvl w:ilvl="8">
      <w:start w:val="1"/>
      <w:numFmt w:val="bullet"/>
      <w:lvlText w:val="▪"/>
      <w:lvlJc w:val="left"/>
      <w:pPr>
        <w:ind w:left="7170" w:hanging="7170"/>
      </w:pPr>
      <w:rPr>
        <w:rFonts w:ascii="Times New Roman" w:eastAsia="Times New Roman" w:hAnsi="Times New Roman" w:cs="Times New Roman"/>
        <w:b w:val="0"/>
        <w:i w:val="0"/>
        <w:strike w:val="0"/>
        <w:color w:val="000000"/>
        <w:sz w:val="24"/>
        <w:szCs w:val="24"/>
        <w:u w:val="none"/>
        <w:shd w:val="clear" w:color="auto" w:fill="auto"/>
        <w:vertAlign w:val="baseline"/>
      </w:rPr>
    </w:lvl>
  </w:abstractNum>
  <w:abstractNum w:abstractNumId="58" w15:restartNumberingAfterBreak="0">
    <w:nsid w:val="7E210574"/>
    <w:multiLevelType w:val="multilevel"/>
    <w:tmpl w:val="DE806524"/>
    <w:lvl w:ilvl="0">
      <w:start w:val="1"/>
      <w:numFmt w:val="bullet"/>
      <w:lvlText w:val="•"/>
      <w:lvlJc w:val="left"/>
      <w:pPr>
        <w:ind w:left="360" w:hanging="360"/>
      </w:pPr>
      <w:rPr>
        <w:rFonts w:ascii="Arial" w:eastAsia="Arial" w:hAnsi="Arial" w:cs="Arial"/>
        <w:b w:val="0"/>
        <w:i w:val="0"/>
        <w:strike w:val="0"/>
        <w:color w:val="000000"/>
        <w:sz w:val="24"/>
        <w:szCs w:val="24"/>
        <w:u w:val="none"/>
        <w:shd w:val="clear" w:color="auto" w:fill="auto"/>
        <w:vertAlign w:val="baseline"/>
      </w:rPr>
    </w:lvl>
    <w:lvl w:ilvl="1">
      <w:start w:val="1"/>
      <w:numFmt w:val="bullet"/>
      <w:lvlText w:val="•"/>
      <w:lvlJc w:val="left"/>
      <w:pPr>
        <w:ind w:left="1171" w:hanging="1171"/>
      </w:pPr>
      <w:rPr>
        <w:rFonts w:ascii="Arial" w:eastAsia="Arial" w:hAnsi="Arial" w:cs="Arial"/>
        <w:b w:val="0"/>
        <w:i w:val="0"/>
        <w:strike w:val="0"/>
        <w:color w:val="000000"/>
        <w:sz w:val="24"/>
        <w:szCs w:val="24"/>
        <w:u w:val="none"/>
        <w:shd w:val="clear" w:color="auto" w:fill="auto"/>
        <w:vertAlign w:val="baseline"/>
      </w:rPr>
    </w:lvl>
    <w:lvl w:ilvl="2">
      <w:start w:val="1"/>
      <w:numFmt w:val="bullet"/>
      <w:lvlText w:val="▪"/>
      <w:lvlJc w:val="left"/>
      <w:pPr>
        <w:ind w:left="1800" w:hanging="18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3">
      <w:start w:val="1"/>
      <w:numFmt w:val="bullet"/>
      <w:lvlText w:val="•"/>
      <w:lvlJc w:val="left"/>
      <w:pPr>
        <w:ind w:left="2520" w:hanging="2520"/>
      </w:pPr>
      <w:rPr>
        <w:rFonts w:ascii="Arial" w:eastAsia="Arial" w:hAnsi="Arial" w:cs="Arial"/>
        <w:b w:val="0"/>
        <w:i w:val="0"/>
        <w:strike w:val="0"/>
        <w:color w:val="000000"/>
        <w:sz w:val="24"/>
        <w:szCs w:val="24"/>
        <w:u w:val="none"/>
        <w:shd w:val="clear" w:color="auto" w:fill="auto"/>
        <w:vertAlign w:val="baseline"/>
      </w:rPr>
    </w:lvl>
    <w:lvl w:ilvl="4">
      <w:start w:val="1"/>
      <w:numFmt w:val="bullet"/>
      <w:lvlText w:val="o"/>
      <w:lvlJc w:val="left"/>
      <w:pPr>
        <w:ind w:left="3240" w:hanging="324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5">
      <w:start w:val="1"/>
      <w:numFmt w:val="bullet"/>
      <w:lvlText w:val="▪"/>
      <w:lvlJc w:val="left"/>
      <w:pPr>
        <w:ind w:left="3960" w:hanging="396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6">
      <w:start w:val="1"/>
      <w:numFmt w:val="bullet"/>
      <w:lvlText w:val="•"/>
      <w:lvlJc w:val="left"/>
      <w:pPr>
        <w:ind w:left="4680" w:hanging="4680"/>
      </w:pPr>
      <w:rPr>
        <w:rFonts w:ascii="Arial" w:eastAsia="Arial" w:hAnsi="Arial" w:cs="Arial"/>
        <w:b w:val="0"/>
        <w:i w:val="0"/>
        <w:strike w:val="0"/>
        <w:color w:val="000000"/>
        <w:sz w:val="24"/>
        <w:szCs w:val="24"/>
        <w:u w:val="none"/>
        <w:shd w:val="clear" w:color="auto" w:fill="auto"/>
        <w:vertAlign w:val="baseline"/>
      </w:rPr>
    </w:lvl>
    <w:lvl w:ilvl="7">
      <w:start w:val="1"/>
      <w:numFmt w:val="bullet"/>
      <w:lvlText w:val="o"/>
      <w:lvlJc w:val="left"/>
      <w:pPr>
        <w:ind w:left="5400" w:hanging="5400"/>
      </w:pPr>
      <w:rPr>
        <w:rFonts w:ascii="Quattrocento Sans" w:eastAsia="Quattrocento Sans" w:hAnsi="Quattrocento Sans" w:cs="Quattrocento Sans"/>
        <w:b w:val="0"/>
        <w:i w:val="0"/>
        <w:strike w:val="0"/>
        <w:color w:val="000000"/>
        <w:sz w:val="24"/>
        <w:szCs w:val="24"/>
        <w:u w:val="none"/>
        <w:shd w:val="clear" w:color="auto" w:fill="auto"/>
        <w:vertAlign w:val="baseline"/>
      </w:rPr>
    </w:lvl>
    <w:lvl w:ilvl="8">
      <w:start w:val="1"/>
      <w:numFmt w:val="bullet"/>
      <w:lvlText w:val="▪"/>
      <w:lvlJc w:val="left"/>
      <w:pPr>
        <w:ind w:left="6120" w:hanging="6120"/>
      </w:pPr>
      <w:rPr>
        <w:rFonts w:ascii="Quattrocento Sans" w:eastAsia="Quattrocento Sans" w:hAnsi="Quattrocento Sans" w:cs="Quattrocento Sans"/>
        <w:b w:val="0"/>
        <w:i w:val="0"/>
        <w:strike w:val="0"/>
        <w:color w:val="000000"/>
        <w:sz w:val="24"/>
        <w:szCs w:val="24"/>
        <w:u w:val="none"/>
        <w:shd w:val="clear" w:color="auto" w:fill="auto"/>
        <w:vertAlign w:val="baseline"/>
      </w:rPr>
    </w:lvl>
  </w:abstractNum>
  <w:num w:numId="1">
    <w:abstractNumId w:val="44"/>
  </w:num>
  <w:num w:numId="2">
    <w:abstractNumId w:val="36"/>
  </w:num>
  <w:num w:numId="3">
    <w:abstractNumId w:val="23"/>
  </w:num>
  <w:num w:numId="4">
    <w:abstractNumId w:val="19"/>
  </w:num>
  <w:num w:numId="5">
    <w:abstractNumId w:val="57"/>
  </w:num>
  <w:num w:numId="6">
    <w:abstractNumId w:val="1"/>
  </w:num>
  <w:num w:numId="7">
    <w:abstractNumId w:val="14"/>
  </w:num>
  <w:num w:numId="8">
    <w:abstractNumId w:val="29"/>
  </w:num>
  <w:num w:numId="9">
    <w:abstractNumId w:val="8"/>
  </w:num>
  <w:num w:numId="10">
    <w:abstractNumId w:val="30"/>
  </w:num>
  <w:num w:numId="11">
    <w:abstractNumId w:val="51"/>
  </w:num>
  <w:num w:numId="12">
    <w:abstractNumId w:val="3"/>
  </w:num>
  <w:num w:numId="13">
    <w:abstractNumId w:val="15"/>
  </w:num>
  <w:num w:numId="14">
    <w:abstractNumId w:val="47"/>
  </w:num>
  <w:num w:numId="15">
    <w:abstractNumId w:val="20"/>
  </w:num>
  <w:num w:numId="16">
    <w:abstractNumId w:val="43"/>
  </w:num>
  <w:num w:numId="17">
    <w:abstractNumId w:val="55"/>
  </w:num>
  <w:num w:numId="18">
    <w:abstractNumId w:val="56"/>
  </w:num>
  <w:num w:numId="19">
    <w:abstractNumId w:val="9"/>
  </w:num>
  <w:num w:numId="20">
    <w:abstractNumId w:val="0"/>
  </w:num>
  <w:num w:numId="21">
    <w:abstractNumId w:val="7"/>
  </w:num>
  <w:num w:numId="22">
    <w:abstractNumId w:val="6"/>
  </w:num>
  <w:num w:numId="23">
    <w:abstractNumId w:val="22"/>
  </w:num>
  <w:num w:numId="24">
    <w:abstractNumId w:val="34"/>
  </w:num>
  <w:num w:numId="25">
    <w:abstractNumId w:val="49"/>
  </w:num>
  <w:num w:numId="26">
    <w:abstractNumId w:val="48"/>
  </w:num>
  <w:num w:numId="27">
    <w:abstractNumId w:val="16"/>
  </w:num>
  <w:num w:numId="28">
    <w:abstractNumId w:val="10"/>
  </w:num>
  <w:num w:numId="29">
    <w:abstractNumId w:val="38"/>
  </w:num>
  <w:num w:numId="30">
    <w:abstractNumId w:val="58"/>
  </w:num>
  <w:num w:numId="31">
    <w:abstractNumId w:val="26"/>
  </w:num>
  <w:num w:numId="32">
    <w:abstractNumId w:val="54"/>
  </w:num>
  <w:num w:numId="33">
    <w:abstractNumId w:val="53"/>
  </w:num>
  <w:num w:numId="34">
    <w:abstractNumId w:val="40"/>
  </w:num>
  <w:num w:numId="35">
    <w:abstractNumId w:val="50"/>
  </w:num>
  <w:num w:numId="36">
    <w:abstractNumId w:val="52"/>
  </w:num>
  <w:num w:numId="37">
    <w:abstractNumId w:val="2"/>
  </w:num>
  <w:num w:numId="38">
    <w:abstractNumId w:val="31"/>
  </w:num>
  <w:num w:numId="39">
    <w:abstractNumId w:val="25"/>
  </w:num>
  <w:num w:numId="40">
    <w:abstractNumId w:val="42"/>
  </w:num>
  <w:num w:numId="41">
    <w:abstractNumId w:val="11"/>
  </w:num>
  <w:num w:numId="42">
    <w:abstractNumId w:val="39"/>
  </w:num>
  <w:num w:numId="43">
    <w:abstractNumId w:val="13"/>
  </w:num>
  <w:num w:numId="44">
    <w:abstractNumId w:val="21"/>
  </w:num>
  <w:num w:numId="45">
    <w:abstractNumId w:val="5"/>
  </w:num>
  <w:num w:numId="46">
    <w:abstractNumId w:val="17"/>
  </w:num>
  <w:num w:numId="47">
    <w:abstractNumId w:val="37"/>
  </w:num>
  <w:num w:numId="48">
    <w:abstractNumId w:val="33"/>
  </w:num>
  <w:num w:numId="49">
    <w:abstractNumId w:val="4"/>
  </w:num>
  <w:num w:numId="50">
    <w:abstractNumId w:val="24"/>
  </w:num>
  <w:num w:numId="51">
    <w:abstractNumId w:val="28"/>
  </w:num>
  <w:num w:numId="52">
    <w:abstractNumId w:val="27"/>
  </w:num>
  <w:num w:numId="53">
    <w:abstractNumId w:val="18"/>
  </w:num>
  <w:num w:numId="54">
    <w:abstractNumId w:val="46"/>
  </w:num>
  <w:num w:numId="55">
    <w:abstractNumId w:val="45"/>
  </w:num>
  <w:num w:numId="56">
    <w:abstractNumId w:val="35"/>
  </w:num>
  <w:num w:numId="57">
    <w:abstractNumId w:val="41"/>
  </w:num>
  <w:num w:numId="58">
    <w:abstractNumId w:val="12"/>
  </w:num>
  <w:num w:numId="59">
    <w:abstractNumId w:val="32"/>
  </w:num>
  <w:numIdMacAtCleanup w:val="57"/>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Daveline, Dan">
    <w15:presenceInfo w15:providerId="AD" w15:userId="S::DDaveline@naic.org::611a6988-0df6-4437-af20-621254ce3a0a"/>
  </w15:person>
  <w15:person w15:author="Gendron, Matthew (DBR)">
    <w15:presenceInfo w15:providerId="AD" w15:userId="S::Matthew.Gendron@dbr.ri.gov::96d33965-d883-42b7-a068-797fe77d86e2"/>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trackRevisions/>
  <w:defaultTabStop w:val="720"/>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F54CB"/>
    <w:rsid w:val="00000E1F"/>
    <w:rsid w:val="00003554"/>
    <w:rsid w:val="00012B81"/>
    <w:rsid w:val="0002070B"/>
    <w:rsid w:val="000237A4"/>
    <w:rsid w:val="00050DDE"/>
    <w:rsid w:val="00052B61"/>
    <w:rsid w:val="00074EEC"/>
    <w:rsid w:val="000B5F67"/>
    <w:rsid w:val="000D160C"/>
    <w:rsid w:val="000D1705"/>
    <w:rsid w:val="000F323B"/>
    <w:rsid w:val="000F40DA"/>
    <w:rsid w:val="0010264B"/>
    <w:rsid w:val="00124ABF"/>
    <w:rsid w:val="00126C5C"/>
    <w:rsid w:val="00127800"/>
    <w:rsid w:val="00131D09"/>
    <w:rsid w:val="001557CA"/>
    <w:rsid w:val="001939EA"/>
    <w:rsid w:val="001B6672"/>
    <w:rsid w:val="001D37FC"/>
    <w:rsid w:val="001D7455"/>
    <w:rsid w:val="00213828"/>
    <w:rsid w:val="00234E14"/>
    <w:rsid w:val="00250221"/>
    <w:rsid w:val="00273806"/>
    <w:rsid w:val="00284437"/>
    <w:rsid w:val="00286B84"/>
    <w:rsid w:val="002900B9"/>
    <w:rsid w:val="002A39BE"/>
    <w:rsid w:val="002B6221"/>
    <w:rsid w:val="002C7430"/>
    <w:rsid w:val="002D5DD4"/>
    <w:rsid w:val="002E3051"/>
    <w:rsid w:val="002E478E"/>
    <w:rsid w:val="002F0F62"/>
    <w:rsid w:val="002F2868"/>
    <w:rsid w:val="003046CD"/>
    <w:rsid w:val="00306C0B"/>
    <w:rsid w:val="00332965"/>
    <w:rsid w:val="003412CF"/>
    <w:rsid w:val="0034234E"/>
    <w:rsid w:val="00342DF6"/>
    <w:rsid w:val="00344004"/>
    <w:rsid w:val="0036732F"/>
    <w:rsid w:val="003B5942"/>
    <w:rsid w:val="003E43A0"/>
    <w:rsid w:val="003E44DC"/>
    <w:rsid w:val="003E52CD"/>
    <w:rsid w:val="003F1E12"/>
    <w:rsid w:val="003F2351"/>
    <w:rsid w:val="003F2BFD"/>
    <w:rsid w:val="00414A04"/>
    <w:rsid w:val="00427A8C"/>
    <w:rsid w:val="0047469D"/>
    <w:rsid w:val="00477D22"/>
    <w:rsid w:val="00482E9D"/>
    <w:rsid w:val="004A1CEA"/>
    <w:rsid w:val="004A56CC"/>
    <w:rsid w:val="004A6B66"/>
    <w:rsid w:val="004C0DD4"/>
    <w:rsid w:val="004D2444"/>
    <w:rsid w:val="004D2586"/>
    <w:rsid w:val="004D2EFE"/>
    <w:rsid w:val="004F3343"/>
    <w:rsid w:val="00501359"/>
    <w:rsid w:val="00522687"/>
    <w:rsid w:val="00523904"/>
    <w:rsid w:val="005243F5"/>
    <w:rsid w:val="00530B82"/>
    <w:rsid w:val="005723F7"/>
    <w:rsid w:val="0059214E"/>
    <w:rsid w:val="00595048"/>
    <w:rsid w:val="005A1806"/>
    <w:rsid w:val="005B301E"/>
    <w:rsid w:val="005C5D2E"/>
    <w:rsid w:val="005D7AE3"/>
    <w:rsid w:val="005E287D"/>
    <w:rsid w:val="005F3E40"/>
    <w:rsid w:val="00600736"/>
    <w:rsid w:val="006163A7"/>
    <w:rsid w:val="00621BB0"/>
    <w:rsid w:val="00625FDE"/>
    <w:rsid w:val="006356EA"/>
    <w:rsid w:val="006605FC"/>
    <w:rsid w:val="0066438E"/>
    <w:rsid w:val="006A0A03"/>
    <w:rsid w:val="006A5216"/>
    <w:rsid w:val="006A70DA"/>
    <w:rsid w:val="006A72AB"/>
    <w:rsid w:val="006C2BF7"/>
    <w:rsid w:val="006C400E"/>
    <w:rsid w:val="006C4BBB"/>
    <w:rsid w:val="006D43A7"/>
    <w:rsid w:val="006F0374"/>
    <w:rsid w:val="0070757A"/>
    <w:rsid w:val="00710C13"/>
    <w:rsid w:val="007145C1"/>
    <w:rsid w:val="0072264D"/>
    <w:rsid w:val="00762E76"/>
    <w:rsid w:val="0076741A"/>
    <w:rsid w:val="007679B9"/>
    <w:rsid w:val="00784C4C"/>
    <w:rsid w:val="007A2437"/>
    <w:rsid w:val="007C70ED"/>
    <w:rsid w:val="007D3860"/>
    <w:rsid w:val="007E0441"/>
    <w:rsid w:val="008266BB"/>
    <w:rsid w:val="008276A0"/>
    <w:rsid w:val="00837A42"/>
    <w:rsid w:val="00844641"/>
    <w:rsid w:val="008447CF"/>
    <w:rsid w:val="00850421"/>
    <w:rsid w:val="008518F1"/>
    <w:rsid w:val="00862AE5"/>
    <w:rsid w:val="00864D23"/>
    <w:rsid w:val="0088583D"/>
    <w:rsid w:val="008924BA"/>
    <w:rsid w:val="00897923"/>
    <w:rsid w:val="008C2512"/>
    <w:rsid w:val="008E3E46"/>
    <w:rsid w:val="008F073D"/>
    <w:rsid w:val="008F0AE9"/>
    <w:rsid w:val="0090574B"/>
    <w:rsid w:val="00971A0F"/>
    <w:rsid w:val="00986901"/>
    <w:rsid w:val="009A08B2"/>
    <w:rsid w:val="009A4558"/>
    <w:rsid w:val="009B003D"/>
    <w:rsid w:val="009B0478"/>
    <w:rsid w:val="009C4AC5"/>
    <w:rsid w:val="009C547E"/>
    <w:rsid w:val="009C6291"/>
    <w:rsid w:val="009D20D3"/>
    <w:rsid w:val="009F72B6"/>
    <w:rsid w:val="00A27229"/>
    <w:rsid w:val="00A313AE"/>
    <w:rsid w:val="00A31900"/>
    <w:rsid w:val="00A4428F"/>
    <w:rsid w:val="00A809C4"/>
    <w:rsid w:val="00A81307"/>
    <w:rsid w:val="00A97080"/>
    <w:rsid w:val="00AA5992"/>
    <w:rsid w:val="00AB7706"/>
    <w:rsid w:val="00AB7741"/>
    <w:rsid w:val="00B078CA"/>
    <w:rsid w:val="00B0790E"/>
    <w:rsid w:val="00B33B1C"/>
    <w:rsid w:val="00B52AF7"/>
    <w:rsid w:val="00B55D26"/>
    <w:rsid w:val="00B9111B"/>
    <w:rsid w:val="00BE1F3F"/>
    <w:rsid w:val="00BF5E06"/>
    <w:rsid w:val="00C006A3"/>
    <w:rsid w:val="00C073CA"/>
    <w:rsid w:val="00C42E3F"/>
    <w:rsid w:val="00C54B8E"/>
    <w:rsid w:val="00C57C4D"/>
    <w:rsid w:val="00CA644A"/>
    <w:rsid w:val="00CB2A74"/>
    <w:rsid w:val="00CB713A"/>
    <w:rsid w:val="00CC02C2"/>
    <w:rsid w:val="00CC5811"/>
    <w:rsid w:val="00CF3488"/>
    <w:rsid w:val="00CF4651"/>
    <w:rsid w:val="00CF54CB"/>
    <w:rsid w:val="00D252B4"/>
    <w:rsid w:val="00D4121B"/>
    <w:rsid w:val="00D65155"/>
    <w:rsid w:val="00D70358"/>
    <w:rsid w:val="00D76051"/>
    <w:rsid w:val="00DB4203"/>
    <w:rsid w:val="00DE74AE"/>
    <w:rsid w:val="00E54AF8"/>
    <w:rsid w:val="00E5511B"/>
    <w:rsid w:val="00E576C0"/>
    <w:rsid w:val="00E637AB"/>
    <w:rsid w:val="00E756B2"/>
    <w:rsid w:val="00E834AA"/>
    <w:rsid w:val="00EA3761"/>
    <w:rsid w:val="00EB5388"/>
    <w:rsid w:val="00EC15AE"/>
    <w:rsid w:val="00EC5BE9"/>
    <w:rsid w:val="00EC5D2C"/>
    <w:rsid w:val="00EC7B2C"/>
    <w:rsid w:val="00ED0F58"/>
    <w:rsid w:val="00ED7182"/>
    <w:rsid w:val="00F13E37"/>
    <w:rsid w:val="00F5263C"/>
    <w:rsid w:val="00F56A7B"/>
    <w:rsid w:val="00F81680"/>
    <w:rsid w:val="00F95D92"/>
    <w:rsid w:val="00F9702B"/>
    <w:rsid w:val="00FB4251"/>
    <w:rsid w:val="00FD3D96"/>
    <w:rsid w:val="00FE3C3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B0D47CD"/>
  <w15:docId w15:val="{A376A4B8-BBDF-4A2A-982F-C9B509B6799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sz w:val="24"/>
        <w:szCs w:val="24"/>
        <w:lang w:val="en-US" w:eastAsia="en-US" w:bidi="ar-SA"/>
      </w:rPr>
    </w:rPrDefault>
    <w:pPrDefault>
      <w:pPr>
        <w:spacing w:after="5" w:line="248" w:lineRule="auto"/>
        <w:ind w:left="4" w:firstLine="2"/>
        <w:jc w:val="both"/>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C7F0A"/>
    <w:pPr>
      <w:ind w:firstLine="3"/>
    </w:pPr>
    <w:rPr>
      <w:color w:val="000000"/>
    </w:rPr>
  </w:style>
  <w:style w:type="paragraph" w:styleId="Heading1">
    <w:name w:val="heading 1"/>
    <w:basedOn w:val="Normal"/>
    <w:next w:val="Normal"/>
    <w:link w:val="Heading1Char"/>
    <w:uiPriority w:val="9"/>
    <w:qFormat/>
    <w:rsid w:val="00B078CA"/>
    <w:pPr>
      <w:spacing w:after="240" w:line="264" w:lineRule="auto"/>
      <w:ind w:left="0" w:hanging="14"/>
      <w:jc w:val="left"/>
      <w:outlineLvl w:val="0"/>
    </w:pPr>
    <w:rPr>
      <w:i/>
      <w:color w:val="2F5496"/>
    </w:rPr>
  </w:style>
  <w:style w:type="paragraph" w:styleId="Heading2">
    <w:name w:val="heading 2"/>
    <w:basedOn w:val="Heading1"/>
    <w:next w:val="Normal"/>
    <w:link w:val="Heading2Char"/>
    <w:uiPriority w:val="9"/>
    <w:unhideWhenUsed/>
    <w:qFormat/>
    <w:rsid w:val="00B078CA"/>
    <w:pPr>
      <w:outlineLvl w:val="1"/>
    </w:pPr>
    <w:rPr>
      <w:i w:val="0"/>
      <w:iCs/>
    </w:rPr>
  </w:style>
  <w:style w:type="paragraph" w:styleId="Heading3">
    <w:name w:val="heading 3"/>
    <w:next w:val="Normal"/>
    <w:link w:val="Heading3Char"/>
    <w:uiPriority w:val="9"/>
    <w:unhideWhenUsed/>
    <w:qFormat/>
    <w:rsid w:val="003C7F0A"/>
    <w:pPr>
      <w:keepNext/>
      <w:keepLines/>
      <w:spacing w:after="0"/>
      <w:ind w:left="101" w:hanging="10"/>
      <w:outlineLvl w:val="2"/>
    </w:pPr>
    <w:rPr>
      <w:b/>
      <w:i/>
      <w:color w:val="000000"/>
      <w:u w:val="single" w:color="000000"/>
    </w:rPr>
  </w:style>
  <w:style w:type="paragraph" w:styleId="Heading4">
    <w:name w:val="heading 4"/>
    <w:basedOn w:val="Normal"/>
    <w:next w:val="Normal"/>
    <w:link w:val="Heading4Char"/>
    <w:uiPriority w:val="9"/>
    <w:semiHidden/>
    <w:unhideWhenUsed/>
    <w:qFormat/>
    <w:rsid w:val="003C7F0A"/>
    <w:pPr>
      <w:keepNext/>
      <w:keepLines/>
      <w:spacing w:before="40" w:after="0"/>
      <w:outlineLvl w:val="3"/>
    </w:pPr>
    <w:rPr>
      <w:rFonts w:asciiTheme="majorHAnsi" w:eastAsiaTheme="majorEastAsia" w:hAnsiTheme="majorHAnsi" w:cstheme="majorBidi"/>
      <w:i/>
      <w:iCs/>
      <w:color w:val="2F5496" w:themeColor="accent1" w:themeShade="BF"/>
    </w:rPr>
  </w:style>
  <w:style w:type="paragraph" w:styleId="Heading5">
    <w:name w:val="heading 5"/>
    <w:basedOn w:val="Normal"/>
    <w:next w:val="Normal"/>
    <w:link w:val="Heading5Char"/>
    <w:uiPriority w:val="9"/>
    <w:semiHidden/>
    <w:unhideWhenUsed/>
    <w:qFormat/>
    <w:rsid w:val="003C7F0A"/>
    <w:pPr>
      <w:keepNext/>
      <w:keepLines/>
      <w:spacing w:before="40" w:after="0"/>
      <w:outlineLvl w:val="4"/>
    </w:pPr>
    <w:rPr>
      <w:rFonts w:asciiTheme="majorHAnsi" w:eastAsiaTheme="majorEastAsia" w:hAnsiTheme="majorHAnsi" w:cstheme="majorBidi"/>
      <w:color w:val="2F5496" w:themeColor="accent1" w:themeShade="BF"/>
    </w:rPr>
  </w:style>
  <w:style w:type="paragraph" w:styleId="Heading6">
    <w:name w:val="heading 6"/>
    <w:basedOn w:val="Normal"/>
    <w:next w:val="Normal"/>
    <w:link w:val="Heading6Char"/>
    <w:uiPriority w:val="9"/>
    <w:semiHidden/>
    <w:unhideWhenUsed/>
    <w:qFormat/>
    <w:rsid w:val="003C7F0A"/>
    <w:pPr>
      <w:keepNext/>
      <w:keepLines/>
      <w:spacing w:before="40" w:after="0"/>
      <w:outlineLvl w:val="5"/>
    </w:pPr>
    <w:rPr>
      <w:rFonts w:asciiTheme="majorHAnsi" w:eastAsiaTheme="majorEastAsia" w:hAnsiTheme="majorHAnsi" w:cstheme="majorBidi"/>
      <w:color w:val="1F3763" w:themeColor="accent1" w:themeShade="7F"/>
    </w:rPr>
  </w:style>
  <w:style w:type="paragraph" w:styleId="Heading7">
    <w:name w:val="heading 7"/>
    <w:basedOn w:val="Normal"/>
    <w:next w:val="Normal"/>
    <w:link w:val="Heading7Char"/>
    <w:uiPriority w:val="9"/>
    <w:semiHidden/>
    <w:unhideWhenUsed/>
    <w:qFormat/>
    <w:rsid w:val="003C7F0A"/>
    <w:pPr>
      <w:keepNext/>
      <w:keepLines/>
      <w:spacing w:before="40" w:after="0"/>
      <w:outlineLvl w:val="6"/>
    </w:pPr>
    <w:rPr>
      <w:rFonts w:asciiTheme="majorHAnsi" w:eastAsiaTheme="majorEastAsia" w:hAnsiTheme="majorHAnsi" w:cstheme="majorBidi"/>
      <w:i/>
      <w:iCs/>
      <w:color w:val="1F3763" w:themeColor="accent1" w:themeShade="7F"/>
    </w:rPr>
  </w:style>
  <w:style w:type="paragraph" w:styleId="Heading8">
    <w:name w:val="heading 8"/>
    <w:basedOn w:val="Normal"/>
    <w:next w:val="Normal"/>
    <w:link w:val="Heading8Char"/>
    <w:uiPriority w:val="9"/>
    <w:semiHidden/>
    <w:unhideWhenUsed/>
    <w:qFormat/>
    <w:rsid w:val="003C7F0A"/>
    <w:pPr>
      <w:keepNext/>
      <w:keepLines/>
      <w:spacing w:before="40" w:after="0"/>
      <w:outlineLvl w:val="7"/>
    </w:pPr>
    <w:rPr>
      <w:rFonts w:asciiTheme="majorHAnsi" w:eastAsiaTheme="majorEastAsia" w:hAnsiTheme="majorHAnsi" w:cstheme="majorBidi"/>
      <w:color w:val="272727" w:themeColor="text1" w:themeTint="D8"/>
      <w:sz w:val="21"/>
      <w:szCs w:val="21"/>
    </w:rPr>
  </w:style>
  <w:style w:type="paragraph" w:styleId="Heading9">
    <w:name w:val="heading 9"/>
    <w:basedOn w:val="Normal"/>
    <w:next w:val="Normal"/>
    <w:link w:val="Heading9Char"/>
    <w:uiPriority w:val="9"/>
    <w:semiHidden/>
    <w:unhideWhenUsed/>
    <w:qFormat/>
    <w:rsid w:val="003C7F0A"/>
    <w:pPr>
      <w:keepNext/>
      <w:keepLines/>
      <w:spacing w:before="40" w:after="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D65155"/>
    <w:pPr>
      <w:spacing w:after="238" w:line="259" w:lineRule="auto"/>
      <w:ind w:left="1575" w:firstLine="0"/>
      <w:jc w:val="left"/>
    </w:pPr>
    <w:rPr>
      <w:b/>
      <w:sz w:val="56"/>
      <w:szCs w:val="56"/>
    </w:rPr>
  </w:style>
  <w:style w:type="character" w:customStyle="1" w:styleId="Heading1Char">
    <w:name w:val="Heading 1 Char"/>
    <w:basedOn w:val="DefaultParagraphFont"/>
    <w:link w:val="Heading1"/>
    <w:uiPriority w:val="9"/>
    <w:rsid w:val="00B078CA"/>
    <w:rPr>
      <w:i/>
      <w:color w:val="2F5496"/>
    </w:rPr>
  </w:style>
  <w:style w:type="character" w:customStyle="1" w:styleId="Heading2Char">
    <w:name w:val="Heading 2 Char"/>
    <w:basedOn w:val="DefaultParagraphFont"/>
    <w:link w:val="Heading2"/>
    <w:uiPriority w:val="9"/>
    <w:rsid w:val="00B078CA"/>
    <w:rPr>
      <w:iCs/>
      <w:color w:val="2F5496"/>
    </w:rPr>
  </w:style>
  <w:style w:type="character" w:customStyle="1" w:styleId="Heading3Char">
    <w:name w:val="Heading 3 Char"/>
    <w:basedOn w:val="DefaultParagraphFont"/>
    <w:link w:val="Heading3"/>
    <w:uiPriority w:val="9"/>
    <w:rsid w:val="003C7F0A"/>
    <w:rPr>
      <w:rFonts w:ascii="Times New Roman" w:eastAsia="Times New Roman" w:hAnsi="Times New Roman" w:cs="Times New Roman"/>
      <w:b/>
      <w:i/>
      <w:color w:val="000000"/>
      <w:u w:val="single" w:color="000000"/>
      <w:lang w:val="en-US"/>
    </w:rPr>
  </w:style>
  <w:style w:type="character" w:customStyle="1" w:styleId="Heading4Char">
    <w:name w:val="Heading 4 Char"/>
    <w:basedOn w:val="DefaultParagraphFont"/>
    <w:link w:val="Heading4"/>
    <w:uiPriority w:val="9"/>
    <w:semiHidden/>
    <w:rsid w:val="003C7F0A"/>
    <w:rPr>
      <w:rFonts w:asciiTheme="majorHAnsi" w:eastAsiaTheme="majorEastAsia" w:hAnsiTheme="majorHAnsi" w:cstheme="majorBidi"/>
      <w:i/>
      <w:iCs/>
      <w:color w:val="2F5496" w:themeColor="accent1" w:themeShade="BF"/>
      <w:sz w:val="24"/>
      <w:lang w:val="en-US"/>
    </w:rPr>
  </w:style>
  <w:style w:type="character" w:customStyle="1" w:styleId="Heading5Char">
    <w:name w:val="Heading 5 Char"/>
    <w:basedOn w:val="DefaultParagraphFont"/>
    <w:link w:val="Heading5"/>
    <w:uiPriority w:val="9"/>
    <w:semiHidden/>
    <w:rsid w:val="003C7F0A"/>
    <w:rPr>
      <w:rFonts w:asciiTheme="majorHAnsi" w:eastAsiaTheme="majorEastAsia" w:hAnsiTheme="majorHAnsi" w:cstheme="majorBidi"/>
      <w:color w:val="2F5496" w:themeColor="accent1" w:themeShade="BF"/>
      <w:sz w:val="24"/>
      <w:lang w:val="en-US"/>
    </w:rPr>
  </w:style>
  <w:style w:type="character" w:customStyle="1" w:styleId="Heading6Char">
    <w:name w:val="Heading 6 Char"/>
    <w:basedOn w:val="DefaultParagraphFont"/>
    <w:link w:val="Heading6"/>
    <w:uiPriority w:val="9"/>
    <w:semiHidden/>
    <w:rsid w:val="003C7F0A"/>
    <w:rPr>
      <w:rFonts w:asciiTheme="majorHAnsi" w:eastAsiaTheme="majorEastAsia" w:hAnsiTheme="majorHAnsi" w:cstheme="majorBidi"/>
      <w:color w:val="1F3763" w:themeColor="accent1" w:themeShade="7F"/>
      <w:sz w:val="24"/>
      <w:lang w:val="en-US"/>
    </w:rPr>
  </w:style>
  <w:style w:type="character" w:customStyle="1" w:styleId="Heading7Char">
    <w:name w:val="Heading 7 Char"/>
    <w:basedOn w:val="DefaultParagraphFont"/>
    <w:link w:val="Heading7"/>
    <w:uiPriority w:val="9"/>
    <w:semiHidden/>
    <w:rsid w:val="003C7F0A"/>
    <w:rPr>
      <w:rFonts w:asciiTheme="majorHAnsi" w:eastAsiaTheme="majorEastAsia" w:hAnsiTheme="majorHAnsi" w:cstheme="majorBidi"/>
      <w:i/>
      <w:iCs/>
      <w:color w:val="1F3763" w:themeColor="accent1" w:themeShade="7F"/>
      <w:sz w:val="24"/>
      <w:lang w:val="en-US"/>
    </w:rPr>
  </w:style>
  <w:style w:type="character" w:customStyle="1" w:styleId="Heading8Char">
    <w:name w:val="Heading 8 Char"/>
    <w:basedOn w:val="DefaultParagraphFont"/>
    <w:link w:val="Heading8"/>
    <w:uiPriority w:val="9"/>
    <w:semiHidden/>
    <w:rsid w:val="003C7F0A"/>
    <w:rPr>
      <w:rFonts w:asciiTheme="majorHAnsi" w:eastAsiaTheme="majorEastAsia" w:hAnsiTheme="majorHAnsi" w:cstheme="majorBidi"/>
      <w:color w:val="272727" w:themeColor="text1" w:themeTint="D8"/>
      <w:sz w:val="21"/>
      <w:szCs w:val="21"/>
      <w:lang w:val="en-US"/>
    </w:rPr>
  </w:style>
  <w:style w:type="character" w:customStyle="1" w:styleId="Heading9Char">
    <w:name w:val="Heading 9 Char"/>
    <w:basedOn w:val="DefaultParagraphFont"/>
    <w:link w:val="Heading9"/>
    <w:uiPriority w:val="9"/>
    <w:semiHidden/>
    <w:rsid w:val="003C7F0A"/>
    <w:rPr>
      <w:rFonts w:asciiTheme="majorHAnsi" w:eastAsiaTheme="majorEastAsia" w:hAnsiTheme="majorHAnsi" w:cstheme="majorBidi"/>
      <w:i/>
      <w:iCs/>
      <w:color w:val="272727" w:themeColor="text1" w:themeTint="D8"/>
      <w:sz w:val="21"/>
      <w:szCs w:val="21"/>
      <w:lang w:val="en-US"/>
    </w:rPr>
  </w:style>
  <w:style w:type="paragraph" w:customStyle="1" w:styleId="footnotedescription">
    <w:name w:val="footnote description"/>
    <w:next w:val="Normal"/>
    <w:link w:val="footnotedescriptionChar"/>
    <w:hidden/>
    <w:rsid w:val="003C7F0A"/>
    <w:pPr>
      <w:spacing w:after="0"/>
    </w:pPr>
    <w:rPr>
      <w:color w:val="000000"/>
      <w:sz w:val="20"/>
    </w:rPr>
  </w:style>
  <w:style w:type="character" w:customStyle="1" w:styleId="footnotedescriptionChar">
    <w:name w:val="footnote description Char"/>
    <w:link w:val="footnotedescription"/>
    <w:rsid w:val="003C7F0A"/>
    <w:rPr>
      <w:rFonts w:ascii="Times New Roman" w:eastAsia="Times New Roman" w:hAnsi="Times New Roman" w:cs="Times New Roman"/>
      <w:color w:val="000000"/>
      <w:sz w:val="20"/>
      <w:lang w:val="en-US"/>
    </w:rPr>
  </w:style>
  <w:style w:type="character" w:customStyle="1" w:styleId="footnotemark">
    <w:name w:val="footnote mark"/>
    <w:hidden/>
    <w:rsid w:val="003C7F0A"/>
    <w:rPr>
      <w:rFonts w:ascii="Times New Roman" w:eastAsia="Times New Roman" w:hAnsi="Times New Roman" w:cs="Times New Roman"/>
      <w:color w:val="000000"/>
      <w:sz w:val="20"/>
      <w:vertAlign w:val="superscript"/>
    </w:rPr>
  </w:style>
  <w:style w:type="table" w:customStyle="1" w:styleId="TableGrid">
    <w:name w:val="TableGrid"/>
    <w:rsid w:val="003C7F0A"/>
    <w:pPr>
      <w:spacing w:after="0" w:line="240" w:lineRule="auto"/>
    </w:pPr>
    <w:rPr>
      <w:rFonts w:eastAsiaTheme="minorEastAsia"/>
    </w:rPr>
    <w:tblPr>
      <w:tblCellMar>
        <w:top w:w="0" w:type="dxa"/>
        <w:left w:w="0" w:type="dxa"/>
        <w:bottom w:w="0" w:type="dxa"/>
        <w:right w:w="0" w:type="dxa"/>
      </w:tblCellMar>
    </w:tblPr>
  </w:style>
  <w:style w:type="paragraph" w:styleId="ListParagraph">
    <w:name w:val="List Paragraph"/>
    <w:basedOn w:val="Normal"/>
    <w:uiPriority w:val="34"/>
    <w:qFormat/>
    <w:rsid w:val="003C7F0A"/>
    <w:pPr>
      <w:ind w:left="720"/>
      <w:contextualSpacing/>
    </w:pPr>
  </w:style>
  <w:style w:type="paragraph" w:styleId="Revision">
    <w:name w:val="Revision"/>
    <w:hidden/>
    <w:uiPriority w:val="99"/>
    <w:semiHidden/>
    <w:rsid w:val="003C7F0A"/>
    <w:pPr>
      <w:spacing w:after="0" w:line="240" w:lineRule="auto"/>
    </w:pPr>
    <w:rPr>
      <w:color w:val="000000"/>
    </w:rPr>
  </w:style>
  <w:style w:type="paragraph" w:styleId="FootnoteText">
    <w:name w:val="footnote text"/>
    <w:basedOn w:val="Normal"/>
    <w:link w:val="FootnoteTextChar"/>
    <w:uiPriority w:val="99"/>
    <w:unhideWhenUsed/>
    <w:rsid w:val="003C7F0A"/>
    <w:pPr>
      <w:spacing w:after="0" w:line="240" w:lineRule="auto"/>
    </w:pPr>
    <w:rPr>
      <w:sz w:val="20"/>
      <w:szCs w:val="20"/>
    </w:rPr>
  </w:style>
  <w:style w:type="character" w:customStyle="1" w:styleId="FootnoteTextChar">
    <w:name w:val="Footnote Text Char"/>
    <w:basedOn w:val="DefaultParagraphFont"/>
    <w:link w:val="FootnoteText"/>
    <w:uiPriority w:val="99"/>
    <w:rsid w:val="003C7F0A"/>
    <w:rPr>
      <w:rFonts w:ascii="Times New Roman" w:eastAsia="Times New Roman" w:hAnsi="Times New Roman" w:cs="Times New Roman"/>
      <w:color w:val="000000"/>
      <w:sz w:val="20"/>
      <w:szCs w:val="20"/>
      <w:lang w:val="en-US"/>
    </w:rPr>
  </w:style>
  <w:style w:type="character" w:styleId="FootnoteReference">
    <w:name w:val="footnote reference"/>
    <w:basedOn w:val="DefaultParagraphFont"/>
    <w:uiPriority w:val="99"/>
    <w:semiHidden/>
    <w:unhideWhenUsed/>
    <w:rsid w:val="003C7F0A"/>
    <w:rPr>
      <w:vertAlign w:val="superscript"/>
    </w:rPr>
  </w:style>
  <w:style w:type="paragraph" w:styleId="BalloonText">
    <w:name w:val="Balloon Text"/>
    <w:basedOn w:val="Normal"/>
    <w:link w:val="BalloonTextChar"/>
    <w:uiPriority w:val="99"/>
    <w:semiHidden/>
    <w:unhideWhenUsed/>
    <w:rsid w:val="003C7F0A"/>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3C7F0A"/>
    <w:rPr>
      <w:rFonts w:ascii="Segoe UI" w:eastAsia="Times New Roman" w:hAnsi="Segoe UI" w:cs="Segoe UI"/>
      <w:color w:val="000000"/>
      <w:sz w:val="18"/>
      <w:szCs w:val="18"/>
      <w:lang w:val="en-US"/>
    </w:rPr>
  </w:style>
  <w:style w:type="paragraph" w:styleId="Bibliography">
    <w:name w:val="Bibliography"/>
    <w:basedOn w:val="Normal"/>
    <w:next w:val="Normal"/>
    <w:uiPriority w:val="37"/>
    <w:semiHidden/>
    <w:unhideWhenUsed/>
    <w:rsid w:val="003C7F0A"/>
  </w:style>
  <w:style w:type="paragraph" w:styleId="BlockText">
    <w:name w:val="Block Text"/>
    <w:basedOn w:val="Normal"/>
    <w:uiPriority w:val="99"/>
    <w:semiHidden/>
    <w:unhideWhenUsed/>
    <w:rsid w:val="003C7F0A"/>
    <w:pPr>
      <w:pBdr>
        <w:top w:val="single" w:sz="2" w:space="10" w:color="4472C4" w:themeColor="accent1"/>
        <w:left w:val="single" w:sz="2" w:space="10" w:color="4472C4" w:themeColor="accent1"/>
        <w:bottom w:val="single" w:sz="2" w:space="10" w:color="4472C4" w:themeColor="accent1"/>
        <w:right w:val="single" w:sz="2" w:space="10" w:color="4472C4" w:themeColor="accent1"/>
      </w:pBdr>
      <w:ind w:left="1152" w:right="1152"/>
    </w:pPr>
    <w:rPr>
      <w:rFonts w:asciiTheme="minorHAnsi" w:eastAsiaTheme="minorEastAsia" w:hAnsiTheme="minorHAnsi" w:cstheme="minorBidi"/>
      <w:i/>
      <w:iCs/>
      <w:color w:val="4472C4" w:themeColor="accent1"/>
    </w:rPr>
  </w:style>
  <w:style w:type="paragraph" w:styleId="BodyText">
    <w:name w:val="Body Text"/>
    <w:basedOn w:val="Normal"/>
    <w:link w:val="BodyTextChar"/>
    <w:uiPriority w:val="99"/>
    <w:semiHidden/>
    <w:unhideWhenUsed/>
    <w:rsid w:val="003C7F0A"/>
    <w:pPr>
      <w:spacing w:after="120"/>
    </w:pPr>
  </w:style>
  <w:style w:type="character" w:customStyle="1" w:styleId="BodyTextChar">
    <w:name w:val="Body Text Char"/>
    <w:basedOn w:val="DefaultParagraphFont"/>
    <w:link w:val="BodyText"/>
    <w:uiPriority w:val="99"/>
    <w:semiHidden/>
    <w:rsid w:val="003C7F0A"/>
    <w:rPr>
      <w:rFonts w:ascii="Times New Roman" w:eastAsia="Times New Roman" w:hAnsi="Times New Roman" w:cs="Times New Roman"/>
      <w:color w:val="000000"/>
      <w:sz w:val="24"/>
      <w:lang w:val="en-US"/>
    </w:rPr>
  </w:style>
  <w:style w:type="paragraph" w:styleId="BodyText2">
    <w:name w:val="Body Text 2"/>
    <w:basedOn w:val="Normal"/>
    <w:link w:val="BodyText2Char"/>
    <w:uiPriority w:val="99"/>
    <w:semiHidden/>
    <w:unhideWhenUsed/>
    <w:rsid w:val="003C7F0A"/>
    <w:pPr>
      <w:spacing w:after="120" w:line="480" w:lineRule="auto"/>
    </w:pPr>
  </w:style>
  <w:style w:type="character" w:customStyle="1" w:styleId="BodyText2Char">
    <w:name w:val="Body Text 2 Char"/>
    <w:basedOn w:val="DefaultParagraphFont"/>
    <w:link w:val="BodyText2"/>
    <w:uiPriority w:val="99"/>
    <w:semiHidden/>
    <w:rsid w:val="003C7F0A"/>
    <w:rPr>
      <w:rFonts w:ascii="Times New Roman" w:eastAsia="Times New Roman" w:hAnsi="Times New Roman" w:cs="Times New Roman"/>
      <w:color w:val="000000"/>
      <w:sz w:val="24"/>
      <w:lang w:val="en-US"/>
    </w:rPr>
  </w:style>
  <w:style w:type="paragraph" w:styleId="BodyText3">
    <w:name w:val="Body Text 3"/>
    <w:basedOn w:val="Normal"/>
    <w:link w:val="BodyText3Char"/>
    <w:uiPriority w:val="99"/>
    <w:semiHidden/>
    <w:unhideWhenUsed/>
    <w:rsid w:val="003C7F0A"/>
    <w:pPr>
      <w:spacing w:after="120"/>
    </w:pPr>
    <w:rPr>
      <w:sz w:val="16"/>
      <w:szCs w:val="16"/>
    </w:rPr>
  </w:style>
  <w:style w:type="character" w:customStyle="1" w:styleId="BodyText3Char">
    <w:name w:val="Body Text 3 Char"/>
    <w:basedOn w:val="DefaultParagraphFont"/>
    <w:link w:val="BodyText3"/>
    <w:uiPriority w:val="99"/>
    <w:semiHidden/>
    <w:rsid w:val="003C7F0A"/>
    <w:rPr>
      <w:rFonts w:ascii="Times New Roman" w:eastAsia="Times New Roman" w:hAnsi="Times New Roman" w:cs="Times New Roman"/>
      <w:color w:val="000000"/>
      <w:sz w:val="16"/>
      <w:szCs w:val="16"/>
      <w:lang w:val="en-US"/>
    </w:rPr>
  </w:style>
  <w:style w:type="paragraph" w:styleId="BodyTextFirstIndent">
    <w:name w:val="Body Text First Indent"/>
    <w:basedOn w:val="BodyText"/>
    <w:link w:val="BodyTextFirstIndentChar"/>
    <w:uiPriority w:val="99"/>
    <w:semiHidden/>
    <w:unhideWhenUsed/>
    <w:rsid w:val="003C7F0A"/>
    <w:pPr>
      <w:spacing w:after="5"/>
      <w:ind w:firstLine="360"/>
    </w:pPr>
  </w:style>
  <w:style w:type="character" w:customStyle="1" w:styleId="BodyTextFirstIndentChar">
    <w:name w:val="Body Text First Indent Char"/>
    <w:basedOn w:val="BodyTextChar"/>
    <w:link w:val="BodyTextFirstIndent"/>
    <w:uiPriority w:val="99"/>
    <w:semiHidden/>
    <w:rsid w:val="003C7F0A"/>
    <w:rPr>
      <w:rFonts w:ascii="Times New Roman" w:eastAsia="Times New Roman" w:hAnsi="Times New Roman" w:cs="Times New Roman"/>
      <w:color w:val="000000"/>
      <w:sz w:val="24"/>
      <w:lang w:val="en-US"/>
    </w:rPr>
  </w:style>
  <w:style w:type="paragraph" w:styleId="BodyTextIndent">
    <w:name w:val="Body Text Indent"/>
    <w:basedOn w:val="Normal"/>
    <w:link w:val="BodyTextIndentChar"/>
    <w:uiPriority w:val="99"/>
    <w:semiHidden/>
    <w:unhideWhenUsed/>
    <w:rsid w:val="003C7F0A"/>
    <w:pPr>
      <w:spacing w:after="120"/>
      <w:ind w:left="360"/>
    </w:pPr>
  </w:style>
  <w:style w:type="character" w:customStyle="1" w:styleId="BodyTextIndentChar">
    <w:name w:val="Body Text Indent Char"/>
    <w:basedOn w:val="DefaultParagraphFont"/>
    <w:link w:val="BodyTextIndent"/>
    <w:uiPriority w:val="99"/>
    <w:semiHidden/>
    <w:rsid w:val="003C7F0A"/>
    <w:rPr>
      <w:rFonts w:ascii="Times New Roman" w:eastAsia="Times New Roman" w:hAnsi="Times New Roman" w:cs="Times New Roman"/>
      <w:color w:val="000000"/>
      <w:sz w:val="24"/>
      <w:lang w:val="en-US"/>
    </w:rPr>
  </w:style>
  <w:style w:type="paragraph" w:styleId="BodyTextFirstIndent2">
    <w:name w:val="Body Text First Indent 2"/>
    <w:basedOn w:val="BodyTextIndent"/>
    <w:link w:val="BodyTextFirstIndent2Char"/>
    <w:uiPriority w:val="99"/>
    <w:semiHidden/>
    <w:unhideWhenUsed/>
    <w:rsid w:val="003C7F0A"/>
    <w:pPr>
      <w:spacing w:after="5"/>
      <w:ind w:firstLine="360"/>
    </w:pPr>
  </w:style>
  <w:style w:type="character" w:customStyle="1" w:styleId="BodyTextFirstIndent2Char">
    <w:name w:val="Body Text First Indent 2 Char"/>
    <w:basedOn w:val="BodyTextIndentChar"/>
    <w:link w:val="BodyTextFirstIndent2"/>
    <w:uiPriority w:val="99"/>
    <w:semiHidden/>
    <w:rsid w:val="003C7F0A"/>
    <w:rPr>
      <w:rFonts w:ascii="Times New Roman" w:eastAsia="Times New Roman" w:hAnsi="Times New Roman" w:cs="Times New Roman"/>
      <w:color w:val="000000"/>
      <w:sz w:val="24"/>
      <w:lang w:val="en-US"/>
    </w:rPr>
  </w:style>
  <w:style w:type="paragraph" w:styleId="BodyTextIndent2">
    <w:name w:val="Body Text Indent 2"/>
    <w:basedOn w:val="Normal"/>
    <w:link w:val="BodyTextIndent2Char"/>
    <w:uiPriority w:val="99"/>
    <w:semiHidden/>
    <w:unhideWhenUsed/>
    <w:rsid w:val="003C7F0A"/>
    <w:pPr>
      <w:spacing w:after="120" w:line="480" w:lineRule="auto"/>
      <w:ind w:left="360"/>
    </w:pPr>
  </w:style>
  <w:style w:type="character" w:customStyle="1" w:styleId="BodyTextIndent2Char">
    <w:name w:val="Body Text Indent 2 Char"/>
    <w:basedOn w:val="DefaultParagraphFont"/>
    <w:link w:val="BodyTextIndent2"/>
    <w:uiPriority w:val="99"/>
    <w:semiHidden/>
    <w:rsid w:val="003C7F0A"/>
    <w:rPr>
      <w:rFonts w:ascii="Times New Roman" w:eastAsia="Times New Roman" w:hAnsi="Times New Roman" w:cs="Times New Roman"/>
      <w:color w:val="000000"/>
      <w:sz w:val="24"/>
      <w:lang w:val="en-US"/>
    </w:rPr>
  </w:style>
  <w:style w:type="paragraph" w:styleId="BodyTextIndent3">
    <w:name w:val="Body Text Indent 3"/>
    <w:basedOn w:val="Normal"/>
    <w:link w:val="BodyTextIndent3Char"/>
    <w:uiPriority w:val="99"/>
    <w:semiHidden/>
    <w:unhideWhenUsed/>
    <w:rsid w:val="003C7F0A"/>
    <w:pPr>
      <w:spacing w:after="120"/>
      <w:ind w:left="360"/>
    </w:pPr>
    <w:rPr>
      <w:sz w:val="16"/>
      <w:szCs w:val="16"/>
    </w:rPr>
  </w:style>
  <w:style w:type="character" w:customStyle="1" w:styleId="BodyTextIndent3Char">
    <w:name w:val="Body Text Indent 3 Char"/>
    <w:basedOn w:val="DefaultParagraphFont"/>
    <w:link w:val="BodyTextIndent3"/>
    <w:uiPriority w:val="99"/>
    <w:semiHidden/>
    <w:rsid w:val="003C7F0A"/>
    <w:rPr>
      <w:rFonts w:ascii="Times New Roman" w:eastAsia="Times New Roman" w:hAnsi="Times New Roman" w:cs="Times New Roman"/>
      <w:color w:val="000000"/>
      <w:sz w:val="16"/>
      <w:szCs w:val="16"/>
      <w:lang w:val="en-US"/>
    </w:rPr>
  </w:style>
  <w:style w:type="paragraph" w:styleId="Caption">
    <w:name w:val="caption"/>
    <w:basedOn w:val="Normal"/>
    <w:next w:val="Normal"/>
    <w:uiPriority w:val="35"/>
    <w:semiHidden/>
    <w:unhideWhenUsed/>
    <w:qFormat/>
    <w:rsid w:val="003C7F0A"/>
    <w:pPr>
      <w:spacing w:after="200" w:line="240" w:lineRule="auto"/>
    </w:pPr>
    <w:rPr>
      <w:i/>
      <w:iCs/>
      <w:color w:val="44546A" w:themeColor="text2"/>
      <w:sz w:val="18"/>
      <w:szCs w:val="18"/>
    </w:rPr>
  </w:style>
  <w:style w:type="paragraph" w:styleId="Closing">
    <w:name w:val="Closing"/>
    <w:basedOn w:val="Normal"/>
    <w:link w:val="ClosingChar"/>
    <w:uiPriority w:val="99"/>
    <w:semiHidden/>
    <w:unhideWhenUsed/>
    <w:rsid w:val="003C7F0A"/>
    <w:pPr>
      <w:spacing w:after="0" w:line="240" w:lineRule="auto"/>
      <w:ind w:left="4320"/>
    </w:pPr>
  </w:style>
  <w:style w:type="character" w:customStyle="1" w:styleId="ClosingChar">
    <w:name w:val="Closing Char"/>
    <w:basedOn w:val="DefaultParagraphFont"/>
    <w:link w:val="Closing"/>
    <w:uiPriority w:val="99"/>
    <w:semiHidden/>
    <w:rsid w:val="003C7F0A"/>
    <w:rPr>
      <w:rFonts w:ascii="Times New Roman" w:eastAsia="Times New Roman" w:hAnsi="Times New Roman" w:cs="Times New Roman"/>
      <w:color w:val="000000"/>
      <w:sz w:val="24"/>
      <w:lang w:val="en-US"/>
    </w:rPr>
  </w:style>
  <w:style w:type="paragraph" w:styleId="CommentText">
    <w:name w:val="annotation text"/>
    <w:basedOn w:val="Normal"/>
    <w:link w:val="CommentTextChar"/>
    <w:uiPriority w:val="99"/>
    <w:semiHidden/>
    <w:unhideWhenUsed/>
    <w:rsid w:val="003C7F0A"/>
    <w:pPr>
      <w:spacing w:line="240" w:lineRule="auto"/>
    </w:pPr>
    <w:rPr>
      <w:sz w:val="20"/>
      <w:szCs w:val="20"/>
    </w:rPr>
  </w:style>
  <w:style w:type="character" w:customStyle="1" w:styleId="CommentTextChar">
    <w:name w:val="Comment Text Char"/>
    <w:basedOn w:val="DefaultParagraphFont"/>
    <w:link w:val="CommentText"/>
    <w:uiPriority w:val="99"/>
    <w:semiHidden/>
    <w:rsid w:val="003C7F0A"/>
    <w:rPr>
      <w:rFonts w:ascii="Times New Roman" w:eastAsia="Times New Roman" w:hAnsi="Times New Roman" w:cs="Times New Roman"/>
      <w:color w:val="000000"/>
      <w:sz w:val="20"/>
      <w:szCs w:val="20"/>
      <w:lang w:val="en-US"/>
    </w:rPr>
  </w:style>
  <w:style w:type="paragraph" w:styleId="CommentSubject">
    <w:name w:val="annotation subject"/>
    <w:basedOn w:val="CommentText"/>
    <w:next w:val="CommentText"/>
    <w:link w:val="CommentSubjectChar"/>
    <w:uiPriority w:val="99"/>
    <w:semiHidden/>
    <w:unhideWhenUsed/>
    <w:rsid w:val="003C7F0A"/>
    <w:rPr>
      <w:b/>
      <w:bCs/>
    </w:rPr>
  </w:style>
  <w:style w:type="character" w:customStyle="1" w:styleId="CommentSubjectChar">
    <w:name w:val="Comment Subject Char"/>
    <w:basedOn w:val="CommentTextChar"/>
    <w:link w:val="CommentSubject"/>
    <w:uiPriority w:val="99"/>
    <w:semiHidden/>
    <w:rsid w:val="003C7F0A"/>
    <w:rPr>
      <w:rFonts w:ascii="Times New Roman" w:eastAsia="Times New Roman" w:hAnsi="Times New Roman" w:cs="Times New Roman"/>
      <w:b/>
      <w:bCs/>
      <w:color w:val="000000"/>
      <w:sz w:val="20"/>
      <w:szCs w:val="20"/>
      <w:lang w:val="en-US"/>
    </w:rPr>
  </w:style>
  <w:style w:type="paragraph" w:styleId="Date">
    <w:name w:val="Date"/>
    <w:basedOn w:val="Normal"/>
    <w:next w:val="Normal"/>
    <w:link w:val="DateChar"/>
    <w:uiPriority w:val="99"/>
    <w:semiHidden/>
    <w:unhideWhenUsed/>
    <w:rsid w:val="003C7F0A"/>
  </w:style>
  <w:style w:type="character" w:customStyle="1" w:styleId="DateChar">
    <w:name w:val="Date Char"/>
    <w:basedOn w:val="DefaultParagraphFont"/>
    <w:link w:val="Date"/>
    <w:uiPriority w:val="99"/>
    <w:semiHidden/>
    <w:rsid w:val="003C7F0A"/>
    <w:rPr>
      <w:rFonts w:ascii="Times New Roman" w:eastAsia="Times New Roman" w:hAnsi="Times New Roman" w:cs="Times New Roman"/>
      <w:color w:val="000000"/>
      <w:sz w:val="24"/>
      <w:lang w:val="en-US"/>
    </w:rPr>
  </w:style>
  <w:style w:type="paragraph" w:styleId="DocumentMap">
    <w:name w:val="Document Map"/>
    <w:basedOn w:val="Normal"/>
    <w:link w:val="DocumentMapChar"/>
    <w:uiPriority w:val="99"/>
    <w:semiHidden/>
    <w:unhideWhenUsed/>
    <w:rsid w:val="003C7F0A"/>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3C7F0A"/>
    <w:rPr>
      <w:rFonts w:ascii="Segoe UI" w:eastAsia="Times New Roman" w:hAnsi="Segoe UI" w:cs="Segoe UI"/>
      <w:color w:val="000000"/>
      <w:sz w:val="16"/>
      <w:szCs w:val="16"/>
      <w:lang w:val="en-US"/>
    </w:rPr>
  </w:style>
  <w:style w:type="paragraph" w:styleId="E-mailSignature">
    <w:name w:val="E-mail Signature"/>
    <w:basedOn w:val="Normal"/>
    <w:link w:val="E-mailSignatureChar"/>
    <w:uiPriority w:val="99"/>
    <w:semiHidden/>
    <w:unhideWhenUsed/>
    <w:rsid w:val="003C7F0A"/>
    <w:pPr>
      <w:spacing w:after="0" w:line="240" w:lineRule="auto"/>
    </w:pPr>
  </w:style>
  <w:style w:type="character" w:customStyle="1" w:styleId="E-mailSignatureChar">
    <w:name w:val="E-mail Signature Char"/>
    <w:basedOn w:val="DefaultParagraphFont"/>
    <w:link w:val="E-mailSignature"/>
    <w:uiPriority w:val="99"/>
    <w:semiHidden/>
    <w:rsid w:val="003C7F0A"/>
    <w:rPr>
      <w:rFonts w:ascii="Times New Roman" w:eastAsia="Times New Roman" w:hAnsi="Times New Roman" w:cs="Times New Roman"/>
      <w:color w:val="000000"/>
      <w:sz w:val="24"/>
      <w:lang w:val="en-US"/>
    </w:rPr>
  </w:style>
  <w:style w:type="paragraph" w:styleId="EndnoteText">
    <w:name w:val="endnote text"/>
    <w:basedOn w:val="Normal"/>
    <w:link w:val="EndnoteTextChar"/>
    <w:uiPriority w:val="99"/>
    <w:semiHidden/>
    <w:unhideWhenUsed/>
    <w:rsid w:val="003C7F0A"/>
    <w:pPr>
      <w:spacing w:after="0" w:line="240" w:lineRule="auto"/>
    </w:pPr>
    <w:rPr>
      <w:sz w:val="20"/>
      <w:szCs w:val="20"/>
    </w:rPr>
  </w:style>
  <w:style w:type="character" w:customStyle="1" w:styleId="EndnoteTextChar">
    <w:name w:val="Endnote Text Char"/>
    <w:basedOn w:val="DefaultParagraphFont"/>
    <w:link w:val="EndnoteText"/>
    <w:uiPriority w:val="99"/>
    <w:semiHidden/>
    <w:rsid w:val="003C7F0A"/>
    <w:rPr>
      <w:rFonts w:ascii="Times New Roman" w:eastAsia="Times New Roman" w:hAnsi="Times New Roman" w:cs="Times New Roman"/>
      <w:color w:val="000000"/>
      <w:sz w:val="20"/>
      <w:szCs w:val="20"/>
      <w:lang w:val="en-US"/>
    </w:rPr>
  </w:style>
  <w:style w:type="paragraph" w:styleId="EnvelopeAddress">
    <w:name w:val="envelope address"/>
    <w:basedOn w:val="Normal"/>
    <w:uiPriority w:val="99"/>
    <w:semiHidden/>
    <w:unhideWhenUsed/>
    <w:rsid w:val="003C7F0A"/>
    <w:pPr>
      <w:framePr w:w="7920" w:h="1980" w:hRule="exact" w:hSpace="180" w:wrap="auto" w:hAnchor="page" w:xAlign="center" w:yAlign="bottom"/>
      <w:spacing w:after="0" w:line="240" w:lineRule="auto"/>
      <w:ind w:left="2880"/>
    </w:pPr>
    <w:rPr>
      <w:rFonts w:asciiTheme="majorHAnsi" w:eastAsiaTheme="majorEastAsia" w:hAnsiTheme="majorHAnsi" w:cstheme="majorBidi"/>
    </w:rPr>
  </w:style>
  <w:style w:type="paragraph" w:styleId="EnvelopeReturn">
    <w:name w:val="envelope return"/>
    <w:basedOn w:val="Normal"/>
    <w:uiPriority w:val="99"/>
    <w:semiHidden/>
    <w:unhideWhenUsed/>
    <w:rsid w:val="003C7F0A"/>
    <w:pPr>
      <w:spacing w:after="0" w:line="240" w:lineRule="auto"/>
    </w:pPr>
    <w:rPr>
      <w:rFonts w:asciiTheme="majorHAnsi" w:eastAsiaTheme="majorEastAsia" w:hAnsiTheme="majorHAnsi" w:cstheme="majorBidi"/>
      <w:sz w:val="20"/>
      <w:szCs w:val="20"/>
    </w:rPr>
  </w:style>
  <w:style w:type="paragraph" w:styleId="Footer">
    <w:name w:val="footer"/>
    <w:basedOn w:val="Normal"/>
    <w:link w:val="FooterChar"/>
    <w:uiPriority w:val="99"/>
    <w:unhideWhenUsed/>
    <w:rsid w:val="003C7F0A"/>
    <w:pPr>
      <w:tabs>
        <w:tab w:val="center" w:pos="4680"/>
        <w:tab w:val="right" w:pos="9360"/>
      </w:tabs>
      <w:spacing w:after="0" w:line="240" w:lineRule="auto"/>
    </w:pPr>
  </w:style>
  <w:style w:type="character" w:customStyle="1" w:styleId="FooterChar">
    <w:name w:val="Footer Char"/>
    <w:basedOn w:val="DefaultParagraphFont"/>
    <w:link w:val="Footer"/>
    <w:uiPriority w:val="99"/>
    <w:rsid w:val="003C7F0A"/>
    <w:rPr>
      <w:rFonts w:ascii="Times New Roman" w:eastAsia="Times New Roman" w:hAnsi="Times New Roman" w:cs="Times New Roman"/>
      <w:color w:val="000000"/>
      <w:sz w:val="24"/>
      <w:lang w:val="en-US"/>
    </w:rPr>
  </w:style>
  <w:style w:type="paragraph" w:styleId="Header">
    <w:name w:val="header"/>
    <w:basedOn w:val="Normal"/>
    <w:link w:val="HeaderChar"/>
    <w:uiPriority w:val="99"/>
    <w:semiHidden/>
    <w:unhideWhenUsed/>
    <w:rsid w:val="003C7F0A"/>
    <w:pPr>
      <w:tabs>
        <w:tab w:val="center" w:pos="4680"/>
        <w:tab w:val="right" w:pos="9360"/>
      </w:tabs>
      <w:spacing w:after="0" w:line="240" w:lineRule="auto"/>
    </w:pPr>
  </w:style>
  <w:style w:type="character" w:customStyle="1" w:styleId="HeaderChar">
    <w:name w:val="Header Char"/>
    <w:basedOn w:val="DefaultParagraphFont"/>
    <w:link w:val="Header"/>
    <w:uiPriority w:val="99"/>
    <w:semiHidden/>
    <w:rsid w:val="003C7F0A"/>
    <w:rPr>
      <w:rFonts w:ascii="Times New Roman" w:eastAsia="Times New Roman" w:hAnsi="Times New Roman" w:cs="Times New Roman"/>
      <w:color w:val="000000"/>
      <w:sz w:val="24"/>
      <w:lang w:val="en-US"/>
    </w:rPr>
  </w:style>
  <w:style w:type="paragraph" w:styleId="HTMLAddress">
    <w:name w:val="HTML Address"/>
    <w:basedOn w:val="Normal"/>
    <w:link w:val="HTMLAddressChar"/>
    <w:uiPriority w:val="99"/>
    <w:semiHidden/>
    <w:unhideWhenUsed/>
    <w:rsid w:val="003C7F0A"/>
    <w:pPr>
      <w:spacing w:after="0" w:line="240" w:lineRule="auto"/>
    </w:pPr>
    <w:rPr>
      <w:i/>
      <w:iCs/>
    </w:rPr>
  </w:style>
  <w:style w:type="character" w:customStyle="1" w:styleId="HTMLAddressChar">
    <w:name w:val="HTML Address Char"/>
    <w:basedOn w:val="DefaultParagraphFont"/>
    <w:link w:val="HTMLAddress"/>
    <w:uiPriority w:val="99"/>
    <w:semiHidden/>
    <w:rsid w:val="003C7F0A"/>
    <w:rPr>
      <w:rFonts w:ascii="Times New Roman" w:eastAsia="Times New Roman" w:hAnsi="Times New Roman" w:cs="Times New Roman"/>
      <w:i/>
      <w:iCs/>
      <w:color w:val="000000"/>
      <w:sz w:val="24"/>
      <w:lang w:val="en-US"/>
    </w:rPr>
  </w:style>
  <w:style w:type="paragraph" w:styleId="HTMLPreformatted">
    <w:name w:val="HTML Preformatted"/>
    <w:basedOn w:val="Normal"/>
    <w:link w:val="HTMLPreformattedChar"/>
    <w:uiPriority w:val="99"/>
    <w:semiHidden/>
    <w:unhideWhenUsed/>
    <w:rsid w:val="003C7F0A"/>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3C7F0A"/>
    <w:rPr>
      <w:rFonts w:ascii="Consolas" w:eastAsia="Times New Roman" w:hAnsi="Consolas" w:cs="Times New Roman"/>
      <w:color w:val="000000"/>
      <w:sz w:val="20"/>
      <w:szCs w:val="20"/>
      <w:lang w:val="en-US"/>
    </w:rPr>
  </w:style>
  <w:style w:type="paragraph" w:styleId="Index1">
    <w:name w:val="index 1"/>
    <w:basedOn w:val="Normal"/>
    <w:next w:val="Normal"/>
    <w:autoRedefine/>
    <w:uiPriority w:val="99"/>
    <w:semiHidden/>
    <w:unhideWhenUsed/>
    <w:rsid w:val="003C7F0A"/>
    <w:pPr>
      <w:spacing w:after="0" w:line="240" w:lineRule="auto"/>
      <w:ind w:left="240" w:hanging="240"/>
    </w:pPr>
  </w:style>
  <w:style w:type="paragraph" w:styleId="Index2">
    <w:name w:val="index 2"/>
    <w:basedOn w:val="Normal"/>
    <w:next w:val="Normal"/>
    <w:autoRedefine/>
    <w:uiPriority w:val="99"/>
    <w:semiHidden/>
    <w:unhideWhenUsed/>
    <w:rsid w:val="003C7F0A"/>
    <w:pPr>
      <w:spacing w:after="0" w:line="240" w:lineRule="auto"/>
      <w:ind w:left="480" w:hanging="240"/>
    </w:pPr>
  </w:style>
  <w:style w:type="paragraph" w:styleId="Index3">
    <w:name w:val="index 3"/>
    <w:basedOn w:val="Normal"/>
    <w:next w:val="Normal"/>
    <w:autoRedefine/>
    <w:uiPriority w:val="99"/>
    <w:semiHidden/>
    <w:unhideWhenUsed/>
    <w:rsid w:val="003C7F0A"/>
    <w:pPr>
      <w:spacing w:after="0" w:line="240" w:lineRule="auto"/>
      <w:ind w:left="720" w:hanging="240"/>
    </w:pPr>
  </w:style>
  <w:style w:type="paragraph" w:styleId="Index4">
    <w:name w:val="index 4"/>
    <w:basedOn w:val="Normal"/>
    <w:next w:val="Normal"/>
    <w:autoRedefine/>
    <w:uiPriority w:val="99"/>
    <w:semiHidden/>
    <w:unhideWhenUsed/>
    <w:rsid w:val="003C7F0A"/>
    <w:pPr>
      <w:spacing w:after="0" w:line="240" w:lineRule="auto"/>
      <w:ind w:left="960" w:hanging="240"/>
    </w:pPr>
  </w:style>
  <w:style w:type="paragraph" w:styleId="Index5">
    <w:name w:val="index 5"/>
    <w:basedOn w:val="Normal"/>
    <w:next w:val="Normal"/>
    <w:autoRedefine/>
    <w:uiPriority w:val="99"/>
    <w:semiHidden/>
    <w:unhideWhenUsed/>
    <w:rsid w:val="003C7F0A"/>
    <w:pPr>
      <w:spacing w:after="0" w:line="240" w:lineRule="auto"/>
      <w:ind w:left="1200" w:hanging="240"/>
    </w:pPr>
  </w:style>
  <w:style w:type="paragraph" w:styleId="Index6">
    <w:name w:val="index 6"/>
    <w:basedOn w:val="Normal"/>
    <w:next w:val="Normal"/>
    <w:autoRedefine/>
    <w:uiPriority w:val="99"/>
    <w:semiHidden/>
    <w:unhideWhenUsed/>
    <w:rsid w:val="003C7F0A"/>
    <w:pPr>
      <w:spacing w:after="0" w:line="240" w:lineRule="auto"/>
      <w:ind w:left="1440" w:hanging="240"/>
    </w:pPr>
  </w:style>
  <w:style w:type="paragraph" w:styleId="Index7">
    <w:name w:val="index 7"/>
    <w:basedOn w:val="Normal"/>
    <w:next w:val="Normal"/>
    <w:autoRedefine/>
    <w:uiPriority w:val="99"/>
    <w:semiHidden/>
    <w:unhideWhenUsed/>
    <w:rsid w:val="003C7F0A"/>
    <w:pPr>
      <w:spacing w:after="0" w:line="240" w:lineRule="auto"/>
      <w:ind w:left="1680" w:hanging="240"/>
    </w:pPr>
  </w:style>
  <w:style w:type="paragraph" w:styleId="Index8">
    <w:name w:val="index 8"/>
    <w:basedOn w:val="Normal"/>
    <w:next w:val="Normal"/>
    <w:autoRedefine/>
    <w:uiPriority w:val="99"/>
    <w:semiHidden/>
    <w:unhideWhenUsed/>
    <w:rsid w:val="003C7F0A"/>
    <w:pPr>
      <w:spacing w:after="0" w:line="240" w:lineRule="auto"/>
      <w:ind w:left="1920" w:hanging="240"/>
    </w:pPr>
  </w:style>
  <w:style w:type="paragraph" w:styleId="Index9">
    <w:name w:val="index 9"/>
    <w:basedOn w:val="Normal"/>
    <w:next w:val="Normal"/>
    <w:autoRedefine/>
    <w:uiPriority w:val="99"/>
    <w:semiHidden/>
    <w:unhideWhenUsed/>
    <w:rsid w:val="003C7F0A"/>
    <w:pPr>
      <w:spacing w:after="0" w:line="240" w:lineRule="auto"/>
      <w:ind w:left="2160" w:hanging="240"/>
    </w:pPr>
  </w:style>
  <w:style w:type="paragraph" w:styleId="IndexHeading">
    <w:name w:val="index heading"/>
    <w:basedOn w:val="Normal"/>
    <w:next w:val="Index1"/>
    <w:uiPriority w:val="99"/>
    <w:semiHidden/>
    <w:unhideWhenUsed/>
    <w:rsid w:val="003C7F0A"/>
    <w:rPr>
      <w:rFonts w:asciiTheme="majorHAnsi" w:eastAsiaTheme="majorEastAsia" w:hAnsiTheme="majorHAnsi" w:cstheme="majorBidi"/>
      <w:b/>
      <w:bCs/>
    </w:rPr>
  </w:style>
  <w:style w:type="paragraph" w:styleId="IntenseQuote">
    <w:name w:val="Intense Quote"/>
    <w:basedOn w:val="Normal"/>
    <w:next w:val="Normal"/>
    <w:link w:val="IntenseQuoteChar"/>
    <w:uiPriority w:val="30"/>
    <w:qFormat/>
    <w:rsid w:val="003C7F0A"/>
    <w:pPr>
      <w:pBdr>
        <w:top w:val="single" w:sz="4" w:space="10" w:color="4472C4" w:themeColor="accent1"/>
        <w:bottom w:val="single" w:sz="4" w:space="10" w:color="4472C4" w:themeColor="accent1"/>
      </w:pBdr>
      <w:spacing w:before="360" w:after="360"/>
      <w:ind w:left="864" w:right="864"/>
      <w:jc w:val="center"/>
    </w:pPr>
    <w:rPr>
      <w:i/>
      <w:iCs/>
      <w:color w:val="4472C4" w:themeColor="accent1"/>
    </w:rPr>
  </w:style>
  <w:style w:type="character" w:customStyle="1" w:styleId="IntenseQuoteChar">
    <w:name w:val="Intense Quote Char"/>
    <w:basedOn w:val="DefaultParagraphFont"/>
    <w:link w:val="IntenseQuote"/>
    <w:uiPriority w:val="30"/>
    <w:rsid w:val="003C7F0A"/>
    <w:rPr>
      <w:rFonts w:ascii="Times New Roman" w:eastAsia="Times New Roman" w:hAnsi="Times New Roman" w:cs="Times New Roman"/>
      <w:i/>
      <w:iCs/>
      <w:color w:val="4472C4" w:themeColor="accent1"/>
      <w:sz w:val="24"/>
      <w:lang w:val="en-US"/>
    </w:rPr>
  </w:style>
  <w:style w:type="paragraph" w:styleId="List">
    <w:name w:val="List"/>
    <w:basedOn w:val="Normal"/>
    <w:uiPriority w:val="99"/>
    <w:semiHidden/>
    <w:unhideWhenUsed/>
    <w:rsid w:val="003C7F0A"/>
    <w:pPr>
      <w:ind w:left="360" w:hanging="360"/>
      <w:contextualSpacing/>
    </w:pPr>
  </w:style>
  <w:style w:type="paragraph" w:styleId="List2">
    <w:name w:val="List 2"/>
    <w:basedOn w:val="Normal"/>
    <w:uiPriority w:val="99"/>
    <w:semiHidden/>
    <w:unhideWhenUsed/>
    <w:rsid w:val="003C7F0A"/>
    <w:pPr>
      <w:ind w:left="720" w:hanging="360"/>
      <w:contextualSpacing/>
    </w:pPr>
  </w:style>
  <w:style w:type="paragraph" w:styleId="List3">
    <w:name w:val="List 3"/>
    <w:basedOn w:val="Normal"/>
    <w:uiPriority w:val="99"/>
    <w:semiHidden/>
    <w:unhideWhenUsed/>
    <w:rsid w:val="003C7F0A"/>
    <w:pPr>
      <w:ind w:left="1080" w:hanging="360"/>
      <w:contextualSpacing/>
    </w:pPr>
  </w:style>
  <w:style w:type="paragraph" w:styleId="List4">
    <w:name w:val="List 4"/>
    <w:basedOn w:val="Normal"/>
    <w:uiPriority w:val="99"/>
    <w:semiHidden/>
    <w:unhideWhenUsed/>
    <w:rsid w:val="003C7F0A"/>
    <w:pPr>
      <w:ind w:left="1440" w:hanging="360"/>
      <w:contextualSpacing/>
    </w:pPr>
  </w:style>
  <w:style w:type="paragraph" w:styleId="List5">
    <w:name w:val="List 5"/>
    <w:basedOn w:val="Normal"/>
    <w:uiPriority w:val="99"/>
    <w:semiHidden/>
    <w:unhideWhenUsed/>
    <w:rsid w:val="003C7F0A"/>
    <w:pPr>
      <w:ind w:left="1800" w:hanging="360"/>
      <w:contextualSpacing/>
    </w:pPr>
  </w:style>
  <w:style w:type="paragraph" w:styleId="ListBullet">
    <w:name w:val="List Bullet"/>
    <w:basedOn w:val="Normal"/>
    <w:uiPriority w:val="99"/>
    <w:semiHidden/>
    <w:unhideWhenUsed/>
    <w:rsid w:val="003C7F0A"/>
    <w:pPr>
      <w:numPr>
        <w:numId w:val="57"/>
      </w:numPr>
      <w:contextualSpacing/>
    </w:pPr>
  </w:style>
  <w:style w:type="paragraph" w:styleId="ListBullet2">
    <w:name w:val="List Bullet 2"/>
    <w:basedOn w:val="Normal"/>
    <w:uiPriority w:val="99"/>
    <w:semiHidden/>
    <w:unhideWhenUsed/>
    <w:rsid w:val="003C7F0A"/>
    <w:pPr>
      <w:tabs>
        <w:tab w:val="num" w:pos="720"/>
      </w:tabs>
      <w:ind w:left="720" w:hanging="720"/>
      <w:contextualSpacing/>
    </w:pPr>
  </w:style>
  <w:style w:type="paragraph" w:styleId="ListBullet3">
    <w:name w:val="List Bullet 3"/>
    <w:basedOn w:val="Normal"/>
    <w:uiPriority w:val="99"/>
    <w:semiHidden/>
    <w:unhideWhenUsed/>
    <w:rsid w:val="003C7F0A"/>
    <w:pPr>
      <w:tabs>
        <w:tab w:val="num" w:pos="720"/>
      </w:tabs>
      <w:ind w:left="720" w:hanging="720"/>
      <w:contextualSpacing/>
    </w:pPr>
  </w:style>
  <w:style w:type="paragraph" w:styleId="ListBullet4">
    <w:name w:val="List Bullet 4"/>
    <w:basedOn w:val="Normal"/>
    <w:uiPriority w:val="99"/>
    <w:semiHidden/>
    <w:unhideWhenUsed/>
    <w:rsid w:val="003C7F0A"/>
    <w:pPr>
      <w:tabs>
        <w:tab w:val="num" w:pos="720"/>
      </w:tabs>
      <w:ind w:left="720" w:hanging="720"/>
      <w:contextualSpacing/>
    </w:pPr>
  </w:style>
  <w:style w:type="paragraph" w:styleId="ListBullet5">
    <w:name w:val="List Bullet 5"/>
    <w:basedOn w:val="Normal"/>
    <w:uiPriority w:val="99"/>
    <w:semiHidden/>
    <w:unhideWhenUsed/>
    <w:rsid w:val="003C7F0A"/>
    <w:pPr>
      <w:tabs>
        <w:tab w:val="num" w:pos="720"/>
      </w:tabs>
      <w:ind w:left="720" w:hanging="720"/>
      <w:contextualSpacing/>
    </w:pPr>
  </w:style>
  <w:style w:type="paragraph" w:styleId="ListContinue">
    <w:name w:val="List Continue"/>
    <w:basedOn w:val="Normal"/>
    <w:uiPriority w:val="99"/>
    <w:semiHidden/>
    <w:unhideWhenUsed/>
    <w:rsid w:val="003C7F0A"/>
    <w:pPr>
      <w:spacing w:after="120"/>
      <w:ind w:left="360"/>
      <w:contextualSpacing/>
    </w:pPr>
  </w:style>
  <w:style w:type="paragraph" w:styleId="ListContinue2">
    <w:name w:val="List Continue 2"/>
    <w:basedOn w:val="Normal"/>
    <w:uiPriority w:val="99"/>
    <w:semiHidden/>
    <w:unhideWhenUsed/>
    <w:rsid w:val="003C7F0A"/>
    <w:pPr>
      <w:spacing w:after="120"/>
      <w:ind w:left="720"/>
      <w:contextualSpacing/>
    </w:pPr>
  </w:style>
  <w:style w:type="paragraph" w:styleId="ListContinue3">
    <w:name w:val="List Continue 3"/>
    <w:basedOn w:val="Normal"/>
    <w:uiPriority w:val="99"/>
    <w:semiHidden/>
    <w:unhideWhenUsed/>
    <w:rsid w:val="003C7F0A"/>
    <w:pPr>
      <w:spacing w:after="120"/>
      <w:ind w:left="1080"/>
      <w:contextualSpacing/>
    </w:pPr>
  </w:style>
  <w:style w:type="paragraph" w:styleId="ListContinue4">
    <w:name w:val="List Continue 4"/>
    <w:basedOn w:val="Normal"/>
    <w:uiPriority w:val="99"/>
    <w:semiHidden/>
    <w:unhideWhenUsed/>
    <w:rsid w:val="003C7F0A"/>
    <w:pPr>
      <w:spacing w:after="120"/>
      <w:ind w:left="1440"/>
      <w:contextualSpacing/>
    </w:pPr>
  </w:style>
  <w:style w:type="paragraph" w:styleId="ListContinue5">
    <w:name w:val="List Continue 5"/>
    <w:basedOn w:val="Normal"/>
    <w:uiPriority w:val="99"/>
    <w:semiHidden/>
    <w:unhideWhenUsed/>
    <w:rsid w:val="003C7F0A"/>
    <w:pPr>
      <w:spacing w:after="120"/>
      <w:ind w:left="1800"/>
      <w:contextualSpacing/>
    </w:pPr>
  </w:style>
  <w:style w:type="paragraph" w:styleId="ListNumber">
    <w:name w:val="List Number"/>
    <w:basedOn w:val="Normal"/>
    <w:uiPriority w:val="99"/>
    <w:semiHidden/>
    <w:unhideWhenUsed/>
    <w:rsid w:val="003C7F0A"/>
    <w:pPr>
      <w:tabs>
        <w:tab w:val="num" w:pos="720"/>
      </w:tabs>
      <w:ind w:left="720" w:hanging="720"/>
      <w:contextualSpacing/>
    </w:pPr>
  </w:style>
  <w:style w:type="paragraph" w:styleId="ListNumber2">
    <w:name w:val="List Number 2"/>
    <w:basedOn w:val="Normal"/>
    <w:uiPriority w:val="99"/>
    <w:semiHidden/>
    <w:unhideWhenUsed/>
    <w:rsid w:val="003C7F0A"/>
    <w:pPr>
      <w:tabs>
        <w:tab w:val="num" w:pos="720"/>
      </w:tabs>
      <w:ind w:left="720" w:hanging="720"/>
      <w:contextualSpacing/>
    </w:pPr>
  </w:style>
  <w:style w:type="paragraph" w:styleId="ListNumber3">
    <w:name w:val="List Number 3"/>
    <w:basedOn w:val="Normal"/>
    <w:uiPriority w:val="99"/>
    <w:semiHidden/>
    <w:unhideWhenUsed/>
    <w:rsid w:val="003C7F0A"/>
    <w:pPr>
      <w:tabs>
        <w:tab w:val="num" w:pos="720"/>
      </w:tabs>
      <w:ind w:left="720" w:hanging="720"/>
      <w:contextualSpacing/>
    </w:pPr>
  </w:style>
  <w:style w:type="paragraph" w:styleId="ListNumber4">
    <w:name w:val="List Number 4"/>
    <w:basedOn w:val="Normal"/>
    <w:uiPriority w:val="99"/>
    <w:semiHidden/>
    <w:unhideWhenUsed/>
    <w:rsid w:val="003C7F0A"/>
    <w:pPr>
      <w:tabs>
        <w:tab w:val="num" w:pos="720"/>
      </w:tabs>
      <w:ind w:left="720" w:hanging="720"/>
      <w:contextualSpacing/>
    </w:pPr>
  </w:style>
  <w:style w:type="paragraph" w:styleId="ListNumber5">
    <w:name w:val="List Number 5"/>
    <w:basedOn w:val="Normal"/>
    <w:uiPriority w:val="99"/>
    <w:semiHidden/>
    <w:unhideWhenUsed/>
    <w:rsid w:val="003C7F0A"/>
    <w:pPr>
      <w:tabs>
        <w:tab w:val="num" w:pos="720"/>
      </w:tabs>
      <w:ind w:left="720" w:hanging="720"/>
      <w:contextualSpacing/>
    </w:pPr>
  </w:style>
  <w:style w:type="paragraph" w:styleId="MacroText">
    <w:name w:val="macro"/>
    <w:link w:val="MacroTextChar"/>
    <w:uiPriority w:val="99"/>
    <w:semiHidden/>
    <w:unhideWhenUsed/>
    <w:rsid w:val="003C7F0A"/>
    <w:pPr>
      <w:tabs>
        <w:tab w:val="left" w:pos="480"/>
        <w:tab w:val="left" w:pos="960"/>
        <w:tab w:val="left" w:pos="1440"/>
        <w:tab w:val="left" w:pos="1920"/>
        <w:tab w:val="left" w:pos="2400"/>
        <w:tab w:val="left" w:pos="2880"/>
        <w:tab w:val="left" w:pos="3360"/>
        <w:tab w:val="left" w:pos="3840"/>
        <w:tab w:val="left" w:pos="4320"/>
      </w:tabs>
      <w:spacing w:after="0"/>
      <w:ind w:firstLine="3"/>
    </w:pPr>
    <w:rPr>
      <w:rFonts w:ascii="Consolas" w:hAnsi="Consolas"/>
      <w:color w:val="000000"/>
      <w:sz w:val="20"/>
      <w:szCs w:val="20"/>
    </w:rPr>
  </w:style>
  <w:style w:type="character" w:customStyle="1" w:styleId="MacroTextChar">
    <w:name w:val="Macro Text Char"/>
    <w:basedOn w:val="DefaultParagraphFont"/>
    <w:link w:val="MacroText"/>
    <w:uiPriority w:val="99"/>
    <w:semiHidden/>
    <w:rsid w:val="003C7F0A"/>
    <w:rPr>
      <w:rFonts w:ascii="Consolas" w:eastAsia="Times New Roman" w:hAnsi="Consolas" w:cs="Times New Roman"/>
      <w:color w:val="000000"/>
      <w:sz w:val="20"/>
      <w:szCs w:val="20"/>
      <w:lang w:val="en-US"/>
    </w:rPr>
  </w:style>
  <w:style w:type="paragraph" w:styleId="MessageHeader">
    <w:name w:val="Message Header"/>
    <w:basedOn w:val="Normal"/>
    <w:link w:val="MessageHeaderChar"/>
    <w:uiPriority w:val="99"/>
    <w:semiHidden/>
    <w:unhideWhenUsed/>
    <w:rsid w:val="003C7F0A"/>
    <w:pPr>
      <w:pBdr>
        <w:top w:val="single" w:sz="6" w:space="1" w:color="auto"/>
        <w:left w:val="single" w:sz="6" w:space="1" w:color="auto"/>
        <w:bottom w:val="single" w:sz="6" w:space="1" w:color="auto"/>
        <w:right w:val="single" w:sz="6" w:space="1" w:color="auto"/>
      </w:pBdr>
      <w:shd w:val="pct20" w:color="auto" w:fill="auto"/>
      <w:spacing w:after="0" w:line="240" w:lineRule="auto"/>
      <w:ind w:left="1080" w:hanging="1080"/>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3C7F0A"/>
    <w:rPr>
      <w:rFonts w:asciiTheme="majorHAnsi" w:eastAsiaTheme="majorEastAsia" w:hAnsiTheme="majorHAnsi" w:cstheme="majorBidi"/>
      <w:color w:val="000000"/>
      <w:sz w:val="24"/>
      <w:szCs w:val="24"/>
      <w:shd w:val="pct20" w:color="auto" w:fill="auto"/>
      <w:lang w:val="en-US"/>
    </w:rPr>
  </w:style>
  <w:style w:type="paragraph" w:styleId="NoSpacing">
    <w:name w:val="No Spacing"/>
    <w:uiPriority w:val="1"/>
    <w:qFormat/>
    <w:rsid w:val="003C7F0A"/>
    <w:pPr>
      <w:spacing w:after="0" w:line="240" w:lineRule="auto"/>
      <w:ind w:firstLine="3"/>
    </w:pPr>
    <w:rPr>
      <w:color w:val="000000"/>
    </w:rPr>
  </w:style>
  <w:style w:type="paragraph" w:styleId="NormalWeb">
    <w:name w:val="Normal (Web)"/>
    <w:basedOn w:val="Normal"/>
    <w:uiPriority w:val="99"/>
    <w:semiHidden/>
    <w:unhideWhenUsed/>
    <w:rsid w:val="003C7F0A"/>
  </w:style>
  <w:style w:type="paragraph" w:styleId="NormalIndent">
    <w:name w:val="Normal Indent"/>
    <w:basedOn w:val="Normal"/>
    <w:uiPriority w:val="99"/>
    <w:semiHidden/>
    <w:unhideWhenUsed/>
    <w:rsid w:val="003C7F0A"/>
    <w:pPr>
      <w:ind w:left="720"/>
    </w:pPr>
  </w:style>
  <w:style w:type="paragraph" w:styleId="NoteHeading">
    <w:name w:val="Note Heading"/>
    <w:basedOn w:val="Normal"/>
    <w:next w:val="Normal"/>
    <w:link w:val="NoteHeadingChar"/>
    <w:uiPriority w:val="99"/>
    <w:semiHidden/>
    <w:unhideWhenUsed/>
    <w:rsid w:val="003C7F0A"/>
    <w:pPr>
      <w:spacing w:after="0" w:line="240" w:lineRule="auto"/>
    </w:pPr>
  </w:style>
  <w:style w:type="character" w:customStyle="1" w:styleId="NoteHeadingChar">
    <w:name w:val="Note Heading Char"/>
    <w:basedOn w:val="DefaultParagraphFont"/>
    <w:link w:val="NoteHeading"/>
    <w:uiPriority w:val="99"/>
    <w:semiHidden/>
    <w:rsid w:val="003C7F0A"/>
    <w:rPr>
      <w:rFonts w:ascii="Times New Roman" w:eastAsia="Times New Roman" w:hAnsi="Times New Roman" w:cs="Times New Roman"/>
      <w:color w:val="000000"/>
      <w:sz w:val="24"/>
      <w:lang w:val="en-US"/>
    </w:rPr>
  </w:style>
  <w:style w:type="paragraph" w:styleId="PlainText">
    <w:name w:val="Plain Text"/>
    <w:basedOn w:val="Normal"/>
    <w:link w:val="PlainTextChar"/>
    <w:uiPriority w:val="99"/>
    <w:semiHidden/>
    <w:unhideWhenUsed/>
    <w:rsid w:val="003C7F0A"/>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3C7F0A"/>
    <w:rPr>
      <w:rFonts w:ascii="Consolas" w:eastAsia="Times New Roman" w:hAnsi="Consolas" w:cs="Times New Roman"/>
      <w:color w:val="000000"/>
      <w:sz w:val="21"/>
      <w:szCs w:val="21"/>
      <w:lang w:val="en-US"/>
    </w:rPr>
  </w:style>
  <w:style w:type="paragraph" w:styleId="Quote">
    <w:name w:val="Quote"/>
    <w:basedOn w:val="Normal"/>
    <w:next w:val="Normal"/>
    <w:link w:val="QuoteChar"/>
    <w:uiPriority w:val="29"/>
    <w:qFormat/>
    <w:rsid w:val="003C7F0A"/>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3C7F0A"/>
    <w:rPr>
      <w:rFonts w:ascii="Times New Roman" w:eastAsia="Times New Roman" w:hAnsi="Times New Roman" w:cs="Times New Roman"/>
      <w:i/>
      <w:iCs/>
      <w:color w:val="404040" w:themeColor="text1" w:themeTint="BF"/>
      <w:sz w:val="24"/>
      <w:lang w:val="en-US"/>
    </w:rPr>
  </w:style>
  <w:style w:type="paragraph" w:styleId="Salutation">
    <w:name w:val="Salutation"/>
    <w:basedOn w:val="Normal"/>
    <w:next w:val="Normal"/>
    <w:link w:val="SalutationChar"/>
    <w:uiPriority w:val="99"/>
    <w:semiHidden/>
    <w:unhideWhenUsed/>
    <w:rsid w:val="003C7F0A"/>
  </w:style>
  <w:style w:type="character" w:customStyle="1" w:styleId="SalutationChar">
    <w:name w:val="Salutation Char"/>
    <w:basedOn w:val="DefaultParagraphFont"/>
    <w:link w:val="Salutation"/>
    <w:uiPriority w:val="99"/>
    <w:semiHidden/>
    <w:rsid w:val="003C7F0A"/>
    <w:rPr>
      <w:rFonts w:ascii="Times New Roman" w:eastAsia="Times New Roman" w:hAnsi="Times New Roman" w:cs="Times New Roman"/>
      <w:color w:val="000000"/>
      <w:sz w:val="24"/>
      <w:lang w:val="en-US"/>
    </w:rPr>
  </w:style>
  <w:style w:type="paragraph" w:styleId="Signature">
    <w:name w:val="Signature"/>
    <w:basedOn w:val="Normal"/>
    <w:link w:val="SignatureChar"/>
    <w:uiPriority w:val="99"/>
    <w:semiHidden/>
    <w:unhideWhenUsed/>
    <w:rsid w:val="003C7F0A"/>
    <w:pPr>
      <w:spacing w:after="0" w:line="240" w:lineRule="auto"/>
      <w:ind w:left="4320"/>
    </w:pPr>
  </w:style>
  <w:style w:type="character" w:customStyle="1" w:styleId="SignatureChar">
    <w:name w:val="Signature Char"/>
    <w:basedOn w:val="DefaultParagraphFont"/>
    <w:link w:val="Signature"/>
    <w:uiPriority w:val="99"/>
    <w:semiHidden/>
    <w:rsid w:val="003C7F0A"/>
    <w:rPr>
      <w:rFonts w:ascii="Times New Roman" w:eastAsia="Times New Roman" w:hAnsi="Times New Roman" w:cs="Times New Roman"/>
      <w:color w:val="000000"/>
      <w:sz w:val="24"/>
      <w:lang w:val="en-US"/>
    </w:rPr>
  </w:style>
  <w:style w:type="paragraph" w:styleId="Subtitle">
    <w:name w:val="Subtitle"/>
    <w:basedOn w:val="Normal"/>
    <w:next w:val="Normal"/>
    <w:link w:val="SubtitleChar"/>
    <w:uiPriority w:val="11"/>
    <w:qFormat/>
    <w:pPr>
      <w:spacing w:after="160"/>
      <w:ind w:firstLine="2"/>
    </w:pPr>
    <w:rPr>
      <w:rFonts w:ascii="Calibri" w:eastAsia="Calibri" w:hAnsi="Calibri" w:cs="Calibri"/>
      <w:color w:val="5A5A5A"/>
      <w:sz w:val="22"/>
      <w:szCs w:val="22"/>
    </w:rPr>
  </w:style>
  <w:style w:type="character" w:customStyle="1" w:styleId="SubtitleChar">
    <w:name w:val="Subtitle Char"/>
    <w:basedOn w:val="DefaultParagraphFont"/>
    <w:link w:val="Subtitle"/>
    <w:uiPriority w:val="11"/>
    <w:rsid w:val="003C7F0A"/>
    <w:rPr>
      <w:rFonts w:eastAsiaTheme="minorEastAsia"/>
      <w:color w:val="5A5A5A" w:themeColor="text1" w:themeTint="A5"/>
      <w:spacing w:val="15"/>
      <w:lang w:val="en-US"/>
    </w:rPr>
  </w:style>
  <w:style w:type="paragraph" w:styleId="TableofAuthorities">
    <w:name w:val="table of authorities"/>
    <w:basedOn w:val="Normal"/>
    <w:next w:val="Normal"/>
    <w:uiPriority w:val="99"/>
    <w:semiHidden/>
    <w:unhideWhenUsed/>
    <w:rsid w:val="003C7F0A"/>
    <w:pPr>
      <w:spacing w:after="0"/>
      <w:ind w:left="240" w:hanging="240"/>
    </w:pPr>
  </w:style>
  <w:style w:type="paragraph" w:styleId="TableofFigures">
    <w:name w:val="table of figures"/>
    <w:basedOn w:val="Normal"/>
    <w:next w:val="Normal"/>
    <w:uiPriority w:val="99"/>
    <w:semiHidden/>
    <w:unhideWhenUsed/>
    <w:rsid w:val="003C7F0A"/>
    <w:pPr>
      <w:spacing w:after="0"/>
      <w:ind w:left="0"/>
    </w:pPr>
  </w:style>
  <w:style w:type="character" w:customStyle="1" w:styleId="TitleChar">
    <w:name w:val="Title Char"/>
    <w:basedOn w:val="DefaultParagraphFont"/>
    <w:link w:val="Title"/>
    <w:uiPriority w:val="10"/>
    <w:rsid w:val="00D65155"/>
    <w:rPr>
      <w:b/>
      <w:color w:val="000000"/>
      <w:sz w:val="56"/>
      <w:szCs w:val="56"/>
    </w:rPr>
  </w:style>
  <w:style w:type="paragraph" w:styleId="TOAHeading">
    <w:name w:val="toa heading"/>
    <w:basedOn w:val="Normal"/>
    <w:next w:val="Normal"/>
    <w:uiPriority w:val="99"/>
    <w:semiHidden/>
    <w:unhideWhenUsed/>
    <w:rsid w:val="003C7F0A"/>
    <w:pPr>
      <w:spacing w:before="120"/>
    </w:pPr>
    <w:rPr>
      <w:rFonts w:asciiTheme="majorHAnsi" w:eastAsiaTheme="majorEastAsia" w:hAnsiTheme="majorHAnsi" w:cstheme="majorBidi"/>
      <w:b/>
      <w:bCs/>
    </w:rPr>
  </w:style>
  <w:style w:type="paragraph" w:styleId="TOC1">
    <w:name w:val="toc 1"/>
    <w:basedOn w:val="Normal"/>
    <w:next w:val="Normal"/>
    <w:autoRedefine/>
    <w:uiPriority w:val="39"/>
    <w:semiHidden/>
    <w:unhideWhenUsed/>
    <w:rsid w:val="003C7F0A"/>
    <w:pPr>
      <w:spacing w:after="100"/>
      <w:ind w:left="0"/>
    </w:pPr>
  </w:style>
  <w:style w:type="paragraph" w:styleId="TOC2">
    <w:name w:val="toc 2"/>
    <w:basedOn w:val="Normal"/>
    <w:next w:val="Normal"/>
    <w:autoRedefine/>
    <w:uiPriority w:val="39"/>
    <w:semiHidden/>
    <w:unhideWhenUsed/>
    <w:rsid w:val="003C7F0A"/>
    <w:pPr>
      <w:spacing w:after="100"/>
      <w:ind w:left="240"/>
    </w:pPr>
  </w:style>
  <w:style w:type="paragraph" w:styleId="TOC3">
    <w:name w:val="toc 3"/>
    <w:basedOn w:val="Normal"/>
    <w:next w:val="Normal"/>
    <w:autoRedefine/>
    <w:uiPriority w:val="39"/>
    <w:semiHidden/>
    <w:unhideWhenUsed/>
    <w:rsid w:val="003C7F0A"/>
    <w:pPr>
      <w:spacing w:after="100"/>
      <w:ind w:left="480"/>
    </w:pPr>
  </w:style>
  <w:style w:type="paragraph" w:styleId="TOC4">
    <w:name w:val="toc 4"/>
    <w:basedOn w:val="Normal"/>
    <w:next w:val="Normal"/>
    <w:autoRedefine/>
    <w:uiPriority w:val="39"/>
    <w:semiHidden/>
    <w:unhideWhenUsed/>
    <w:rsid w:val="003C7F0A"/>
    <w:pPr>
      <w:spacing w:after="100"/>
      <w:ind w:left="720"/>
    </w:pPr>
  </w:style>
  <w:style w:type="paragraph" w:styleId="TOC5">
    <w:name w:val="toc 5"/>
    <w:basedOn w:val="Normal"/>
    <w:next w:val="Normal"/>
    <w:autoRedefine/>
    <w:uiPriority w:val="39"/>
    <w:semiHidden/>
    <w:unhideWhenUsed/>
    <w:rsid w:val="003C7F0A"/>
    <w:pPr>
      <w:spacing w:after="100"/>
      <w:ind w:left="960"/>
    </w:pPr>
  </w:style>
  <w:style w:type="paragraph" w:styleId="TOC6">
    <w:name w:val="toc 6"/>
    <w:basedOn w:val="Normal"/>
    <w:next w:val="Normal"/>
    <w:autoRedefine/>
    <w:uiPriority w:val="39"/>
    <w:semiHidden/>
    <w:unhideWhenUsed/>
    <w:rsid w:val="003C7F0A"/>
    <w:pPr>
      <w:spacing w:after="100"/>
      <w:ind w:left="1200"/>
    </w:pPr>
  </w:style>
  <w:style w:type="paragraph" w:styleId="TOC7">
    <w:name w:val="toc 7"/>
    <w:basedOn w:val="Normal"/>
    <w:next w:val="Normal"/>
    <w:autoRedefine/>
    <w:uiPriority w:val="39"/>
    <w:semiHidden/>
    <w:unhideWhenUsed/>
    <w:rsid w:val="003C7F0A"/>
    <w:pPr>
      <w:spacing w:after="100"/>
      <w:ind w:left="1440"/>
    </w:pPr>
  </w:style>
  <w:style w:type="paragraph" w:styleId="TOC8">
    <w:name w:val="toc 8"/>
    <w:basedOn w:val="Normal"/>
    <w:next w:val="Normal"/>
    <w:autoRedefine/>
    <w:uiPriority w:val="39"/>
    <w:semiHidden/>
    <w:unhideWhenUsed/>
    <w:rsid w:val="003C7F0A"/>
    <w:pPr>
      <w:spacing w:after="100"/>
      <w:ind w:left="1680"/>
    </w:pPr>
  </w:style>
  <w:style w:type="paragraph" w:styleId="TOC9">
    <w:name w:val="toc 9"/>
    <w:basedOn w:val="Normal"/>
    <w:next w:val="Normal"/>
    <w:autoRedefine/>
    <w:uiPriority w:val="39"/>
    <w:semiHidden/>
    <w:unhideWhenUsed/>
    <w:rsid w:val="003C7F0A"/>
    <w:pPr>
      <w:spacing w:after="100"/>
      <w:ind w:left="1920"/>
    </w:pPr>
  </w:style>
  <w:style w:type="paragraph" w:styleId="TOCHeading">
    <w:name w:val="TOC Heading"/>
    <w:basedOn w:val="Heading1"/>
    <w:next w:val="Normal"/>
    <w:uiPriority w:val="39"/>
    <w:semiHidden/>
    <w:unhideWhenUsed/>
    <w:qFormat/>
    <w:rsid w:val="003C7F0A"/>
    <w:pPr>
      <w:spacing w:before="240" w:after="0" w:line="248" w:lineRule="auto"/>
      <w:ind w:left="4" w:firstLine="3"/>
      <w:outlineLvl w:val="9"/>
    </w:pPr>
    <w:rPr>
      <w:rFonts w:asciiTheme="majorHAnsi" w:eastAsiaTheme="majorEastAsia" w:hAnsiTheme="majorHAnsi" w:cstheme="majorBidi"/>
      <w:color w:val="2F5496" w:themeColor="accent1" w:themeShade="BF"/>
      <w:sz w:val="32"/>
      <w:szCs w:val="32"/>
    </w:rPr>
  </w:style>
  <w:style w:type="table" w:customStyle="1" w:styleId="a">
    <w:basedOn w:val="TableNormal"/>
    <w:pPr>
      <w:spacing w:after="0" w:line="240" w:lineRule="auto"/>
    </w:pPr>
    <w:tblPr>
      <w:tblStyleRowBandSize w:val="1"/>
      <w:tblStyleColBandSize w:val="1"/>
      <w:tblCellMar>
        <w:left w:w="0" w:type="dxa"/>
        <w:right w:w="0" w:type="dxa"/>
      </w:tblCellMar>
    </w:tblPr>
  </w:style>
  <w:style w:type="table" w:customStyle="1" w:styleId="a0">
    <w:basedOn w:val="TableNormal"/>
    <w:pPr>
      <w:spacing w:after="0" w:line="240" w:lineRule="auto"/>
    </w:pPr>
    <w:tblPr>
      <w:tblStyleRowBandSize w:val="1"/>
      <w:tblStyleColBandSize w:val="1"/>
      <w:tblCellMar>
        <w:top w:w="40" w:type="dxa"/>
        <w:left w:w="4" w:type="dxa"/>
        <w:right w:w="115" w:type="dxa"/>
      </w:tblCellMar>
    </w:tblPr>
  </w:style>
  <w:style w:type="table" w:customStyle="1" w:styleId="a1">
    <w:basedOn w:val="TableNormal"/>
    <w:pPr>
      <w:spacing w:after="0" w:line="240" w:lineRule="auto"/>
    </w:pPr>
    <w:tblPr>
      <w:tblStyleRowBandSize w:val="1"/>
      <w:tblStyleColBandSize w:val="1"/>
      <w:tblCellMar>
        <w:top w:w="40" w:type="dxa"/>
        <w:left w:w="4" w:type="dxa"/>
        <w:right w:w="115" w:type="dxa"/>
      </w:tblCellMar>
    </w:tblPr>
  </w:style>
  <w:style w:type="character" w:styleId="Hyperlink">
    <w:name w:val="Hyperlink"/>
    <w:basedOn w:val="DefaultParagraphFont"/>
    <w:uiPriority w:val="99"/>
    <w:unhideWhenUsed/>
    <w:rsid w:val="00864D23"/>
    <w:rPr>
      <w:color w:val="0563C1" w:themeColor="hyperlink"/>
      <w:u w:val="single"/>
    </w:rPr>
  </w:style>
  <w:style w:type="character" w:styleId="UnresolvedMention">
    <w:name w:val="Unresolved Mention"/>
    <w:basedOn w:val="DefaultParagraphFont"/>
    <w:uiPriority w:val="99"/>
    <w:semiHidden/>
    <w:unhideWhenUsed/>
    <w:rsid w:val="0090574B"/>
    <w:rPr>
      <w:color w:val="605E5C"/>
      <w:shd w:val="clear" w:color="auto" w:fill="E1DFDD"/>
    </w:rPr>
  </w:style>
  <w:style w:type="character" w:styleId="Emphasis">
    <w:name w:val="Emphasis"/>
    <w:basedOn w:val="DefaultParagraphFont"/>
    <w:uiPriority w:val="20"/>
    <w:qFormat/>
    <w:rsid w:val="00C006A3"/>
    <w:rPr>
      <w:i/>
      <w:iCs/>
    </w:rPr>
  </w:style>
  <w:style w:type="character" w:customStyle="1" w:styleId="normaltextrun">
    <w:name w:val="normaltextrun"/>
    <w:basedOn w:val="DefaultParagraphFont"/>
    <w:rsid w:val="00B9111B"/>
  </w:style>
  <w:style w:type="paragraph" w:customStyle="1" w:styleId="paragraph">
    <w:name w:val="paragraph"/>
    <w:basedOn w:val="Normal"/>
    <w:rsid w:val="005D7AE3"/>
    <w:pPr>
      <w:spacing w:before="100" w:beforeAutospacing="1" w:after="100" w:afterAutospacing="1" w:line="240" w:lineRule="auto"/>
      <w:ind w:left="0" w:firstLine="0"/>
      <w:jc w:val="left"/>
    </w:pPr>
    <w:rPr>
      <w:color w:val="auto"/>
    </w:rPr>
  </w:style>
  <w:style w:type="character" w:customStyle="1" w:styleId="eop">
    <w:name w:val="eop"/>
    <w:basedOn w:val="DefaultParagraphFont"/>
    <w:rsid w:val="005D7AE3"/>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3642658">
      <w:bodyDiv w:val="1"/>
      <w:marLeft w:val="0"/>
      <w:marRight w:val="0"/>
      <w:marTop w:val="0"/>
      <w:marBottom w:val="0"/>
      <w:divBdr>
        <w:top w:val="none" w:sz="0" w:space="0" w:color="auto"/>
        <w:left w:val="none" w:sz="0" w:space="0" w:color="auto"/>
        <w:bottom w:val="none" w:sz="0" w:space="0" w:color="auto"/>
        <w:right w:val="none" w:sz="0" w:space="0" w:color="auto"/>
      </w:divBdr>
      <w:divsChild>
        <w:div w:id="120391917">
          <w:marLeft w:val="0"/>
          <w:marRight w:val="0"/>
          <w:marTop w:val="0"/>
          <w:marBottom w:val="0"/>
          <w:divBdr>
            <w:top w:val="none" w:sz="0" w:space="0" w:color="auto"/>
            <w:left w:val="none" w:sz="0" w:space="0" w:color="auto"/>
            <w:bottom w:val="none" w:sz="0" w:space="0" w:color="auto"/>
            <w:right w:val="none" w:sz="0" w:space="0" w:color="auto"/>
          </w:divBdr>
        </w:div>
        <w:div w:id="2055350155">
          <w:marLeft w:val="0"/>
          <w:marRight w:val="0"/>
          <w:marTop w:val="0"/>
          <w:marBottom w:val="0"/>
          <w:divBdr>
            <w:top w:val="none" w:sz="0" w:space="0" w:color="auto"/>
            <w:left w:val="none" w:sz="0" w:space="0" w:color="auto"/>
            <w:bottom w:val="none" w:sz="0" w:space="0" w:color="auto"/>
            <w:right w:val="none" w:sz="0" w:space="0" w:color="auto"/>
          </w:divBdr>
        </w:div>
        <w:div w:id="421144337">
          <w:marLeft w:val="0"/>
          <w:marRight w:val="0"/>
          <w:marTop w:val="0"/>
          <w:marBottom w:val="0"/>
          <w:divBdr>
            <w:top w:val="none" w:sz="0" w:space="0" w:color="auto"/>
            <w:left w:val="none" w:sz="0" w:space="0" w:color="auto"/>
            <w:bottom w:val="none" w:sz="0" w:space="0" w:color="auto"/>
            <w:right w:val="none" w:sz="0" w:space="0" w:color="auto"/>
          </w:divBdr>
        </w:div>
        <w:div w:id="1341277274">
          <w:marLeft w:val="0"/>
          <w:marRight w:val="0"/>
          <w:marTop w:val="0"/>
          <w:marBottom w:val="0"/>
          <w:divBdr>
            <w:top w:val="none" w:sz="0" w:space="0" w:color="auto"/>
            <w:left w:val="none" w:sz="0" w:space="0" w:color="auto"/>
            <w:bottom w:val="none" w:sz="0" w:space="0" w:color="auto"/>
            <w:right w:val="none" w:sz="0" w:space="0" w:color="auto"/>
          </w:divBdr>
        </w:div>
        <w:div w:id="998726723">
          <w:marLeft w:val="0"/>
          <w:marRight w:val="0"/>
          <w:marTop w:val="0"/>
          <w:marBottom w:val="0"/>
          <w:divBdr>
            <w:top w:val="none" w:sz="0" w:space="0" w:color="auto"/>
            <w:left w:val="none" w:sz="0" w:space="0" w:color="auto"/>
            <w:bottom w:val="none" w:sz="0" w:space="0" w:color="auto"/>
            <w:right w:val="none" w:sz="0" w:space="0" w:color="auto"/>
          </w:divBdr>
        </w:div>
        <w:div w:id="229387968">
          <w:marLeft w:val="0"/>
          <w:marRight w:val="0"/>
          <w:marTop w:val="0"/>
          <w:marBottom w:val="0"/>
          <w:divBdr>
            <w:top w:val="none" w:sz="0" w:space="0" w:color="auto"/>
            <w:left w:val="none" w:sz="0" w:space="0" w:color="auto"/>
            <w:bottom w:val="none" w:sz="0" w:space="0" w:color="auto"/>
            <w:right w:val="none" w:sz="0" w:space="0" w:color="auto"/>
          </w:divBdr>
        </w:div>
        <w:div w:id="125706442">
          <w:marLeft w:val="0"/>
          <w:marRight w:val="0"/>
          <w:marTop w:val="0"/>
          <w:marBottom w:val="0"/>
          <w:divBdr>
            <w:top w:val="none" w:sz="0" w:space="0" w:color="auto"/>
            <w:left w:val="none" w:sz="0" w:space="0" w:color="auto"/>
            <w:bottom w:val="none" w:sz="0" w:space="0" w:color="auto"/>
            <w:right w:val="none" w:sz="0" w:space="0" w:color="auto"/>
          </w:divBdr>
        </w:div>
      </w:divsChild>
    </w:div>
    <w:div w:id="826282502">
      <w:bodyDiv w:val="1"/>
      <w:marLeft w:val="0"/>
      <w:marRight w:val="0"/>
      <w:marTop w:val="0"/>
      <w:marBottom w:val="0"/>
      <w:divBdr>
        <w:top w:val="none" w:sz="0" w:space="0" w:color="auto"/>
        <w:left w:val="none" w:sz="0" w:space="0" w:color="auto"/>
        <w:bottom w:val="none" w:sz="0" w:space="0" w:color="auto"/>
        <w:right w:val="none" w:sz="0" w:space="0" w:color="auto"/>
      </w:divBdr>
      <w:divsChild>
        <w:div w:id="1935898009">
          <w:marLeft w:val="0"/>
          <w:marRight w:val="0"/>
          <w:marTop w:val="0"/>
          <w:marBottom w:val="0"/>
          <w:divBdr>
            <w:top w:val="none" w:sz="0" w:space="0" w:color="auto"/>
            <w:left w:val="none" w:sz="0" w:space="0" w:color="auto"/>
            <w:bottom w:val="none" w:sz="0" w:space="0" w:color="auto"/>
            <w:right w:val="none" w:sz="0" w:space="0" w:color="auto"/>
          </w:divBdr>
        </w:div>
        <w:div w:id="117309763">
          <w:marLeft w:val="0"/>
          <w:marRight w:val="0"/>
          <w:marTop w:val="0"/>
          <w:marBottom w:val="0"/>
          <w:divBdr>
            <w:top w:val="none" w:sz="0" w:space="0" w:color="auto"/>
            <w:left w:val="none" w:sz="0" w:space="0" w:color="auto"/>
            <w:bottom w:val="none" w:sz="0" w:space="0" w:color="auto"/>
            <w:right w:val="none" w:sz="0" w:space="0" w:color="auto"/>
          </w:divBdr>
        </w:div>
        <w:div w:id="1601378186">
          <w:marLeft w:val="0"/>
          <w:marRight w:val="0"/>
          <w:marTop w:val="0"/>
          <w:marBottom w:val="0"/>
          <w:divBdr>
            <w:top w:val="none" w:sz="0" w:space="0" w:color="auto"/>
            <w:left w:val="none" w:sz="0" w:space="0" w:color="auto"/>
            <w:bottom w:val="none" w:sz="0" w:space="0" w:color="auto"/>
            <w:right w:val="none" w:sz="0" w:space="0" w:color="auto"/>
          </w:divBdr>
        </w:div>
        <w:div w:id="278537707">
          <w:marLeft w:val="0"/>
          <w:marRight w:val="0"/>
          <w:marTop w:val="0"/>
          <w:marBottom w:val="0"/>
          <w:divBdr>
            <w:top w:val="none" w:sz="0" w:space="0" w:color="auto"/>
            <w:left w:val="none" w:sz="0" w:space="0" w:color="auto"/>
            <w:bottom w:val="none" w:sz="0" w:space="0" w:color="auto"/>
            <w:right w:val="none" w:sz="0" w:space="0" w:color="auto"/>
          </w:divBdr>
        </w:div>
      </w:divsChild>
    </w:div>
  </w:divs>
</w:webSettings>
</file>

<file path=word/_rels/document.xml.rels><?xml version="1.0" encoding="UTF-8" standalone="yes"?>
<Relationships xmlns="http://schemas.openxmlformats.org/package/2006/relationships"><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header" Target="header8.xml"/><Relationship Id="rId39" Type="http://schemas.openxmlformats.org/officeDocument/2006/relationships/footer" Target="footer13.xml"/><Relationship Id="rId21" Type="http://schemas.openxmlformats.org/officeDocument/2006/relationships/footer" Target="footer4.xml"/><Relationship Id="rId34" Type="http://schemas.openxmlformats.org/officeDocument/2006/relationships/footer" Target="footer11.xml"/><Relationship Id="rId42" Type="http://schemas.openxmlformats.org/officeDocument/2006/relationships/footer" Target="footer15.xml"/><Relationship Id="rId47" Type="http://schemas.openxmlformats.org/officeDocument/2006/relationships/hyperlink" Target="http://fsahandbook.info/FSA/html/handbook/SUP/18" TargetMode="External"/><Relationship Id="rId50" Type="http://schemas.microsoft.com/office/2011/relationships/people" Target="people.xml"/><Relationship Id="rId7" Type="http://schemas.openxmlformats.org/officeDocument/2006/relationships/styles" Target="styles.xml"/><Relationship Id="rId2" Type="http://schemas.openxmlformats.org/officeDocument/2006/relationships/customXml" Target="../customXml/item2.xml"/><Relationship Id="rId16" Type="http://schemas.openxmlformats.org/officeDocument/2006/relationships/footer" Target="footer2.xml"/><Relationship Id="rId29" Type="http://schemas.openxmlformats.org/officeDocument/2006/relationships/header" Target="header9.xml"/><Relationship Id="rId11" Type="http://schemas.openxmlformats.org/officeDocument/2006/relationships/endnotes" Target="endnotes.xml"/><Relationship Id="rId24" Type="http://schemas.openxmlformats.org/officeDocument/2006/relationships/footer" Target="footer6.xml"/><Relationship Id="rId32" Type="http://schemas.openxmlformats.org/officeDocument/2006/relationships/header" Target="header11.xml"/><Relationship Id="rId37" Type="http://schemas.openxmlformats.org/officeDocument/2006/relationships/header" Target="header13.xml"/><Relationship Id="rId40" Type="http://schemas.openxmlformats.org/officeDocument/2006/relationships/footer" Target="footer14.xml"/><Relationship Id="rId45" Type="http://schemas.openxmlformats.org/officeDocument/2006/relationships/hyperlink" Target="http://www.opsi.gov.uk/acts/acts2000/ukpga_20000008_en_1" TargetMode="Externa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eader" Target="header6.xml"/><Relationship Id="rId28" Type="http://schemas.openxmlformats.org/officeDocument/2006/relationships/footer" Target="footer8.xml"/><Relationship Id="rId36" Type="http://schemas.openxmlformats.org/officeDocument/2006/relationships/footer" Target="footer12.xml"/><Relationship Id="rId49" Type="http://schemas.openxmlformats.org/officeDocument/2006/relationships/fontTable" Target="fontTable.xml"/><Relationship Id="rId10" Type="http://schemas.openxmlformats.org/officeDocument/2006/relationships/footnotes" Target="footnotes.xml"/><Relationship Id="rId19" Type="http://schemas.openxmlformats.org/officeDocument/2006/relationships/header" Target="header4.xml"/><Relationship Id="rId31" Type="http://schemas.openxmlformats.org/officeDocument/2006/relationships/header" Target="header10.xml"/><Relationship Id="rId44" Type="http://schemas.openxmlformats.org/officeDocument/2006/relationships/hyperlink" Target="http://www.dbr.state.ri.us/documents/rules/insurance/InsuranceRegulation68.pdf" TargetMode="Externa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 Id="rId22" Type="http://schemas.openxmlformats.org/officeDocument/2006/relationships/footer" Target="footer5.xml"/><Relationship Id="rId27" Type="http://schemas.openxmlformats.org/officeDocument/2006/relationships/footer" Target="footer7.xml"/><Relationship Id="rId30" Type="http://schemas.openxmlformats.org/officeDocument/2006/relationships/footer" Target="footer9.xml"/><Relationship Id="rId35" Type="http://schemas.openxmlformats.org/officeDocument/2006/relationships/header" Target="header12.xml"/><Relationship Id="rId43" Type="http://schemas.openxmlformats.org/officeDocument/2006/relationships/hyperlink" Target="http://www.dbr.state.ri.us/documents/rules/insurance/InsuranceRegulation68.pdf" TargetMode="External"/><Relationship Id="rId48" Type="http://schemas.openxmlformats.org/officeDocument/2006/relationships/hyperlink" Target="http://fsahandbook.info/FSA/html/handbook/PRIN" TargetMode="External"/><Relationship Id="rId8" Type="http://schemas.openxmlformats.org/officeDocument/2006/relationships/settings" Target="settings.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image" Target="media/image1.png"/><Relationship Id="rId17" Type="http://schemas.openxmlformats.org/officeDocument/2006/relationships/header" Target="header3.xml"/><Relationship Id="rId25" Type="http://schemas.openxmlformats.org/officeDocument/2006/relationships/header" Target="header7.xml"/><Relationship Id="rId33" Type="http://schemas.openxmlformats.org/officeDocument/2006/relationships/footer" Target="footer10.xml"/><Relationship Id="rId38" Type="http://schemas.openxmlformats.org/officeDocument/2006/relationships/header" Target="header14.xml"/><Relationship Id="rId46" Type="http://schemas.openxmlformats.org/officeDocument/2006/relationships/hyperlink" Target="http://www.opsi.gov.uk/acts/acts2000/ukpga_20000008_en_1" TargetMode="External"/><Relationship Id="rId20" Type="http://schemas.openxmlformats.org/officeDocument/2006/relationships/header" Target="header5.xml"/><Relationship Id="rId41" Type="http://schemas.openxmlformats.org/officeDocument/2006/relationships/header" Target="header15.xml"/><Relationship Id="rId1" Type="http://schemas.openxmlformats.org/officeDocument/2006/relationships/customXml" Target="../customXml/item1.xml"/><Relationship Id="rId6" Type="http://schemas.openxmlformats.org/officeDocument/2006/relationships/numbering" Target="numbering.xml"/></Relationships>
</file>

<file path=word/_rels/footnotes.xml.rels><?xml version="1.0" encoding="UTF-8" standalone="yes"?>
<Relationships xmlns="http://schemas.openxmlformats.org/package/2006/relationships"><Relationship Id="rId8" Type="http://schemas.openxmlformats.org/officeDocument/2006/relationships/hyperlink" Target="https://docs.rwu.edu/rwu_LR/vol23/iss3/3" TargetMode="External"/><Relationship Id="rId3" Type="http://schemas.openxmlformats.org/officeDocument/2006/relationships/hyperlink" Target="http://webserver.rilin.state.ri.us/Statutes/TITLE27/27-14.5/INDEX.HTM" TargetMode="External"/><Relationship Id="rId7" Type="http://schemas.openxmlformats.org/officeDocument/2006/relationships/hyperlink" Target="http://ncoil.org/wp-content/uploads/2020/02/2020-02-24-Comment-on-NCOIL-IBT-Model.pdf" TargetMode="External"/><Relationship Id="rId2" Type="http://schemas.openxmlformats.org/officeDocument/2006/relationships/hyperlink" Target="http://webserver.rilin.state.ri.us/Statutes/TITLE27/27-14.5/INDEX.HTM" TargetMode="External"/><Relationship Id="rId1" Type="http://schemas.openxmlformats.org/officeDocument/2006/relationships/hyperlink" Target="http://webserver.rilin.state.ri.us/Statutes/TITLE27/27-14.5/INDEX.HTM" TargetMode="External"/><Relationship Id="rId6" Type="http://schemas.openxmlformats.org/officeDocument/2006/relationships/hyperlink" Target="https://content.naic.org/sites/default/files/inline-files/MDL-540.pdf" TargetMode="External"/><Relationship Id="rId11" Type="http://schemas.openxmlformats.org/officeDocument/2006/relationships/hyperlink" Target="http://www.jonesday.com/files/Publication/dae28676-d6c8-4de6-9cbb" TargetMode="External"/><Relationship Id="rId5" Type="http://schemas.openxmlformats.org/officeDocument/2006/relationships/hyperlink" Target="https://www.courts.ri.gov/Courts/DecisionsOrders/10-3777.pdf" TargetMode="External"/><Relationship Id="rId10" Type="http://schemas.openxmlformats.org/officeDocument/2006/relationships/hyperlink" Target="https://docs.rwu.edu/rwu_LR/vol23/iss3/3" TargetMode="External"/><Relationship Id="rId4" Type="http://schemas.openxmlformats.org/officeDocument/2006/relationships/hyperlink" Target="https://www.courts.ri.gov/Courts/DecisionsOrders/10-3777.pdf" TargetMode="External"/><Relationship Id="rId9" Type="http://schemas.openxmlformats.org/officeDocument/2006/relationships/hyperlink" Target="https://docs.rwu.edu/rwu_LR/vol23/iss3/3"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14" ma:contentTypeDescription="Create a new document." ma:contentTypeScope="" ma:versionID="66419e0d9cf63a700aa0dca6f3dc0418">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targetNamespace="http://schemas.microsoft.com/office/2006/metadata/properties" ma:root="true" ma:fieldsID="a2cebe7528297aff293ee59aecf11e4c" ns1:_="" ns2:_="" ns3:_="" ns4:_="">
    <xsd:import namespace="http://schemas.microsoft.com/sharepoint/v3"/>
    <xsd:import namespace="734dc620-9a3c-4363-b6b2-552d0a5c0ad8"/>
    <xsd:import namespace="http://schemas.microsoft.com/sharepoint/v3/fields"/>
    <xsd:import namespace="55eb7663-75cc-4f64-9609-52561375e7a6"/>
    <xsd:element name="properties">
      <xsd:complexType>
        <xsd:sequence>
          <xsd:element name="documentManagement">
            <xsd:complexType>
              <xsd:all>
                <xsd:element ref="ns2:Meeting_x0020_Type"/>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ma:displayName="Meeting Type" ma:format="Dropdown" ma:internalName="Meeting_x0020_Typ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_EndDate xmlns="http://schemas.microsoft.com/sharepoint/v3/fields">2022-04-08T05:00:00+00:00</_EndDate>
    <StartDate xmlns="http://schemas.microsoft.com/sharepoint/v3">2022-04-04T05:00:00+00:00</StartDate>
    <Location xmlns="http://schemas.microsoft.com/sharepoint/v3/fields">Kansas City, MO</Location>
    <Meeting_x0020_Type xmlns="734dc620-9a3c-4363-b6b2-552d0a5c0ad8">Spring National</Meeting_x0020_Type>
  </documentManagement>
</p:properties>
</file>

<file path=customXml/item5.xml><?xml version="1.0" encoding="utf-8"?>
<go:gDocsCustomXmlDataStorage xmlns:go="http://customooxmlschemas.google.com/" xmlns:r="http://schemas.openxmlformats.org/officeDocument/2006/relationships">
  <go:docsCustomData xmlns:go="http://customooxmlschemas.google.com/" roundtripDataSignature="AMtx7micZ+jNE+aB/EpKw793WuOvfxkNow==">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</go:docsCustomData>
</go:gDocsCustomXmlDataStorage>
</file>

<file path=customXml/itemProps1.xml><?xml version="1.0" encoding="utf-8"?>
<ds:datastoreItem xmlns:ds="http://schemas.openxmlformats.org/officeDocument/2006/customXml" ds:itemID="{6A4DF95E-84E7-4972-B5AE-5B2EFF2B8085}">
  <ds:schemaRefs>
    <ds:schemaRef ds:uri="http://schemas.microsoft.com/sharepoint/v3/contenttype/forms"/>
  </ds:schemaRefs>
</ds:datastoreItem>
</file>

<file path=customXml/itemProps2.xml><?xml version="1.0" encoding="utf-8"?>
<ds:datastoreItem xmlns:ds="http://schemas.openxmlformats.org/officeDocument/2006/customXml" ds:itemID="{B6EC84EA-A3D2-4ABE-A48B-7EF46A17136F}">
  <ds:schemaRefs>
    <ds:schemaRef ds:uri="http://schemas.openxmlformats.org/officeDocument/2006/bibliography"/>
  </ds:schemaRefs>
</ds:datastoreItem>
</file>

<file path=customXml/itemProps3.xml><?xml version="1.0" encoding="utf-8"?>
<ds:datastoreItem xmlns:ds="http://schemas.openxmlformats.org/officeDocument/2006/customXml" ds:itemID="{CA7DA910-5938-4AE7-BCF6-025D319726E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34dc620-9a3c-4363-b6b2-552d0a5c0ad8"/>
    <ds:schemaRef ds:uri="http://schemas.microsoft.com/sharepoint/v3/fields"/>
    <ds:schemaRef ds:uri="55eb7663-75cc-4f64-9609-52561375e7a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30CCD16-A81F-4EEA-A4D5-09539172D245}">
  <ds:schemaRefs>
    <ds:schemaRef ds:uri="http://schemas.microsoft.com/office/2006/metadata/properties"/>
    <ds:schemaRef ds:uri="http://schemas.microsoft.com/office/infopath/2007/PartnerControls"/>
    <ds:schemaRef ds:uri="http://schemas.microsoft.com/sharepoint/v3/fields"/>
    <ds:schemaRef ds:uri="http://schemas.microsoft.com/sharepoint/v3"/>
    <ds:schemaRef ds:uri="734dc620-9a3c-4363-b6b2-552d0a5c0ad8"/>
  </ds:schemaRefs>
</ds:datastoreItem>
</file>

<file path=customXml/itemProps5.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docProps/app.xml><?xml version="1.0" encoding="utf-8"?>
<Properties xmlns="http://schemas.openxmlformats.org/officeDocument/2006/extended-properties" xmlns:vt="http://schemas.openxmlformats.org/officeDocument/2006/docPropsVTypes">
  <Template>Normal.dotm</Template>
  <TotalTime>4</TotalTime>
  <Pages>115</Pages>
  <Words>45685</Words>
  <Characters>260405</Characters>
  <Application>Microsoft Office Word</Application>
  <DocSecurity>0</DocSecurity>
  <Lines>2170</Lines>
  <Paragraphs>61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0548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Starr, Paula</dc:creator>
  <cp:lastModifiedBy>Daveline, Dan</cp:lastModifiedBy>
  <cp:revision>5</cp:revision>
  <dcterms:created xsi:type="dcterms:W3CDTF">2022-03-11T23:19:00Z</dcterms:created>
  <dcterms:modified xsi:type="dcterms:W3CDTF">2022-03-28T16: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456691550307</vt:lpwstr>
  </property>
  <property fmtid="{D5CDD505-2E9C-101B-9397-08002B2CF9AE}" pid="5" name="TemplafyFromBlank">
    <vt:bool>true</vt:bool>
  </property>
  <property fmtid="{D5CDD505-2E9C-101B-9397-08002B2CF9AE}" pid="6" name="ContentTypeId">
    <vt:lpwstr>0x010100376674D47D81254AAE898D727025BAAD</vt:lpwstr>
  </property>
  <property fmtid="{D5CDD505-2E9C-101B-9397-08002B2CF9AE}" pid="7" name="_docset_NoMedatataSyncRequired">
    <vt:lpwstr>False</vt:lpwstr>
  </property>
</Properties>
</file>